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>
  <p:sldMasterIdLst>
    <p:sldMasterId id="2147483648" r:id="rId1"/>
  </p:sldMasterIdLst>
  <p:notesMasterIdLst>
    <p:notesMasterId r:id="rId27"/>
  </p:notesMasterIdLst>
  <p:sldIdLst>
    <p:sldId id="260" r:id="rId2"/>
    <p:sldId id="258" r:id="rId3"/>
    <p:sldId id="261" r:id="rId4"/>
    <p:sldId id="264" r:id="rId5"/>
    <p:sldId id="273" r:id="rId6"/>
    <p:sldId id="263" r:id="rId7"/>
    <p:sldId id="272" r:id="rId8"/>
    <p:sldId id="266" r:id="rId9"/>
    <p:sldId id="286" r:id="rId10"/>
    <p:sldId id="271" r:id="rId11"/>
    <p:sldId id="275" r:id="rId12"/>
    <p:sldId id="276" r:id="rId13"/>
    <p:sldId id="262" r:id="rId14"/>
    <p:sldId id="285" r:id="rId15"/>
    <p:sldId id="274" r:id="rId16"/>
    <p:sldId id="277" r:id="rId17"/>
    <p:sldId id="278" r:id="rId18"/>
    <p:sldId id="279" r:id="rId19"/>
    <p:sldId id="283" r:id="rId20"/>
    <p:sldId id="287" r:id="rId21"/>
    <p:sldId id="280" r:id="rId22"/>
    <p:sldId id="281" r:id="rId23"/>
    <p:sldId id="282" r:id="rId24"/>
    <p:sldId id="284" r:id="rId25"/>
    <p:sldId id="288" r:id="rId26"/>
  </p:sldIdLst>
  <p:sldSz cx="12192000" cy="6858000"/>
  <p:notesSz cx="6858000" cy="9144000"/>
  <p:defaultTextStyle>
    <a:defPPr>
      <a:defRPr lang="zh-CN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B6B4"/>
    <a:srgbClr val="FDB52D"/>
    <a:srgbClr val="E04548"/>
    <a:srgbClr val="12B19F"/>
    <a:srgbClr val="288DBB"/>
    <a:srgbClr val="FFFFFF"/>
    <a:srgbClr val="E71F3C"/>
    <a:srgbClr val="C1C7D0"/>
    <a:srgbClr val="FDA70B"/>
    <a:srgbClr val="0F9585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21215" autoAdjust="0"/>
    <p:restoredTop sz="94660"/>
  </p:normalViewPr>
  <p:slideViewPr>
    <p:cSldViewPr snapToGrid="0">
      <p:cViewPr varScale="1">
        <p:scale>
          <a:sx n="52" d="100"/>
          <a:sy n="52" d="100"/>
        </p:scale>
        <p:origin x="114" y="468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notesMaster" Target="notesMasters/notesMaster1.xml"/><Relationship Id="rId30" Type="http://schemas.openxmlformats.org/officeDocument/2006/relationships/theme" Target="theme/theme1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页眉占位符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3" name="日期占位符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D756C7F-5155-4030-895F-1E152494CC99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4" name="幻灯片图像占位符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zh-CN" altLang="en-US"/>
          </a:p>
        </p:txBody>
      </p:sp>
      <p:sp>
        <p:nvSpPr>
          <p:cNvPr id="5" name="备注占位符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FAAA8A1-888B-4811-8B15-994B49D89159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0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1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2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3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4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5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6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7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8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19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0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1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2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3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4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25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3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4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5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6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7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8</a:t>
            </a:fld>
            <a:endParaRPr lang="zh-CN" altLang="en-US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FAAA8A1-888B-4811-8B15-994B49D89159}" type="slidenum">
              <a:rPr lang="zh-CN" altLang="en-US" smtClean="0"/>
              <a:t>9</a:t>
            </a:fld>
            <a:endParaRPr lang="zh-CN" alt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标题幻灯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副标题 2"/>
          <p:cNvSpPr>
            <a:spLocks noGrp="1"/>
          </p:cNvSpPr>
          <p:nvPr>
            <p:ph type="subTitle" idx="1" hasCustomPrompt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zh-CN" altLang="en-US"/>
              <a:t>单击以编辑母版副标题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标题和竖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 hasCustomPrompt="1"/>
          </p:nvPr>
        </p:nvSpPr>
        <p:spPr/>
        <p:txBody>
          <a:bodyPr vert="eaVert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竖排标题与文本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竖排标题 1"/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竖排文字占位符 2"/>
          <p:cNvSpPr>
            <a:spLocks noGrp="1"/>
          </p:cNvSpPr>
          <p:nvPr>
            <p:ph type="body" orient="vert" idx="1" hasCustomPrompt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 hasCustomPrompt="1"/>
          </p:nvPr>
        </p:nvSpPr>
        <p:spPr/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节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 hasCustomPrompt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两栏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sz="half" idx="1" hasCustomPrompt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 hasCustomPrompt="1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 hasCustomPrompt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4" name="内容占位符 3"/>
          <p:cNvSpPr>
            <a:spLocks noGrp="1"/>
          </p:cNvSpPr>
          <p:nvPr>
            <p:ph sz="half" idx="2" hasCustomPrompt="1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5" name="文本占位符 4"/>
          <p:cNvSpPr>
            <a:spLocks noGrp="1"/>
          </p:cNvSpPr>
          <p:nvPr>
            <p:ph type="body" sz="quarter" idx="3" hasCustomPrompt="1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6" name="内容占位符 5"/>
          <p:cNvSpPr>
            <a:spLocks noGrp="1"/>
          </p:cNvSpPr>
          <p:nvPr>
            <p:ph sz="quarter" idx="4" hasCustomPrompt="1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7" name="日期占位符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8" name="页脚占位符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9" name="灯片编号占位符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日期占位符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4" name="页脚占位符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5" name="灯片编号占位符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占位符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3" name="页脚占位符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内容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内容占位符 2"/>
          <p:cNvSpPr>
            <a:spLocks noGrp="1"/>
          </p:cNvSpPr>
          <p:nvPr>
            <p:ph idx="1" hasCustomPrompt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 hasCustomPrompt="1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图片与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图片占位符 2"/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CN" altLang="en-US"/>
          </a:p>
        </p:txBody>
      </p:sp>
      <p:sp>
        <p:nvSpPr>
          <p:cNvPr id="4" name="文本占位符 3"/>
          <p:cNvSpPr>
            <a:spLocks noGrp="1"/>
          </p:cNvSpPr>
          <p:nvPr>
            <p:ph type="body" sz="half" idx="2" hasCustomPrompt="1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zh-CN" altLang="en-US"/>
              <a:t>编辑母版文本样式</a:t>
            </a:r>
          </a:p>
        </p:txBody>
      </p:sp>
      <p:sp>
        <p:nvSpPr>
          <p:cNvPr id="5" name="日期占位符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6" name="页脚占位符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CN" altLang="en-US"/>
          </a:p>
        </p:txBody>
      </p:sp>
      <p:sp>
        <p:nvSpPr>
          <p:cNvPr id="7" name="灯片编号占位符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占位符 1"/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CN" altLang="en-US"/>
              <a:t>单击此处编辑母版标题样式</a:t>
            </a:r>
          </a:p>
        </p:txBody>
      </p:sp>
      <p:sp>
        <p:nvSpPr>
          <p:cNvPr id="3" name="文本占位符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CN" altLang="en-US"/>
              <a:t>编辑母版文本样式</a:t>
            </a:r>
          </a:p>
          <a:p>
            <a:pPr lvl="1"/>
            <a:r>
              <a:rPr lang="zh-CN" altLang="en-US"/>
              <a:t>第二级</a:t>
            </a:r>
          </a:p>
          <a:p>
            <a:pPr lvl="2"/>
            <a:r>
              <a:rPr lang="zh-CN" altLang="en-US"/>
              <a:t>第三级</a:t>
            </a:r>
          </a:p>
          <a:p>
            <a:pPr lvl="3"/>
            <a:r>
              <a:rPr lang="zh-CN" altLang="en-US"/>
              <a:t>第四级</a:t>
            </a:r>
          </a:p>
          <a:p>
            <a:pPr lvl="4"/>
            <a:r>
              <a:rPr lang="zh-CN" altLang="en-US"/>
              <a:t>第五级</a:t>
            </a:r>
          </a:p>
        </p:txBody>
      </p:sp>
      <p:sp>
        <p:nvSpPr>
          <p:cNvPr id="4" name="日期占位符 3"/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42F8E9D-BAC3-4C0A-9F9D-2261C588608A}" type="datetimeFigureOut">
              <a:rPr lang="zh-CN" altLang="en-US" smtClean="0"/>
              <a:t>2021/1/5</a:t>
            </a:fld>
            <a:endParaRPr lang="zh-CN" altLang="en-US"/>
          </a:p>
        </p:txBody>
      </p:sp>
      <p:sp>
        <p:nvSpPr>
          <p:cNvPr id="5" name="页脚占位符 4"/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CN" altLang="en-US"/>
          </a:p>
        </p:txBody>
      </p:sp>
      <p:sp>
        <p:nvSpPr>
          <p:cNvPr id="6" name="灯片编号占位符 5"/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B6E850F-BFD6-4B0F-B0E7-7A5DFC18B8A7}" type="slidenum">
              <a:rPr lang="zh-CN" altLang="en-US" smtClean="0"/>
              <a:t>‹#›</a:t>
            </a:fld>
            <a:endParaRPr lang="zh-CN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7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7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7.pn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7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7" Type="http://schemas.openxmlformats.org/officeDocument/2006/relationships/image" Target="../media/image11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7.xml"/><Relationship Id="rId6" Type="http://schemas.openxmlformats.org/officeDocument/2006/relationships/image" Target="../media/image10.jpeg"/><Relationship Id="rId5" Type="http://schemas.openxmlformats.org/officeDocument/2006/relationships/image" Target="../media/image9.jpeg"/><Relationship Id="rId4" Type="http://schemas.openxmlformats.org/officeDocument/2006/relationships/image" Target="../media/image8.jpeg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7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7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7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7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4.jpeg"/><Relationship Id="rId4" Type="http://schemas.openxmlformats.org/officeDocument/2006/relationships/image" Target="../media/image3.jpeg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7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emf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" name="椭圆 31"/>
          <p:cNvSpPr/>
          <p:nvPr/>
        </p:nvSpPr>
        <p:spPr>
          <a:xfrm>
            <a:off x="1779470" y="3161265"/>
            <a:ext cx="8630622" cy="972804"/>
          </a:xfrm>
          <a:prstGeom prst="ellipse">
            <a:avLst/>
          </a:prstGeom>
          <a:solidFill>
            <a:schemeClr val="tx1">
              <a:alpha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3" name="组合 32"/>
          <p:cNvGrpSpPr/>
          <p:nvPr/>
        </p:nvGrpSpPr>
        <p:grpSpPr>
          <a:xfrm>
            <a:off x="2140462" y="3135267"/>
            <a:ext cx="3190688" cy="695171"/>
            <a:chOff x="2140462" y="3135267"/>
            <a:chExt cx="3190688" cy="695171"/>
          </a:xfrm>
        </p:grpSpPr>
        <p:sp>
          <p:nvSpPr>
            <p:cNvPr id="42" name="Rectangle 37"/>
            <p:cNvSpPr>
              <a:spLocks noChangeArrowheads="1"/>
            </p:cNvSpPr>
            <p:nvPr/>
          </p:nvSpPr>
          <p:spPr bwMode="auto">
            <a:xfrm>
              <a:off x="2140462" y="3135267"/>
              <a:ext cx="3190688" cy="687802"/>
            </a:xfrm>
            <a:prstGeom prst="rect">
              <a:avLst/>
            </a:prstGeom>
            <a:solidFill>
              <a:srgbClr val="AEDBA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39" name="Rectangle 25"/>
            <p:cNvSpPr>
              <a:spLocks noChangeArrowheads="1"/>
            </p:cNvSpPr>
            <p:nvPr/>
          </p:nvSpPr>
          <p:spPr bwMode="auto">
            <a:xfrm>
              <a:off x="2447927" y="3141652"/>
              <a:ext cx="141896" cy="687802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0" name="Rectangle 25"/>
            <p:cNvSpPr>
              <a:spLocks noChangeArrowheads="1"/>
            </p:cNvSpPr>
            <p:nvPr/>
          </p:nvSpPr>
          <p:spPr bwMode="auto">
            <a:xfrm>
              <a:off x="2645535" y="3135267"/>
              <a:ext cx="141896" cy="687802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1" name="Rectangle 29"/>
            <p:cNvSpPr>
              <a:spLocks noChangeArrowheads="1"/>
            </p:cNvSpPr>
            <p:nvPr/>
          </p:nvSpPr>
          <p:spPr bwMode="auto">
            <a:xfrm>
              <a:off x="4847031" y="3140668"/>
              <a:ext cx="228608" cy="689770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43" name="组合 42"/>
          <p:cNvGrpSpPr/>
          <p:nvPr/>
        </p:nvGrpSpPr>
        <p:grpSpPr>
          <a:xfrm>
            <a:off x="4085521" y="450725"/>
            <a:ext cx="4136682" cy="3476443"/>
            <a:chOff x="1866900" y="304801"/>
            <a:chExt cx="3222625" cy="2708275"/>
          </a:xfrm>
        </p:grpSpPr>
        <p:sp>
          <p:nvSpPr>
            <p:cNvPr id="44" name="Freeform 41"/>
            <p:cNvSpPr/>
            <p:nvPr/>
          </p:nvSpPr>
          <p:spPr bwMode="auto">
            <a:xfrm>
              <a:off x="2084388" y="538163"/>
              <a:ext cx="2792413" cy="2241550"/>
            </a:xfrm>
            <a:custGeom>
              <a:avLst/>
              <a:gdLst>
                <a:gd name="T0" fmla="*/ 345 w 1759"/>
                <a:gd name="T1" fmla="*/ 0 h 1412"/>
                <a:gd name="T2" fmla="*/ 1759 w 1759"/>
                <a:gd name="T3" fmla="*/ 533 h 1412"/>
                <a:gd name="T4" fmla="*/ 1414 w 1759"/>
                <a:gd name="T5" fmla="*/ 1412 h 1412"/>
                <a:gd name="T6" fmla="*/ 0 w 1759"/>
                <a:gd name="T7" fmla="*/ 879 h 1412"/>
                <a:gd name="T8" fmla="*/ 345 w 1759"/>
                <a:gd name="T9" fmla="*/ 0 h 14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59" h="1412">
                  <a:moveTo>
                    <a:pt x="345" y="0"/>
                  </a:moveTo>
                  <a:lnTo>
                    <a:pt x="1759" y="533"/>
                  </a:lnTo>
                  <a:lnTo>
                    <a:pt x="1414" y="1412"/>
                  </a:lnTo>
                  <a:lnTo>
                    <a:pt x="0" y="879"/>
                  </a:lnTo>
                  <a:lnTo>
                    <a:pt x="345" y="0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5" name="Freeform 42"/>
            <p:cNvSpPr/>
            <p:nvPr/>
          </p:nvSpPr>
          <p:spPr bwMode="auto">
            <a:xfrm>
              <a:off x="2084388" y="538163"/>
              <a:ext cx="2792413" cy="2241550"/>
            </a:xfrm>
            <a:custGeom>
              <a:avLst/>
              <a:gdLst>
                <a:gd name="T0" fmla="*/ 345 w 1759"/>
                <a:gd name="T1" fmla="*/ 0 h 1412"/>
                <a:gd name="T2" fmla="*/ 1759 w 1759"/>
                <a:gd name="T3" fmla="*/ 533 h 1412"/>
                <a:gd name="T4" fmla="*/ 1414 w 1759"/>
                <a:gd name="T5" fmla="*/ 1412 h 1412"/>
                <a:gd name="T6" fmla="*/ 0 w 1759"/>
                <a:gd name="T7" fmla="*/ 879 h 1412"/>
                <a:gd name="T8" fmla="*/ 345 w 1759"/>
                <a:gd name="T9" fmla="*/ 0 h 14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59" h="1412">
                  <a:moveTo>
                    <a:pt x="345" y="0"/>
                  </a:moveTo>
                  <a:lnTo>
                    <a:pt x="1759" y="533"/>
                  </a:lnTo>
                  <a:lnTo>
                    <a:pt x="1414" y="1412"/>
                  </a:lnTo>
                  <a:lnTo>
                    <a:pt x="0" y="879"/>
                  </a:lnTo>
                  <a:lnTo>
                    <a:pt x="345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6" name="Freeform 43"/>
            <p:cNvSpPr/>
            <p:nvPr/>
          </p:nvSpPr>
          <p:spPr bwMode="auto">
            <a:xfrm>
              <a:off x="1866900" y="304801"/>
              <a:ext cx="3222625" cy="2708275"/>
            </a:xfrm>
            <a:custGeom>
              <a:avLst/>
              <a:gdLst>
                <a:gd name="T0" fmla="*/ 180 w 759"/>
                <a:gd name="T1" fmla="*/ 55 h 637"/>
                <a:gd name="T2" fmla="*/ 163 w 759"/>
                <a:gd name="T3" fmla="*/ 101 h 637"/>
                <a:gd name="T4" fmla="*/ 645 w 759"/>
                <a:gd name="T5" fmla="*/ 282 h 637"/>
                <a:gd name="T6" fmla="*/ 552 w 759"/>
                <a:gd name="T7" fmla="*/ 519 h 637"/>
                <a:gd name="T8" fmla="*/ 115 w 759"/>
                <a:gd name="T9" fmla="*/ 355 h 637"/>
                <a:gd name="T10" fmla="*/ 225 w 759"/>
                <a:gd name="T11" fmla="*/ 73 h 637"/>
                <a:gd name="T12" fmla="*/ 180 w 759"/>
                <a:gd name="T13" fmla="*/ 55 h 637"/>
                <a:gd name="T14" fmla="*/ 163 w 759"/>
                <a:gd name="T15" fmla="*/ 101 h 637"/>
                <a:gd name="T16" fmla="*/ 180 w 759"/>
                <a:gd name="T17" fmla="*/ 55 h 637"/>
                <a:gd name="T18" fmla="*/ 134 w 759"/>
                <a:gd name="T19" fmla="*/ 37 h 637"/>
                <a:gd name="T20" fmla="*/ 5 w 759"/>
                <a:gd name="T21" fmla="*/ 365 h 637"/>
                <a:gd name="T22" fmla="*/ 6 w 759"/>
                <a:gd name="T23" fmla="*/ 403 h 637"/>
                <a:gd name="T24" fmla="*/ 33 w 759"/>
                <a:gd name="T25" fmla="*/ 429 h 637"/>
                <a:gd name="T26" fmla="*/ 562 w 759"/>
                <a:gd name="T27" fmla="*/ 628 h 637"/>
                <a:gd name="T28" fmla="*/ 625 w 759"/>
                <a:gd name="T29" fmla="*/ 600 h 637"/>
                <a:gd name="T30" fmla="*/ 754 w 759"/>
                <a:gd name="T31" fmla="*/ 272 h 637"/>
                <a:gd name="T32" fmla="*/ 754 w 759"/>
                <a:gd name="T33" fmla="*/ 234 h 637"/>
                <a:gd name="T34" fmla="*/ 726 w 759"/>
                <a:gd name="T35" fmla="*/ 208 h 637"/>
                <a:gd name="T36" fmla="*/ 197 w 759"/>
                <a:gd name="T37" fmla="*/ 9 h 637"/>
                <a:gd name="T38" fmla="*/ 134 w 759"/>
                <a:gd name="T39" fmla="*/ 37 h 637"/>
                <a:gd name="T40" fmla="*/ 180 w 759"/>
                <a:gd name="T41" fmla="*/ 55 h 6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759" h="637">
                  <a:moveTo>
                    <a:pt x="180" y="55"/>
                  </a:moveTo>
                  <a:cubicBezTo>
                    <a:pt x="163" y="101"/>
                    <a:pt x="163" y="101"/>
                    <a:pt x="163" y="101"/>
                  </a:cubicBezTo>
                  <a:cubicBezTo>
                    <a:pt x="645" y="282"/>
                    <a:pt x="645" y="282"/>
                    <a:pt x="645" y="282"/>
                  </a:cubicBezTo>
                  <a:cubicBezTo>
                    <a:pt x="552" y="519"/>
                    <a:pt x="552" y="519"/>
                    <a:pt x="552" y="519"/>
                  </a:cubicBezTo>
                  <a:cubicBezTo>
                    <a:pt x="115" y="355"/>
                    <a:pt x="115" y="355"/>
                    <a:pt x="115" y="355"/>
                  </a:cubicBezTo>
                  <a:cubicBezTo>
                    <a:pt x="225" y="73"/>
                    <a:pt x="225" y="73"/>
                    <a:pt x="225" y="73"/>
                  </a:cubicBezTo>
                  <a:cubicBezTo>
                    <a:pt x="180" y="55"/>
                    <a:pt x="180" y="55"/>
                    <a:pt x="180" y="55"/>
                  </a:cubicBezTo>
                  <a:cubicBezTo>
                    <a:pt x="163" y="101"/>
                    <a:pt x="163" y="101"/>
                    <a:pt x="163" y="101"/>
                  </a:cubicBezTo>
                  <a:cubicBezTo>
                    <a:pt x="180" y="55"/>
                    <a:pt x="180" y="55"/>
                    <a:pt x="180" y="55"/>
                  </a:cubicBezTo>
                  <a:cubicBezTo>
                    <a:pt x="134" y="37"/>
                    <a:pt x="134" y="37"/>
                    <a:pt x="134" y="37"/>
                  </a:cubicBezTo>
                  <a:cubicBezTo>
                    <a:pt x="5" y="365"/>
                    <a:pt x="5" y="365"/>
                    <a:pt x="5" y="365"/>
                  </a:cubicBezTo>
                  <a:cubicBezTo>
                    <a:pt x="0" y="377"/>
                    <a:pt x="0" y="391"/>
                    <a:pt x="6" y="403"/>
                  </a:cubicBezTo>
                  <a:cubicBezTo>
                    <a:pt x="11" y="415"/>
                    <a:pt x="21" y="424"/>
                    <a:pt x="33" y="429"/>
                  </a:cubicBezTo>
                  <a:cubicBezTo>
                    <a:pt x="562" y="628"/>
                    <a:pt x="562" y="628"/>
                    <a:pt x="562" y="628"/>
                  </a:cubicBezTo>
                  <a:cubicBezTo>
                    <a:pt x="587" y="637"/>
                    <a:pt x="615" y="625"/>
                    <a:pt x="625" y="600"/>
                  </a:cubicBezTo>
                  <a:cubicBezTo>
                    <a:pt x="754" y="272"/>
                    <a:pt x="754" y="272"/>
                    <a:pt x="754" y="272"/>
                  </a:cubicBezTo>
                  <a:cubicBezTo>
                    <a:pt x="759" y="260"/>
                    <a:pt x="759" y="246"/>
                    <a:pt x="754" y="234"/>
                  </a:cubicBezTo>
                  <a:cubicBezTo>
                    <a:pt x="748" y="222"/>
                    <a:pt x="738" y="212"/>
                    <a:pt x="726" y="208"/>
                  </a:cubicBezTo>
                  <a:cubicBezTo>
                    <a:pt x="197" y="9"/>
                    <a:pt x="197" y="9"/>
                    <a:pt x="197" y="9"/>
                  </a:cubicBezTo>
                  <a:cubicBezTo>
                    <a:pt x="172" y="0"/>
                    <a:pt x="144" y="12"/>
                    <a:pt x="134" y="37"/>
                  </a:cubicBezTo>
                  <a:cubicBezTo>
                    <a:pt x="180" y="55"/>
                    <a:pt x="180" y="55"/>
                    <a:pt x="180" y="5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7" name="Freeform 44"/>
            <p:cNvSpPr/>
            <p:nvPr/>
          </p:nvSpPr>
          <p:spPr bwMode="auto">
            <a:xfrm>
              <a:off x="2147888" y="611188"/>
              <a:ext cx="2660650" cy="2097088"/>
            </a:xfrm>
            <a:custGeom>
              <a:avLst/>
              <a:gdLst>
                <a:gd name="T0" fmla="*/ 321 w 1676"/>
                <a:gd name="T1" fmla="*/ 0 h 1321"/>
                <a:gd name="T2" fmla="*/ 1676 w 1676"/>
                <a:gd name="T3" fmla="*/ 509 h 1321"/>
                <a:gd name="T4" fmla="*/ 1358 w 1676"/>
                <a:gd name="T5" fmla="*/ 1321 h 1321"/>
                <a:gd name="T6" fmla="*/ 0 w 1676"/>
                <a:gd name="T7" fmla="*/ 811 h 1321"/>
                <a:gd name="T8" fmla="*/ 321 w 1676"/>
                <a:gd name="T9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76" h="1321">
                  <a:moveTo>
                    <a:pt x="321" y="0"/>
                  </a:moveTo>
                  <a:lnTo>
                    <a:pt x="1676" y="509"/>
                  </a:lnTo>
                  <a:lnTo>
                    <a:pt x="1358" y="1321"/>
                  </a:lnTo>
                  <a:lnTo>
                    <a:pt x="0" y="811"/>
                  </a:lnTo>
                  <a:lnTo>
                    <a:pt x="321" y="0"/>
                  </a:lnTo>
                  <a:close/>
                </a:path>
              </a:pathLst>
            </a:custGeom>
            <a:solidFill>
              <a:srgbClr val="C5C5C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8" name="Freeform 45"/>
            <p:cNvSpPr/>
            <p:nvPr/>
          </p:nvSpPr>
          <p:spPr bwMode="auto">
            <a:xfrm>
              <a:off x="2147888" y="611188"/>
              <a:ext cx="2660650" cy="2097088"/>
            </a:xfrm>
            <a:custGeom>
              <a:avLst/>
              <a:gdLst>
                <a:gd name="T0" fmla="*/ 321 w 1676"/>
                <a:gd name="T1" fmla="*/ 0 h 1321"/>
                <a:gd name="T2" fmla="*/ 1676 w 1676"/>
                <a:gd name="T3" fmla="*/ 509 h 1321"/>
                <a:gd name="T4" fmla="*/ 1358 w 1676"/>
                <a:gd name="T5" fmla="*/ 1321 h 1321"/>
                <a:gd name="T6" fmla="*/ 0 w 1676"/>
                <a:gd name="T7" fmla="*/ 811 h 1321"/>
                <a:gd name="T8" fmla="*/ 321 w 1676"/>
                <a:gd name="T9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76" h="1321">
                  <a:moveTo>
                    <a:pt x="321" y="0"/>
                  </a:moveTo>
                  <a:lnTo>
                    <a:pt x="1676" y="509"/>
                  </a:lnTo>
                  <a:lnTo>
                    <a:pt x="1358" y="1321"/>
                  </a:lnTo>
                  <a:lnTo>
                    <a:pt x="0" y="811"/>
                  </a:lnTo>
                  <a:lnTo>
                    <a:pt x="321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9" name="Freeform 46"/>
            <p:cNvSpPr/>
            <p:nvPr/>
          </p:nvSpPr>
          <p:spPr bwMode="auto">
            <a:xfrm>
              <a:off x="3582988" y="831851"/>
              <a:ext cx="363538" cy="161925"/>
            </a:xfrm>
            <a:custGeom>
              <a:avLst/>
              <a:gdLst>
                <a:gd name="T0" fmla="*/ 3 w 86"/>
                <a:gd name="T1" fmla="*/ 8 h 38"/>
                <a:gd name="T2" fmla="*/ 80 w 86"/>
                <a:gd name="T3" fmla="*/ 37 h 38"/>
                <a:gd name="T4" fmla="*/ 85 w 86"/>
                <a:gd name="T5" fmla="*/ 35 h 38"/>
                <a:gd name="T6" fmla="*/ 85 w 86"/>
                <a:gd name="T7" fmla="*/ 35 h 38"/>
                <a:gd name="T8" fmla="*/ 83 w 86"/>
                <a:gd name="T9" fmla="*/ 29 h 38"/>
                <a:gd name="T10" fmla="*/ 6 w 86"/>
                <a:gd name="T11" fmla="*/ 1 h 38"/>
                <a:gd name="T12" fmla="*/ 1 w 86"/>
                <a:gd name="T13" fmla="*/ 3 h 38"/>
                <a:gd name="T14" fmla="*/ 3 w 86"/>
                <a:gd name="T15" fmla="*/ 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6" h="38">
                  <a:moveTo>
                    <a:pt x="3" y="8"/>
                  </a:moveTo>
                  <a:cubicBezTo>
                    <a:pt x="80" y="37"/>
                    <a:pt x="80" y="37"/>
                    <a:pt x="80" y="37"/>
                  </a:cubicBezTo>
                  <a:cubicBezTo>
                    <a:pt x="82" y="38"/>
                    <a:pt x="84" y="37"/>
                    <a:pt x="85" y="35"/>
                  </a:cubicBezTo>
                  <a:cubicBezTo>
                    <a:pt x="85" y="35"/>
                    <a:pt x="85" y="35"/>
                    <a:pt x="85" y="35"/>
                  </a:cubicBezTo>
                  <a:cubicBezTo>
                    <a:pt x="86" y="32"/>
                    <a:pt x="85" y="30"/>
                    <a:pt x="83" y="29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4" y="0"/>
                    <a:pt x="2" y="1"/>
                    <a:pt x="1" y="3"/>
                  </a:cubicBezTo>
                  <a:cubicBezTo>
                    <a:pt x="0" y="5"/>
                    <a:pt x="1" y="8"/>
                    <a:pt x="3" y="8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0" name="Freeform 47"/>
            <p:cNvSpPr/>
            <p:nvPr/>
          </p:nvSpPr>
          <p:spPr bwMode="auto">
            <a:xfrm>
              <a:off x="2398713" y="836613"/>
              <a:ext cx="2211388" cy="1624013"/>
            </a:xfrm>
            <a:custGeom>
              <a:avLst/>
              <a:gdLst>
                <a:gd name="T0" fmla="*/ 0 w 1393"/>
                <a:gd name="T1" fmla="*/ 573 h 1023"/>
                <a:gd name="T2" fmla="*/ 1173 w 1393"/>
                <a:gd name="T3" fmla="*/ 1023 h 1023"/>
                <a:gd name="T4" fmla="*/ 1393 w 1393"/>
                <a:gd name="T5" fmla="*/ 450 h 1023"/>
                <a:gd name="T6" fmla="*/ 219 w 1393"/>
                <a:gd name="T7" fmla="*/ 0 h 1023"/>
                <a:gd name="T8" fmla="*/ 0 w 1393"/>
                <a:gd name="T9" fmla="*/ 573 h 10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93" h="1023">
                  <a:moveTo>
                    <a:pt x="0" y="573"/>
                  </a:moveTo>
                  <a:lnTo>
                    <a:pt x="1173" y="1023"/>
                  </a:lnTo>
                  <a:lnTo>
                    <a:pt x="1393" y="450"/>
                  </a:lnTo>
                  <a:lnTo>
                    <a:pt x="219" y="0"/>
                  </a:lnTo>
                  <a:lnTo>
                    <a:pt x="0" y="573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1" name="Freeform 48"/>
            <p:cNvSpPr/>
            <p:nvPr/>
          </p:nvSpPr>
          <p:spPr bwMode="auto">
            <a:xfrm>
              <a:off x="2398713" y="836613"/>
              <a:ext cx="2211388" cy="1624013"/>
            </a:xfrm>
            <a:custGeom>
              <a:avLst/>
              <a:gdLst>
                <a:gd name="T0" fmla="*/ 0 w 1393"/>
                <a:gd name="T1" fmla="*/ 573 h 1023"/>
                <a:gd name="T2" fmla="*/ 1173 w 1393"/>
                <a:gd name="T3" fmla="*/ 1023 h 1023"/>
                <a:gd name="T4" fmla="*/ 1393 w 1393"/>
                <a:gd name="T5" fmla="*/ 450 h 1023"/>
                <a:gd name="T6" fmla="*/ 219 w 1393"/>
                <a:gd name="T7" fmla="*/ 0 h 1023"/>
                <a:gd name="T8" fmla="*/ 0 w 1393"/>
                <a:gd name="T9" fmla="*/ 573 h 10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93" h="1023">
                  <a:moveTo>
                    <a:pt x="0" y="573"/>
                  </a:moveTo>
                  <a:lnTo>
                    <a:pt x="1173" y="1023"/>
                  </a:lnTo>
                  <a:lnTo>
                    <a:pt x="1393" y="450"/>
                  </a:lnTo>
                  <a:lnTo>
                    <a:pt x="219" y="0"/>
                  </a:lnTo>
                  <a:lnTo>
                    <a:pt x="0" y="57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2" name="Freeform 49"/>
            <p:cNvSpPr/>
            <p:nvPr/>
          </p:nvSpPr>
          <p:spPr bwMode="auto">
            <a:xfrm>
              <a:off x="2728913" y="836613"/>
              <a:ext cx="1881188" cy="755650"/>
            </a:xfrm>
            <a:custGeom>
              <a:avLst/>
              <a:gdLst>
                <a:gd name="T0" fmla="*/ 0 w 1185"/>
                <a:gd name="T1" fmla="*/ 26 h 476"/>
                <a:gd name="T2" fmla="*/ 1174 w 1185"/>
                <a:gd name="T3" fmla="*/ 476 h 476"/>
                <a:gd name="T4" fmla="*/ 1185 w 1185"/>
                <a:gd name="T5" fmla="*/ 450 h 476"/>
                <a:gd name="T6" fmla="*/ 11 w 1185"/>
                <a:gd name="T7" fmla="*/ 0 h 476"/>
                <a:gd name="T8" fmla="*/ 0 w 1185"/>
                <a:gd name="T9" fmla="*/ 26 h 4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5" h="476">
                  <a:moveTo>
                    <a:pt x="0" y="26"/>
                  </a:moveTo>
                  <a:lnTo>
                    <a:pt x="1174" y="476"/>
                  </a:lnTo>
                  <a:lnTo>
                    <a:pt x="1185" y="450"/>
                  </a:lnTo>
                  <a:lnTo>
                    <a:pt x="11" y="0"/>
                  </a:lnTo>
                  <a:lnTo>
                    <a:pt x="0" y="2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3" name="Freeform 50"/>
            <p:cNvSpPr/>
            <p:nvPr/>
          </p:nvSpPr>
          <p:spPr bwMode="auto">
            <a:xfrm>
              <a:off x="2728913" y="836613"/>
              <a:ext cx="1881188" cy="755650"/>
            </a:xfrm>
            <a:custGeom>
              <a:avLst/>
              <a:gdLst>
                <a:gd name="T0" fmla="*/ 0 w 1185"/>
                <a:gd name="T1" fmla="*/ 26 h 476"/>
                <a:gd name="T2" fmla="*/ 1174 w 1185"/>
                <a:gd name="T3" fmla="*/ 476 h 476"/>
                <a:gd name="T4" fmla="*/ 1185 w 1185"/>
                <a:gd name="T5" fmla="*/ 450 h 476"/>
                <a:gd name="T6" fmla="*/ 11 w 1185"/>
                <a:gd name="T7" fmla="*/ 0 h 476"/>
                <a:gd name="T8" fmla="*/ 0 w 1185"/>
                <a:gd name="T9" fmla="*/ 26 h 4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5" h="476">
                  <a:moveTo>
                    <a:pt x="0" y="26"/>
                  </a:moveTo>
                  <a:lnTo>
                    <a:pt x="1174" y="476"/>
                  </a:lnTo>
                  <a:lnTo>
                    <a:pt x="1185" y="450"/>
                  </a:lnTo>
                  <a:lnTo>
                    <a:pt x="11" y="0"/>
                  </a:lnTo>
                  <a:lnTo>
                    <a:pt x="0" y="2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4" name="Freeform 51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0 w 561"/>
                <a:gd name="T1" fmla="*/ 43 h 252"/>
                <a:gd name="T2" fmla="*/ 545 w 561"/>
                <a:gd name="T3" fmla="*/ 252 h 252"/>
                <a:gd name="T4" fmla="*/ 561 w 561"/>
                <a:gd name="T5" fmla="*/ 209 h 252"/>
                <a:gd name="T6" fmla="*/ 16 w 561"/>
                <a:gd name="T7" fmla="*/ 0 h 252"/>
                <a:gd name="T8" fmla="*/ 0 w 561"/>
                <a:gd name="T9" fmla="*/ 43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0" y="43"/>
                  </a:move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lnTo>
                    <a:pt x="0" y="43"/>
                  </a:lnTo>
                  <a:close/>
                </a:path>
              </a:pathLst>
            </a:custGeom>
            <a:solidFill>
              <a:srgbClr val="ACD85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5" name="Freeform 52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0 w 561"/>
                <a:gd name="T1" fmla="*/ 43 h 252"/>
                <a:gd name="T2" fmla="*/ 545 w 561"/>
                <a:gd name="T3" fmla="*/ 252 h 252"/>
                <a:gd name="T4" fmla="*/ 561 w 561"/>
                <a:gd name="T5" fmla="*/ 209 h 252"/>
                <a:gd name="T6" fmla="*/ 16 w 561"/>
                <a:gd name="T7" fmla="*/ 0 h 252"/>
                <a:gd name="T8" fmla="*/ 0 w 561"/>
                <a:gd name="T9" fmla="*/ 43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0" y="43"/>
                  </a:move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lnTo>
                    <a:pt x="0" y="4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6" name="Freeform 53"/>
            <p:cNvSpPr/>
            <p:nvPr/>
          </p:nvSpPr>
          <p:spPr bwMode="auto">
            <a:xfrm>
              <a:off x="2589213" y="1052513"/>
              <a:ext cx="1935163" cy="898525"/>
            </a:xfrm>
            <a:custGeom>
              <a:avLst/>
              <a:gdLst>
                <a:gd name="T0" fmla="*/ 0 w 1219"/>
                <a:gd name="T1" fmla="*/ 118 h 566"/>
                <a:gd name="T2" fmla="*/ 1176 w 1219"/>
                <a:gd name="T3" fmla="*/ 566 h 566"/>
                <a:gd name="T4" fmla="*/ 1219 w 1219"/>
                <a:gd name="T5" fmla="*/ 450 h 566"/>
                <a:gd name="T6" fmla="*/ 45 w 1219"/>
                <a:gd name="T7" fmla="*/ 0 h 566"/>
                <a:gd name="T8" fmla="*/ 0 w 1219"/>
                <a:gd name="T9" fmla="*/ 118 h 5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19" h="566">
                  <a:moveTo>
                    <a:pt x="0" y="118"/>
                  </a:moveTo>
                  <a:lnTo>
                    <a:pt x="1176" y="566"/>
                  </a:lnTo>
                  <a:lnTo>
                    <a:pt x="1219" y="450"/>
                  </a:lnTo>
                  <a:lnTo>
                    <a:pt x="45" y="0"/>
                  </a:lnTo>
                  <a:lnTo>
                    <a:pt x="0" y="118"/>
                  </a:lnTo>
                  <a:close/>
                </a:path>
              </a:pathLst>
            </a:custGeom>
            <a:solidFill>
              <a:srgbClr val="5895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7" name="Freeform 54"/>
            <p:cNvSpPr/>
            <p:nvPr/>
          </p:nvSpPr>
          <p:spPr bwMode="auto">
            <a:xfrm>
              <a:off x="2589213" y="1052513"/>
              <a:ext cx="1935163" cy="898525"/>
            </a:xfrm>
            <a:custGeom>
              <a:avLst/>
              <a:gdLst>
                <a:gd name="T0" fmla="*/ 0 w 1219"/>
                <a:gd name="T1" fmla="*/ 118 h 566"/>
                <a:gd name="T2" fmla="*/ 1176 w 1219"/>
                <a:gd name="T3" fmla="*/ 566 h 566"/>
                <a:gd name="T4" fmla="*/ 1219 w 1219"/>
                <a:gd name="T5" fmla="*/ 450 h 566"/>
                <a:gd name="T6" fmla="*/ 45 w 1219"/>
                <a:gd name="T7" fmla="*/ 0 h 566"/>
                <a:gd name="T8" fmla="*/ 0 w 1219"/>
                <a:gd name="T9" fmla="*/ 118 h 5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19" h="566">
                  <a:moveTo>
                    <a:pt x="0" y="118"/>
                  </a:moveTo>
                  <a:lnTo>
                    <a:pt x="1176" y="566"/>
                  </a:lnTo>
                  <a:lnTo>
                    <a:pt x="1219" y="450"/>
                  </a:lnTo>
                  <a:lnTo>
                    <a:pt x="45" y="0"/>
                  </a:lnTo>
                  <a:lnTo>
                    <a:pt x="0" y="1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8" name="Freeform 55"/>
            <p:cNvSpPr/>
            <p:nvPr/>
          </p:nvSpPr>
          <p:spPr bwMode="auto">
            <a:xfrm>
              <a:off x="3030538" y="1138238"/>
              <a:ext cx="1158875" cy="468313"/>
            </a:xfrm>
            <a:custGeom>
              <a:avLst/>
              <a:gdLst>
                <a:gd name="T0" fmla="*/ 0 w 730"/>
                <a:gd name="T1" fmla="*/ 16 h 295"/>
                <a:gd name="T2" fmla="*/ 722 w 730"/>
                <a:gd name="T3" fmla="*/ 295 h 295"/>
                <a:gd name="T4" fmla="*/ 730 w 730"/>
                <a:gd name="T5" fmla="*/ 276 h 295"/>
                <a:gd name="T6" fmla="*/ 5 w 730"/>
                <a:gd name="T7" fmla="*/ 0 h 295"/>
                <a:gd name="T8" fmla="*/ 0 w 730"/>
                <a:gd name="T9" fmla="*/ 16 h 2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30" h="295">
                  <a:moveTo>
                    <a:pt x="0" y="16"/>
                  </a:moveTo>
                  <a:lnTo>
                    <a:pt x="722" y="295"/>
                  </a:lnTo>
                  <a:lnTo>
                    <a:pt x="730" y="276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9" name="Freeform 56"/>
            <p:cNvSpPr/>
            <p:nvPr/>
          </p:nvSpPr>
          <p:spPr bwMode="auto">
            <a:xfrm>
              <a:off x="3030538" y="1138238"/>
              <a:ext cx="1158875" cy="468313"/>
            </a:xfrm>
            <a:custGeom>
              <a:avLst/>
              <a:gdLst>
                <a:gd name="T0" fmla="*/ 0 w 730"/>
                <a:gd name="T1" fmla="*/ 16 h 295"/>
                <a:gd name="T2" fmla="*/ 722 w 730"/>
                <a:gd name="T3" fmla="*/ 295 h 295"/>
                <a:gd name="T4" fmla="*/ 730 w 730"/>
                <a:gd name="T5" fmla="*/ 276 h 295"/>
                <a:gd name="T6" fmla="*/ 5 w 730"/>
                <a:gd name="T7" fmla="*/ 0 h 295"/>
                <a:gd name="T8" fmla="*/ 0 w 730"/>
                <a:gd name="T9" fmla="*/ 16 h 2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30" h="295">
                  <a:moveTo>
                    <a:pt x="0" y="16"/>
                  </a:moveTo>
                  <a:lnTo>
                    <a:pt x="722" y="295"/>
                  </a:lnTo>
                  <a:lnTo>
                    <a:pt x="730" y="276"/>
                  </a:lnTo>
                  <a:lnTo>
                    <a:pt x="5" y="0"/>
                  </a:lnTo>
                  <a:lnTo>
                    <a:pt x="0" y="1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0" name="Freeform 57"/>
            <p:cNvSpPr/>
            <p:nvPr/>
          </p:nvSpPr>
          <p:spPr bwMode="auto">
            <a:xfrm>
              <a:off x="2632075" y="1320801"/>
              <a:ext cx="525463" cy="327025"/>
            </a:xfrm>
            <a:custGeom>
              <a:avLst/>
              <a:gdLst>
                <a:gd name="T0" fmla="*/ 0 w 331"/>
                <a:gd name="T1" fmla="*/ 94 h 206"/>
                <a:gd name="T2" fmla="*/ 294 w 331"/>
                <a:gd name="T3" fmla="*/ 206 h 206"/>
                <a:gd name="T4" fmla="*/ 331 w 331"/>
                <a:gd name="T5" fmla="*/ 113 h 206"/>
                <a:gd name="T6" fmla="*/ 37 w 331"/>
                <a:gd name="T7" fmla="*/ 0 h 206"/>
                <a:gd name="T8" fmla="*/ 0 w 331"/>
                <a:gd name="T9" fmla="*/ 94 h 20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6">
                  <a:moveTo>
                    <a:pt x="0" y="94"/>
                  </a:moveTo>
                  <a:lnTo>
                    <a:pt x="294" y="206"/>
                  </a:lnTo>
                  <a:lnTo>
                    <a:pt x="331" y="113"/>
                  </a:lnTo>
                  <a:lnTo>
                    <a:pt x="37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FFAD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1" name="Freeform 58"/>
            <p:cNvSpPr/>
            <p:nvPr/>
          </p:nvSpPr>
          <p:spPr bwMode="auto">
            <a:xfrm>
              <a:off x="3217863" y="1541463"/>
              <a:ext cx="525463" cy="331788"/>
            </a:xfrm>
            <a:custGeom>
              <a:avLst/>
              <a:gdLst>
                <a:gd name="T0" fmla="*/ 0 w 331"/>
                <a:gd name="T1" fmla="*/ 94 h 209"/>
                <a:gd name="T2" fmla="*/ 294 w 331"/>
                <a:gd name="T3" fmla="*/ 209 h 209"/>
                <a:gd name="T4" fmla="*/ 331 w 331"/>
                <a:gd name="T5" fmla="*/ 113 h 209"/>
                <a:gd name="T6" fmla="*/ 34 w 331"/>
                <a:gd name="T7" fmla="*/ 0 h 209"/>
                <a:gd name="T8" fmla="*/ 0 w 331"/>
                <a:gd name="T9" fmla="*/ 94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9">
                  <a:moveTo>
                    <a:pt x="0" y="94"/>
                  </a:moveTo>
                  <a:lnTo>
                    <a:pt x="294" y="209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FF493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2" name="Freeform 59"/>
            <p:cNvSpPr/>
            <p:nvPr/>
          </p:nvSpPr>
          <p:spPr bwMode="auto">
            <a:xfrm>
              <a:off x="3217863" y="1541463"/>
              <a:ext cx="525463" cy="331788"/>
            </a:xfrm>
            <a:custGeom>
              <a:avLst/>
              <a:gdLst>
                <a:gd name="T0" fmla="*/ 0 w 331"/>
                <a:gd name="T1" fmla="*/ 94 h 209"/>
                <a:gd name="T2" fmla="*/ 294 w 331"/>
                <a:gd name="T3" fmla="*/ 209 h 209"/>
                <a:gd name="T4" fmla="*/ 331 w 331"/>
                <a:gd name="T5" fmla="*/ 113 h 209"/>
                <a:gd name="T6" fmla="*/ 34 w 331"/>
                <a:gd name="T7" fmla="*/ 0 h 209"/>
                <a:gd name="T8" fmla="*/ 0 w 331"/>
                <a:gd name="T9" fmla="*/ 94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9">
                  <a:moveTo>
                    <a:pt x="0" y="94"/>
                  </a:moveTo>
                  <a:lnTo>
                    <a:pt x="294" y="209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3" name="Freeform 60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0 w 331"/>
                <a:gd name="T1" fmla="*/ 94 h 207"/>
                <a:gd name="T2" fmla="*/ 294 w 331"/>
                <a:gd name="T3" fmla="*/ 207 h 207"/>
                <a:gd name="T4" fmla="*/ 331 w 331"/>
                <a:gd name="T5" fmla="*/ 113 h 207"/>
                <a:gd name="T6" fmla="*/ 34 w 331"/>
                <a:gd name="T7" fmla="*/ 0 h 207"/>
                <a:gd name="T8" fmla="*/ 0 w 331"/>
                <a:gd name="T9" fmla="*/ 94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0" y="94"/>
                  </a:move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94B95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4" name="Freeform 61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0 w 331"/>
                <a:gd name="T1" fmla="*/ 94 h 207"/>
                <a:gd name="T2" fmla="*/ 294 w 331"/>
                <a:gd name="T3" fmla="*/ 207 h 207"/>
                <a:gd name="T4" fmla="*/ 331 w 331"/>
                <a:gd name="T5" fmla="*/ 113 h 207"/>
                <a:gd name="T6" fmla="*/ 34 w 331"/>
                <a:gd name="T7" fmla="*/ 0 h 207"/>
                <a:gd name="T8" fmla="*/ 0 w 331"/>
                <a:gd name="T9" fmla="*/ 94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0" y="94"/>
                  </a:move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5" name="Freeform 62"/>
            <p:cNvSpPr/>
            <p:nvPr/>
          </p:nvSpPr>
          <p:spPr bwMode="auto">
            <a:xfrm>
              <a:off x="2398713" y="1665288"/>
              <a:ext cx="1892300" cy="795338"/>
            </a:xfrm>
            <a:custGeom>
              <a:avLst/>
              <a:gdLst>
                <a:gd name="T0" fmla="*/ 0 w 1192"/>
                <a:gd name="T1" fmla="*/ 51 h 501"/>
                <a:gd name="T2" fmla="*/ 1173 w 1192"/>
                <a:gd name="T3" fmla="*/ 501 h 501"/>
                <a:gd name="T4" fmla="*/ 1192 w 1192"/>
                <a:gd name="T5" fmla="*/ 450 h 501"/>
                <a:gd name="T6" fmla="*/ 18 w 1192"/>
                <a:gd name="T7" fmla="*/ 0 h 501"/>
                <a:gd name="T8" fmla="*/ 0 w 1192"/>
                <a:gd name="T9" fmla="*/ 51 h 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501">
                  <a:moveTo>
                    <a:pt x="0" y="51"/>
                  </a:moveTo>
                  <a:lnTo>
                    <a:pt x="1173" y="501"/>
                  </a:lnTo>
                  <a:lnTo>
                    <a:pt x="1192" y="450"/>
                  </a:lnTo>
                  <a:lnTo>
                    <a:pt x="18" y="0"/>
                  </a:lnTo>
                  <a:lnTo>
                    <a:pt x="0" y="51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6" name="Freeform 63"/>
            <p:cNvSpPr/>
            <p:nvPr/>
          </p:nvSpPr>
          <p:spPr bwMode="auto">
            <a:xfrm>
              <a:off x="2398713" y="1665288"/>
              <a:ext cx="1892300" cy="795338"/>
            </a:xfrm>
            <a:custGeom>
              <a:avLst/>
              <a:gdLst>
                <a:gd name="T0" fmla="*/ 0 w 1192"/>
                <a:gd name="T1" fmla="*/ 51 h 501"/>
                <a:gd name="T2" fmla="*/ 1173 w 1192"/>
                <a:gd name="T3" fmla="*/ 501 h 501"/>
                <a:gd name="T4" fmla="*/ 1192 w 1192"/>
                <a:gd name="T5" fmla="*/ 450 h 501"/>
                <a:gd name="T6" fmla="*/ 18 w 1192"/>
                <a:gd name="T7" fmla="*/ 0 h 501"/>
                <a:gd name="T8" fmla="*/ 0 w 1192"/>
                <a:gd name="T9" fmla="*/ 51 h 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501">
                  <a:moveTo>
                    <a:pt x="0" y="51"/>
                  </a:moveTo>
                  <a:lnTo>
                    <a:pt x="1173" y="501"/>
                  </a:lnTo>
                  <a:lnTo>
                    <a:pt x="1192" y="450"/>
                  </a:lnTo>
                  <a:lnTo>
                    <a:pt x="18" y="0"/>
                  </a:lnTo>
                  <a:lnTo>
                    <a:pt x="0" y="51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7" name="Freeform 64"/>
            <p:cNvSpPr/>
            <p:nvPr/>
          </p:nvSpPr>
          <p:spPr bwMode="auto">
            <a:xfrm>
              <a:off x="2614613" y="1490663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8" name="Freeform 65"/>
            <p:cNvSpPr/>
            <p:nvPr/>
          </p:nvSpPr>
          <p:spPr bwMode="auto">
            <a:xfrm>
              <a:off x="2593975" y="153828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6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6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9" name="Freeform 66"/>
            <p:cNvSpPr/>
            <p:nvPr/>
          </p:nvSpPr>
          <p:spPr bwMode="auto">
            <a:xfrm>
              <a:off x="2576513" y="1589088"/>
              <a:ext cx="479425" cy="203200"/>
            </a:xfrm>
            <a:custGeom>
              <a:avLst/>
              <a:gdLst>
                <a:gd name="T0" fmla="*/ 0 w 302"/>
                <a:gd name="T1" fmla="*/ 16 h 128"/>
                <a:gd name="T2" fmla="*/ 294 w 302"/>
                <a:gd name="T3" fmla="*/ 128 h 128"/>
                <a:gd name="T4" fmla="*/ 302 w 302"/>
                <a:gd name="T5" fmla="*/ 112 h 128"/>
                <a:gd name="T6" fmla="*/ 8 w 302"/>
                <a:gd name="T7" fmla="*/ 0 h 128"/>
                <a:gd name="T8" fmla="*/ 0 w 302"/>
                <a:gd name="T9" fmla="*/ 16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8">
                  <a:moveTo>
                    <a:pt x="0" y="16"/>
                  </a:moveTo>
                  <a:lnTo>
                    <a:pt x="294" y="128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0" name="Freeform 67"/>
            <p:cNvSpPr/>
            <p:nvPr/>
          </p:nvSpPr>
          <p:spPr bwMode="auto">
            <a:xfrm>
              <a:off x="2559050" y="1635126"/>
              <a:ext cx="306388" cy="141288"/>
            </a:xfrm>
            <a:custGeom>
              <a:avLst/>
              <a:gdLst>
                <a:gd name="T0" fmla="*/ 0 w 193"/>
                <a:gd name="T1" fmla="*/ 19 h 89"/>
                <a:gd name="T2" fmla="*/ 187 w 193"/>
                <a:gd name="T3" fmla="*/ 89 h 89"/>
                <a:gd name="T4" fmla="*/ 193 w 193"/>
                <a:gd name="T5" fmla="*/ 73 h 89"/>
                <a:gd name="T6" fmla="*/ 6 w 193"/>
                <a:gd name="T7" fmla="*/ 0 h 89"/>
                <a:gd name="T8" fmla="*/ 0 w 193"/>
                <a:gd name="T9" fmla="*/ 19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3" h="89">
                  <a:moveTo>
                    <a:pt x="0" y="19"/>
                  </a:moveTo>
                  <a:lnTo>
                    <a:pt x="187" y="89"/>
                  </a:lnTo>
                  <a:lnTo>
                    <a:pt x="193" y="73"/>
                  </a:lnTo>
                  <a:lnTo>
                    <a:pt x="6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1" name="Freeform 68"/>
            <p:cNvSpPr/>
            <p:nvPr/>
          </p:nvSpPr>
          <p:spPr bwMode="auto">
            <a:xfrm>
              <a:off x="3200400" y="1712913"/>
              <a:ext cx="474663" cy="207963"/>
            </a:xfrm>
            <a:custGeom>
              <a:avLst/>
              <a:gdLst>
                <a:gd name="T0" fmla="*/ 0 w 299"/>
                <a:gd name="T1" fmla="*/ 18 h 131"/>
                <a:gd name="T2" fmla="*/ 294 w 299"/>
                <a:gd name="T3" fmla="*/ 131 h 131"/>
                <a:gd name="T4" fmla="*/ 299 w 299"/>
                <a:gd name="T5" fmla="*/ 112 h 131"/>
                <a:gd name="T6" fmla="*/ 5 w 299"/>
                <a:gd name="T7" fmla="*/ 0 h 131"/>
                <a:gd name="T8" fmla="*/ 0 w 299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9" h="131">
                  <a:moveTo>
                    <a:pt x="0" y="18"/>
                  </a:moveTo>
                  <a:lnTo>
                    <a:pt x="294" y="131"/>
                  </a:lnTo>
                  <a:lnTo>
                    <a:pt x="299" y="112"/>
                  </a:lnTo>
                  <a:lnTo>
                    <a:pt x="5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2" name="Freeform 69"/>
            <p:cNvSpPr/>
            <p:nvPr/>
          </p:nvSpPr>
          <p:spPr bwMode="auto">
            <a:xfrm>
              <a:off x="3200400" y="1712913"/>
              <a:ext cx="474663" cy="207963"/>
            </a:xfrm>
            <a:custGeom>
              <a:avLst/>
              <a:gdLst>
                <a:gd name="T0" fmla="*/ 0 w 299"/>
                <a:gd name="T1" fmla="*/ 18 h 131"/>
                <a:gd name="T2" fmla="*/ 294 w 299"/>
                <a:gd name="T3" fmla="*/ 131 h 131"/>
                <a:gd name="T4" fmla="*/ 299 w 299"/>
                <a:gd name="T5" fmla="*/ 112 h 131"/>
                <a:gd name="T6" fmla="*/ 5 w 299"/>
                <a:gd name="T7" fmla="*/ 0 h 131"/>
                <a:gd name="T8" fmla="*/ 0 w 299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9" h="131">
                  <a:moveTo>
                    <a:pt x="0" y="18"/>
                  </a:moveTo>
                  <a:lnTo>
                    <a:pt x="294" y="131"/>
                  </a:lnTo>
                  <a:lnTo>
                    <a:pt x="299" y="112"/>
                  </a:lnTo>
                  <a:lnTo>
                    <a:pt x="5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3" name="Freeform 70"/>
            <p:cNvSpPr/>
            <p:nvPr/>
          </p:nvSpPr>
          <p:spPr bwMode="auto">
            <a:xfrm>
              <a:off x="3179763" y="1763713"/>
              <a:ext cx="479425" cy="203200"/>
            </a:xfrm>
            <a:custGeom>
              <a:avLst/>
              <a:gdLst>
                <a:gd name="T0" fmla="*/ 0 w 302"/>
                <a:gd name="T1" fmla="*/ 16 h 128"/>
                <a:gd name="T2" fmla="*/ 296 w 302"/>
                <a:gd name="T3" fmla="*/ 128 h 128"/>
                <a:gd name="T4" fmla="*/ 302 w 302"/>
                <a:gd name="T5" fmla="*/ 112 h 128"/>
                <a:gd name="T6" fmla="*/ 8 w 302"/>
                <a:gd name="T7" fmla="*/ 0 h 128"/>
                <a:gd name="T8" fmla="*/ 0 w 302"/>
                <a:gd name="T9" fmla="*/ 16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8">
                  <a:moveTo>
                    <a:pt x="0" y="16"/>
                  </a:moveTo>
                  <a:lnTo>
                    <a:pt x="296" y="128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4" name="Freeform 71"/>
            <p:cNvSpPr/>
            <p:nvPr/>
          </p:nvSpPr>
          <p:spPr bwMode="auto">
            <a:xfrm>
              <a:off x="3162300" y="1809751"/>
              <a:ext cx="479425" cy="207963"/>
            </a:xfrm>
            <a:custGeom>
              <a:avLst/>
              <a:gdLst>
                <a:gd name="T0" fmla="*/ 0 w 302"/>
                <a:gd name="T1" fmla="*/ 19 h 131"/>
                <a:gd name="T2" fmla="*/ 294 w 302"/>
                <a:gd name="T3" fmla="*/ 131 h 131"/>
                <a:gd name="T4" fmla="*/ 302 w 302"/>
                <a:gd name="T5" fmla="*/ 113 h 131"/>
                <a:gd name="T6" fmla="*/ 5 w 302"/>
                <a:gd name="T7" fmla="*/ 0 h 131"/>
                <a:gd name="T8" fmla="*/ 0 w 302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9"/>
                  </a:moveTo>
                  <a:lnTo>
                    <a:pt x="294" y="131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5" name="Freeform 72"/>
            <p:cNvSpPr/>
            <p:nvPr/>
          </p:nvSpPr>
          <p:spPr bwMode="auto">
            <a:xfrm>
              <a:off x="3144838" y="1860551"/>
              <a:ext cx="306388" cy="141288"/>
            </a:xfrm>
            <a:custGeom>
              <a:avLst/>
              <a:gdLst>
                <a:gd name="T0" fmla="*/ 0 w 193"/>
                <a:gd name="T1" fmla="*/ 16 h 89"/>
                <a:gd name="T2" fmla="*/ 185 w 193"/>
                <a:gd name="T3" fmla="*/ 89 h 89"/>
                <a:gd name="T4" fmla="*/ 193 w 193"/>
                <a:gd name="T5" fmla="*/ 70 h 89"/>
                <a:gd name="T6" fmla="*/ 5 w 193"/>
                <a:gd name="T7" fmla="*/ 0 h 89"/>
                <a:gd name="T8" fmla="*/ 0 w 193"/>
                <a:gd name="T9" fmla="*/ 16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3" h="89">
                  <a:moveTo>
                    <a:pt x="0" y="16"/>
                  </a:moveTo>
                  <a:lnTo>
                    <a:pt x="185" y="89"/>
                  </a:lnTo>
                  <a:lnTo>
                    <a:pt x="193" y="70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6" name="Freeform 73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7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7" name="Freeform 74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7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8" name="Freeform 75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0 w 303"/>
                <a:gd name="T1" fmla="*/ 19 h 131"/>
                <a:gd name="T2" fmla="*/ 295 w 303"/>
                <a:gd name="T3" fmla="*/ 131 h 131"/>
                <a:gd name="T4" fmla="*/ 303 w 303"/>
                <a:gd name="T5" fmla="*/ 113 h 131"/>
                <a:gd name="T6" fmla="*/ 9 w 303"/>
                <a:gd name="T7" fmla="*/ 0 h 131"/>
                <a:gd name="T8" fmla="*/ 0 w 303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0" y="19"/>
                  </a:move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9" name="Freeform 76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0 w 303"/>
                <a:gd name="T1" fmla="*/ 19 h 131"/>
                <a:gd name="T2" fmla="*/ 295 w 303"/>
                <a:gd name="T3" fmla="*/ 131 h 131"/>
                <a:gd name="T4" fmla="*/ 303 w 303"/>
                <a:gd name="T5" fmla="*/ 113 h 131"/>
                <a:gd name="T6" fmla="*/ 9 w 303"/>
                <a:gd name="T7" fmla="*/ 0 h 131"/>
                <a:gd name="T8" fmla="*/ 0 w 303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0" y="19"/>
                  </a:move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lnTo>
                    <a:pt x="0" y="19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0" name="Freeform 77"/>
            <p:cNvSpPr/>
            <p:nvPr/>
          </p:nvSpPr>
          <p:spPr bwMode="auto">
            <a:xfrm>
              <a:off x="3748088" y="2035176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1" name="Freeform 78"/>
            <p:cNvSpPr/>
            <p:nvPr/>
          </p:nvSpPr>
          <p:spPr bwMode="auto">
            <a:xfrm>
              <a:off x="3748088" y="2035176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2" name="Freeform 79"/>
            <p:cNvSpPr/>
            <p:nvPr/>
          </p:nvSpPr>
          <p:spPr bwMode="auto">
            <a:xfrm>
              <a:off x="3725863" y="2082801"/>
              <a:ext cx="311150" cy="139700"/>
            </a:xfrm>
            <a:custGeom>
              <a:avLst/>
              <a:gdLst>
                <a:gd name="T0" fmla="*/ 0 w 196"/>
                <a:gd name="T1" fmla="*/ 18 h 88"/>
                <a:gd name="T2" fmla="*/ 188 w 196"/>
                <a:gd name="T3" fmla="*/ 88 h 88"/>
                <a:gd name="T4" fmla="*/ 196 w 196"/>
                <a:gd name="T5" fmla="*/ 72 h 88"/>
                <a:gd name="T6" fmla="*/ 8 w 196"/>
                <a:gd name="T7" fmla="*/ 0 h 88"/>
                <a:gd name="T8" fmla="*/ 0 w 196"/>
                <a:gd name="T9" fmla="*/ 18 h 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6" h="88">
                  <a:moveTo>
                    <a:pt x="0" y="18"/>
                  </a:moveTo>
                  <a:lnTo>
                    <a:pt x="188" y="88"/>
                  </a:lnTo>
                  <a:lnTo>
                    <a:pt x="196" y="7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3" name="Freeform 80"/>
            <p:cNvSpPr/>
            <p:nvPr/>
          </p:nvSpPr>
          <p:spPr bwMode="auto">
            <a:xfrm>
              <a:off x="3725863" y="2082801"/>
              <a:ext cx="311150" cy="139700"/>
            </a:xfrm>
            <a:custGeom>
              <a:avLst/>
              <a:gdLst>
                <a:gd name="T0" fmla="*/ 0 w 196"/>
                <a:gd name="T1" fmla="*/ 18 h 88"/>
                <a:gd name="T2" fmla="*/ 188 w 196"/>
                <a:gd name="T3" fmla="*/ 88 h 88"/>
                <a:gd name="T4" fmla="*/ 196 w 196"/>
                <a:gd name="T5" fmla="*/ 72 h 88"/>
                <a:gd name="T6" fmla="*/ 8 w 196"/>
                <a:gd name="T7" fmla="*/ 0 h 88"/>
                <a:gd name="T8" fmla="*/ 0 w 196"/>
                <a:gd name="T9" fmla="*/ 18 h 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6" h="88">
                  <a:moveTo>
                    <a:pt x="0" y="18"/>
                  </a:moveTo>
                  <a:lnTo>
                    <a:pt x="188" y="88"/>
                  </a:lnTo>
                  <a:lnTo>
                    <a:pt x="196" y="72"/>
                  </a:lnTo>
                  <a:lnTo>
                    <a:pt x="8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4" name="Freeform 81"/>
            <p:cNvSpPr/>
            <p:nvPr/>
          </p:nvSpPr>
          <p:spPr bwMode="auto">
            <a:xfrm>
              <a:off x="2657475" y="611188"/>
              <a:ext cx="2151063" cy="2097088"/>
            </a:xfrm>
            <a:custGeom>
              <a:avLst/>
              <a:gdLst>
                <a:gd name="T0" fmla="*/ 0 w 1355"/>
                <a:gd name="T1" fmla="*/ 0 h 1321"/>
                <a:gd name="T2" fmla="*/ 133 w 1355"/>
                <a:gd name="T3" fmla="*/ 171 h 1321"/>
                <a:gd name="T4" fmla="*/ 1230 w 1355"/>
                <a:gd name="T5" fmla="*/ 592 h 1321"/>
                <a:gd name="T6" fmla="*/ 1010 w 1355"/>
                <a:gd name="T7" fmla="*/ 1165 h 1321"/>
                <a:gd name="T8" fmla="*/ 871 w 1355"/>
                <a:gd name="T9" fmla="*/ 1112 h 1321"/>
                <a:gd name="T10" fmla="*/ 1037 w 1355"/>
                <a:gd name="T11" fmla="*/ 1321 h 1321"/>
                <a:gd name="T12" fmla="*/ 1355 w 1355"/>
                <a:gd name="T13" fmla="*/ 509 h 1321"/>
                <a:gd name="T14" fmla="*/ 0 w 1355"/>
                <a:gd name="T15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355" h="1321">
                  <a:moveTo>
                    <a:pt x="0" y="0"/>
                  </a:moveTo>
                  <a:lnTo>
                    <a:pt x="133" y="171"/>
                  </a:lnTo>
                  <a:lnTo>
                    <a:pt x="1230" y="592"/>
                  </a:lnTo>
                  <a:lnTo>
                    <a:pt x="1010" y="1165"/>
                  </a:lnTo>
                  <a:lnTo>
                    <a:pt x="871" y="1112"/>
                  </a:lnTo>
                  <a:lnTo>
                    <a:pt x="1037" y="1321"/>
                  </a:lnTo>
                  <a:lnTo>
                    <a:pt x="1355" y="50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1B1B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5" name="Freeform 82"/>
            <p:cNvSpPr/>
            <p:nvPr/>
          </p:nvSpPr>
          <p:spPr bwMode="auto">
            <a:xfrm>
              <a:off x="2657475" y="611188"/>
              <a:ext cx="2151063" cy="2097088"/>
            </a:xfrm>
            <a:custGeom>
              <a:avLst/>
              <a:gdLst>
                <a:gd name="T0" fmla="*/ 0 w 1355"/>
                <a:gd name="T1" fmla="*/ 0 h 1321"/>
                <a:gd name="T2" fmla="*/ 133 w 1355"/>
                <a:gd name="T3" fmla="*/ 171 h 1321"/>
                <a:gd name="T4" fmla="*/ 1230 w 1355"/>
                <a:gd name="T5" fmla="*/ 592 h 1321"/>
                <a:gd name="T6" fmla="*/ 1010 w 1355"/>
                <a:gd name="T7" fmla="*/ 1165 h 1321"/>
                <a:gd name="T8" fmla="*/ 871 w 1355"/>
                <a:gd name="T9" fmla="*/ 1112 h 1321"/>
                <a:gd name="T10" fmla="*/ 1037 w 1355"/>
                <a:gd name="T11" fmla="*/ 1321 h 1321"/>
                <a:gd name="T12" fmla="*/ 1355 w 1355"/>
                <a:gd name="T13" fmla="*/ 509 h 1321"/>
                <a:gd name="T14" fmla="*/ 0 w 1355"/>
                <a:gd name="T15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355" h="1321">
                  <a:moveTo>
                    <a:pt x="0" y="0"/>
                  </a:moveTo>
                  <a:lnTo>
                    <a:pt x="133" y="171"/>
                  </a:lnTo>
                  <a:lnTo>
                    <a:pt x="1230" y="592"/>
                  </a:lnTo>
                  <a:lnTo>
                    <a:pt x="1010" y="1165"/>
                  </a:lnTo>
                  <a:lnTo>
                    <a:pt x="871" y="1112"/>
                  </a:lnTo>
                  <a:lnTo>
                    <a:pt x="1037" y="1321"/>
                  </a:lnTo>
                  <a:lnTo>
                    <a:pt x="1355" y="509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6" name="Freeform 83"/>
            <p:cNvSpPr>
              <a:spLocks noEditPoints="1"/>
            </p:cNvSpPr>
            <p:nvPr/>
          </p:nvSpPr>
          <p:spPr bwMode="auto">
            <a:xfrm>
              <a:off x="2928938" y="955676"/>
              <a:ext cx="1681163" cy="1504950"/>
            </a:xfrm>
            <a:custGeom>
              <a:avLst/>
              <a:gdLst>
                <a:gd name="T0" fmla="*/ 821 w 1059"/>
                <a:gd name="T1" fmla="*/ 779 h 948"/>
                <a:gd name="T2" fmla="*/ 526 w 1059"/>
                <a:gd name="T3" fmla="*/ 667 h 948"/>
                <a:gd name="T4" fmla="*/ 535 w 1059"/>
                <a:gd name="T5" fmla="*/ 648 h 948"/>
                <a:gd name="T6" fmla="*/ 829 w 1059"/>
                <a:gd name="T7" fmla="*/ 761 h 948"/>
                <a:gd name="T8" fmla="*/ 821 w 1059"/>
                <a:gd name="T9" fmla="*/ 779 h 948"/>
                <a:gd name="T10" fmla="*/ 834 w 1059"/>
                <a:gd name="T11" fmla="*/ 750 h 948"/>
                <a:gd name="T12" fmla="*/ 537 w 1059"/>
                <a:gd name="T13" fmla="*/ 637 h 948"/>
                <a:gd name="T14" fmla="*/ 545 w 1059"/>
                <a:gd name="T15" fmla="*/ 619 h 948"/>
                <a:gd name="T16" fmla="*/ 839 w 1059"/>
                <a:gd name="T17" fmla="*/ 731 h 948"/>
                <a:gd name="T18" fmla="*/ 834 w 1059"/>
                <a:gd name="T19" fmla="*/ 750 h 948"/>
                <a:gd name="T20" fmla="*/ 845 w 1059"/>
                <a:gd name="T21" fmla="*/ 718 h 948"/>
                <a:gd name="T22" fmla="*/ 551 w 1059"/>
                <a:gd name="T23" fmla="*/ 605 h 948"/>
                <a:gd name="T24" fmla="*/ 585 w 1059"/>
                <a:gd name="T25" fmla="*/ 511 h 948"/>
                <a:gd name="T26" fmla="*/ 882 w 1059"/>
                <a:gd name="T27" fmla="*/ 624 h 948"/>
                <a:gd name="T28" fmla="*/ 845 w 1059"/>
                <a:gd name="T29" fmla="*/ 718 h 948"/>
                <a:gd name="T30" fmla="*/ 711 w 1059"/>
                <a:gd name="T31" fmla="*/ 340 h 948"/>
                <a:gd name="T32" fmla="*/ 166 w 1059"/>
                <a:gd name="T33" fmla="*/ 131 h 948"/>
                <a:gd name="T34" fmla="*/ 182 w 1059"/>
                <a:gd name="T35" fmla="*/ 88 h 948"/>
                <a:gd name="T36" fmla="*/ 727 w 1059"/>
                <a:gd name="T37" fmla="*/ 297 h 948"/>
                <a:gd name="T38" fmla="*/ 711 w 1059"/>
                <a:gd name="T39" fmla="*/ 340 h 948"/>
                <a:gd name="T40" fmla="*/ 0 w 1059"/>
                <a:gd name="T41" fmla="*/ 0 h 948"/>
                <a:gd name="T42" fmla="*/ 96 w 1059"/>
                <a:gd name="T43" fmla="*/ 125 h 948"/>
                <a:gd name="T44" fmla="*/ 794 w 1059"/>
                <a:gd name="T45" fmla="*/ 391 h 948"/>
                <a:gd name="T46" fmla="*/ 786 w 1059"/>
                <a:gd name="T47" fmla="*/ 410 h 948"/>
                <a:gd name="T48" fmla="*/ 120 w 1059"/>
                <a:gd name="T49" fmla="*/ 155 h 948"/>
                <a:gd name="T50" fmla="*/ 139 w 1059"/>
                <a:gd name="T51" fmla="*/ 179 h 948"/>
                <a:gd name="T52" fmla="*/ 1005 w 1059"/>
                <a:gd name="T53" fmla="*/ 511 h 948"/>
                <a:gd name="T54" fmla="*/ 962 w 1059"/>
                <a:gd name="T55" fmla="*/ 627 h 948"/>
                <a:gd name="T56" fmla="*/ 289 w 1059"/>
                <a:gd name="T57" fmla="*/ 369 h 948"/>
                <a:gd name="T58" fmla="*/ 321 w 1059"/>
                <a:gd name="T59" fmla="*/ 410 h 948"/>
                <a:gd name="T60" fmla="*/ 513 w 1059"/>
                <a:gd name="T61" fmla="*/ 482 h 948"/>
                <a:gd name="T62" fmla="*/ 476 w 1059"/>
                <a:gd name="T63" fmla="*/ 578 h 948"/>
                <a:gd name="T64" fmla="*/ 441 w 1059"/>
                <a:gd name="T65" fmla="*/ 565 h 948"/>
                <a:gd name="T66" fmla="*/ 457 w 1059"/>
                <a:gd name="T67" fmla="*/ 584 h 948"/>
                <a:gd name="T68" fmla="*/ 470 w 1059"/>
                <a:gd name="T69" fmla="*/ 589 h 948"/>
                <a:gd name="T70" fmla="*/ 468 w 1059"/>
                <a:gd name="T71" fmla="*/ 597 h 948"/>
                <a:gd name="T72" fmla="*/ 537 w 1059"/>
                <a:gd name="T73" fmla="*/ 686 h 948"/>
                <a:gd name="T74" fmla="*/ 818 w 1059"/>
                <a:gd name="T75" fmla="*/ 793 h 948"/>
                <a:gd name="T76" fmla="*/ 810 w 1059"/>
                <a:gd name="T77" fmla="*/ 809 h 948"/>
                <a:gd name="T78" fmla="*/ 559 w 1059"/>
                <a:gd name="T79" fmla="*/ 715 h 948"/>
                <a:gd name="T80" fmla="*/ 575 w 1059"/>
                <a:gd name="T81" fmla="*/ 736 h 948"/>
                <a:gd name="T82" fmla="*/ 698 w 1059"/>
                <a:gd name="T83" fmla="*/ 782 h 948"/>
                <a:gd name="T84" fmla="*/ 690 w 1059"/>
                <a:gd name="T85" fmla="*/ 798 h 948"/>
                <a:gd name="T86" fmla="*/ 599 w 1059"/>
                <a:gd name="T87" fmla="*/ 763 h 948"/>
                <a:gd name="T88" fmla="*/ 636 w 1059"/>
                <a:gd name="T89" fmla="*/ 811 h 948"/>
                <a:gd name="T90" fmla="*/ 858 w 1059"/>
                <a:gd name="T91" fmla="*/ 897 h 948"/>
                <a:gd name="T92" fmla="*/ 839 w 1059"/>
                <a:gd name="T93" fmla="*/ 948 h 948"/>
                <a:gd name="T94" fmla="*/ 700 w 1059"/>
                <a:gd name="T95" fmla="*/ 895 h 948"/>
                <a:gd name="T96" fmla="*/ 839 w 1059"/>
                <a:gd name="T97" fmla="*/ 948 h 948"/>
                <a:gd name="T98" fmla="*/ 1059 w 1059"/>
                <a:gd name="T99" fmla="*/ 375 h 948"/>
                <a:gd name="T100" fmla="*/ 1048 w 1059"/>
                <a:gd name="T101" fmla="*/ 401 h 948"/>
                <a:gd name="T102" fmla="*/ 0 w 1059"/>
                <a:gd name="T103" fmla="*/ 0 h 9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</a:cxnLst>
              <a:rect l="0" t="0" r="r" b="b"/>
              <a:pathLst>
                <a:path w="1059" h="948">
                  <a:moveTo>
                    <a:pt x="821" y="779"/>
                  </a:moveTo>
                  <a:lnTo>
                    <a:pt x="526" y="667"/>
                  </a:lnTo>
                  <a:lnTo>
                    <a:pt x="535" y="648"/>
                  </a:lnTo>
                  <a:lnTo>
                    <a:pt x="829" y="761"/>
                  </a:lnTo>
                  <a:lnTo>
                    <a:pt x="821" y="779"/>
                  </a:lnTo>
                  <a:close/>
                  <a:moveTo>
                    <a:pt x="834" y="750"/>
                  </a:moveTo>
                  <a:lnTo>
                    <a:pt x="537" y="637"/>
                  </a:lnTo>
                  <a:lnTo>
                    <a:pt x="545" y="619"/>
                  </a:lnTo>
                  <a:lnTo>
                    <a:pt x="839" y="731"/>
                  </a:lnTo>
                  <a:lnTo>
                    <a:pt x="834" y="750"/>
                  </a:lnTo>
                  <a:close/>
                  <a:moveTo>
                    <a:pt x="845" y="718"/>
                  </a:moveTo>
                  <a:lnTo>
                    <a:pt x="551" y="605"/>
                  </a:lnTo>
                  <a:lnTo>
                    <a:pt x="585" y="511"/>
                  </a:lnTo>
                  <a:lnTo>
                    <a:pt x="882" y="624"/>
                  </a:lnTo>
                  <a:lnTo>
                    <a:pt x="845" y="718"/>
                  </a:lnTo>
                  <a:close/>
                  <a:moveTo>
                    <a:pt x="711" y="340"/>
                  </a:moveTo>
                  <a:lnTo>
                    <a:pt x="166" y="131"/>
                  </a:lnTo>
                  <a:lnTo>
                    <a:pt x="182" y="88"/>
                  </a:lnTo>
                  <a:lnTo>
                    <a:pt x="727" y="297"/>
                  </a:lnTo>
                  <a:lnTo>
                    <a:pt x="711" y="340"/>
                  </a:lnTo>
                  <a:close/>
                  <a:moveTo>
                    <a:pt x="0" y="0"/>
                  </a:moveTo>
                  <a:lnTo>
                    <a:pt x="96" y="125"/>
                  </a:lnTo>
                  <a:lnTo>
                    <a:pt x="794" y="391"/>
                  </a:lnTo>
                  <a:lnTo>
                    <a:pt x="786" y="410"/>
                  </a:lnTo>
                  <a:lnTo>
                    <a:pt x="120" y="155"/>
                  </a:lnTo>
                  <a:lnTo>
                    <a:pt x="139" y="179"/>
                  </a:lnTo>
                  <a:lnTo>
                    <a:pt x="1005" y="511"/>
                  </a:lnTo>
                  <a:lnTo>
                    <a:pt x="962" y="627"/>
                  </a:lnTo>
                  <a:lnTo>
                    <a:pt x="289" y="369"/>
                  </a:lnTo>
                  <a:lnTo>
                    <a:pt x="321" y="410"/>
                  </a:lnTo>
                  <a:lnTo>
                    <a:pt x="513" y="482"/>
                  </a:lnTo>
                  <a:lnTo>
                    <a:pt x="476" y="578"/>
                  </a:lnTo>
                  <a:lnTo>
                    <a:pt x="441" y="565"/>
                  </a:lnTo>
                  <a:lnTo>
                    <a:pt x="457" y="584"/>
                  </a:lnTo>
                  <a:lnTo>
                    <a:pt x="470" y="589"/>
                  </a:lnTo>
                  <a:lnTo>
                    <a:pt x="468" y="597"/>
                  </a:lnTo>
                  <a:lnTo>
                    <a:pt x="537" y="686"/>
                  </a:lnTo>
                  <a:lnTo>
                    <a:pt x="818" y="793"/>
                  </a:lnTo>
                  <a:lnTo>
                    <a:pt x="810" y="809"/>
                  </a:lnTo>
                  <a:lnTo>
                    <a:pt x="559" y="715"/>
                  </a:lnTo>
                  <a:lnTo>
                    <a:pt x="575" y="736"/>
                  </a:lnTo>
                  <a:lnTo>
                    <a:pt x="698" y="782"/>
                  </a:lnTo>
                  <a:lnTo>
                    <a:pt x="690" y="798"/>
                  </a:lnTo>
                  <a:lnTo>
                    <a:pt x="599" y="763"/>
                  </a:lnTo>
                  <a:lnTo>
                    <a:pt x="636" y="811"/>
                  </a:lnTo>
                  <a:lnTo>
                    <a:pt x="858" y="897"/>
                  </a:lnTo>
                  <a:lnTo>
                    <a:pt x="839" y="948"/>
                  </a:lnTo>
                  <a:lnTo>
                    <a:pt x="700" y="895"/>
                  </a:lnTo>
                  <a:lnTo>
                    <a:pt x="839" y="948"/>
                  </a:lnTo>
                  <a:lnTo>
                    <a:pt x="1059" y="375"/>
                  </a:lnTo>
                  <a:lnTo>
                    <a:pt x="1048" y="40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E5E5E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7" name="Freeform 84"/>
            <p:cNvSpPr>
              <a:spLocks noEditPoints="1"/>
            </p:cNvSpPr>
            <p:nvPr/>
          </p:nvSpPr>
          <p:spPr bwMode="auto">
            <a:xfrm>
              <a:off x="2928938" y="955676"/>
              <a:ext cx="1681163" cy="1504950"/>
            </a:xfrm>
            <a:custGeom>
              <a:avLst/>
              <a:gdLst>
                <a:gd name="T0" fmla="*/ 821 w 1059"/>
                <a:gd name="T1" fmla="*/ 779 h 948"/>
                <a:gd name="T2" fmla="*/ 526 w 1059"/>
                <a:gd name="T3" fmla="*/ 667 h 948"/>
                <a:gd name="T4" fmla="*/ 535 w 1059"/>
                <a:gd name="T5" fmla="*/ 648 h 948"/>
                <a:gd name="T6" fmla="*/ 829 w 1059"/>
                <a:gd name="T7" fmla="*/ 761 h 948"/>
                <a:gd name="T8" fmla="*/ 821 w 1059"/>
                <a:gd name="T9" fmla="*/ 779 h 948"/>
                <a:gd name="T10" fmla="*/ 834 w 1059"/>
                <a:gd name="T11" fmla="*/ 750 h 948"/>
                <a:gd name="T12" fmla="*/ 537 w 1059"/>
                <a:gd name="T13" fmla="*/ 637 h 948"/>
                <a:gd name="T14" fmla="*/ 545 w 1059"/>
                <a:gd name="T15" fmla="*/ 619 h 948"/>
                <a:gd name="T16" fmla="*/ 839 w 1059"/>
                <a:gd name="T17" fmla="*/ 731 h 948"/>
                <a:gd name="T18" fmla="*/ 834 w 1059"/>
                <a:gd name="T19" fmla="*/ 750 h 948"/>
                <a:gd name="T20" fmla="*/ 845 w 1059"/>
                <a:gd name="T21" fmla="*/ 718 h 948"/>
                <a:gd name="T22" fmla="*/ 551 w 1059"/>
                <a:gd name="T23" fmla="*/ 605 h 948"/>
                <a:gd name="T24" fmla="*/ 585 w 1059"/>
                <a:gd name="T25" fmla="*/ 511 h 948"/>
                <a:gd name="T26" fmla="*/ 882 w 1059"/>
                <a:gd name="T27" fmla="*/ 624 h 948"/>
                <a:gd name="T28" fmla="*/ 845 w 1059"/>
                <a:gd name="T29" fmla="*/ 718 h 948"/>
                <a:gd name="T30" fmla="*/ 711 w 1059"/>
                <a:gd name="T31" fmla="*/ 340 h 948"/>
                <a:gd name="T32" fmla="*/ 166 w 1059"/>
                <a:gd name="T33" fmla="*/ 131 h 948"/>
                <a:gd name="T34" fmla="*/ 182 w 1059"/>
                <a:gd name="T35" fmla="*/ 88 h 948"/>
                <a:gd name="T36" fmla="*/ 727 w 1059"/>
                <a:gd name="T37" fmla="*/ 297 h 948"/>
                <a:gd name="T38" fmla="*/ 711 w 1059"/>
                <a:gd name="T39" fmla="*/ 340 h 948"/>
                <a:gd name="T40" fmla="*/ 0 w 1059"/>
                <a:gd name="T41" fmla="*/ 0 h 948"/>
                <a:gd name="T42" fmla="*/ 96 w 1059"/>
                <a:gd name="T43" fmla="*/ 125 h 948"/>
                <a:gd name="T44" fmla="*/ 794 w 1059"/>
                <a:gd name="T45" fmla="*/ 391 h 948"/>
                <a:gd name="T46" fmla="*/ 786 w 1059"/>
                <a:gd name="T47" fmla="*/ 410 h 948"/>
                <a:gd name="T48" fmla="*/ 120 w 1059"/>
                <a:gd name="T49" fmla="*/ 155 h 948"/>
                <a:gd name="T50" fmla="*/ 139 w 1059"/>
                <a:gd name="T51" fmla="*/ 179 h 948"/>
                <a:gd name="T52" fmla="*/ 1005 w 1059"/>
                <a:gd name="T53" fmla="*/ 511 h 948"/>
                <a:gd name="T54" fmla="*/ 962 w 1059"/>
                <a:gd name="T55" fmla="*/ 627 h 948"/>
                <a:gd name="T56" fmla="*/ 289 w 1059"/>
                <a:gd name="T57" fmla="*/ 369 h 948"/>
                <a:gd name="T58" fmla="*/ 321 w 1059"/>
                <a:gd name="T59" fmla="*/ 410 h 948"/>
                <a:gd name="T60" fmla="*/ 513 w 1059"/>
                <a:gd name="T61" fmla="*/ 482 h 948"/>
                <a:gd name="T62" fmla="*/ 476 w 1059"/>
                <a:gd name="T63" fmla="*/ 578 h 948"/>
                <a:gd name="T64" fmla="*/ 441 w 1059"/>
                <a:gd name="T65" fmla="*/ 565 h 948"/>
                <a:gd name="T66" fmla="*/ 457 w 1059"/>
                <a:gd name="T67" fmla="*/ 584 h 948"/>
                <a:gd name="T68" fmla="*/ 470 w 1059"/>
                <a:gd name="T69" fmla="*/ 589 h 948"/>
                <a:gd name="T70" fmla="*/ 468 w 1059"/>
                <a:gd name="T71" fmla="*/ 597 h 948"/>
                <a:gd name="T72" fmla="*/ 537 w 1059"/>
                <a:gd name="T73" fmla="*/ 686 h 948"/>
                <a:gd name="T74" fmla="*/ 818 w 1059"/>
                <a:gd name="T75" fmla="*/ 793 h 948"/>
                <a:gd name="T76" fmla="*/ 810 w 1059"/>
                <a:gd name="T77" fmla="*/ 809 h 948"/>
                <a:gd name="T78" fmla="*/ 559 w 1059"/>
                <a:gd name="T79" fmla="*/ 715 h 948"/>
                <a:gd name="T80" fmla="*/ 575 w 1059"/>
                <a:gd name="T81" fmla="*/ 736 h 948"/>
                <a:gd name="T82" fmla="*/ 698 w 1059"/>
                <a:gd name="T83" fmla="*/ 782 h 948"/>
                <a:gd name="T84" fmla="*/ 690 w 1059"/>
                <a:gd name="T85" fmla="*/ 798 h 948"/>
                <a:gd name="T86" fmla="*/ 599 w 1059"/>
                <a:gd name="T87" fmla="*/ 763 h 948"/>
                <a:gd name="T88" fmla="*/ 636 w 1059"/>
                <a:gd name="T89" fmla="*/ 811 h 948"/>
                <a:gd name="T90" fmla="*/ 858 w 1059"/>
                <a:gd name="T91" fmla="*/ 897 h 948"/>
                <a:gd name="T92" fmla="*/ 839 w 1059"/>
                <a:gd name="T93" fmla="*/ 948 h 948"/>
                <a:gd name="T94" fmla="*/ 700 w 1059"/>
                <a:gd name="T95" fmla="*/ 895 h 948"/>
                <a:gd name="T96" fmla="*/ 839 w 1059"/>
                <a:gd name="T97" fmla="*/ 948 h 948"/>
                <a:gd name="T98" fmla="*/ 1059 w 1059"/>
                <a:gd name="T99" fmla="*/ 375 h 948"/>
                <a:gd name="T100" fmla="*/ 1048 w 1059"/>
                <a:gd name="T101" fmla="*/ 401 h 948"/>
                <a:gd name="T102" fmla="*/ 0 w 1059"/>
                <a:gd name="T103" fmla="*/ 0 h 9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</a:cxnLst>
              <a:rect l="0" t="0" r="r" b="b"/>
              <a:pathLst>
                <a:path w="1059" h="948">
                  <a:moveTo>
                    <a:pt x="821" y="779"/>
                  </a:moveTo>
                  <a:lnTo>
                    <a:pt x="526" y="667"/>
                  </a:lnTo>
                  <a:lnTo>
                    <a:pt x="535" y="648"/>
                  </a:lnTo>
                  <a:lnTo>
                    <a:pt x="829" y="761"/>
                  </a:lnTo>
                  <a:lnTo>
                    <a:pt x="821" y="779"/>
                  </a:lnTo>
                  <a:moveTo>
                    <a:pt x="834" y="750"/>
                  </a:moveTo>
                  <a:lnTo>
                    <a:pt x="537" y="637"/>
                  </a:lnTo>
                  <a:lnTo>
                    <a:pt x="545" y="619"/>
                  </a:lnTo>
                  <a:lnTo>
                    <a:pt x="839" y="731"/>
                  </a:lnTo>
                  <a:lnTo>
                    <a:pt x="834" y="750"/>
                  </a:lnTo>
                  <a:moveTo>
                    <a:pt x="845" y="718"/>
                  </a:moveTo>
                  <a:lnTo>
                    <a:pt x="551" y="605"/>
                  </a:lnTo>
                  <a:lnTo>
                    <a:pt x="585" y="511"/>
                  </a:lnTo>
                  <a:lnTo>
                    <a:pt x="882" y="624"/>
                  </a:lnTo>
                  <a:lnTo>
                    <a:pt x="845" y="718"/>
                  </a:lnTo>
                  <a:moveTo>
                    <a:pt x="711" y="340"/>
                  </a:moveTo>
                  <a:lnTo>
                    <a:pt x="166" y="131"/>
                  </a:lnTo>
                  <a:lnTo>
                    <a:pt x="182" y="88"/>
                  </a:lnTo>
                  <a:lnTo>
                    <a:pt x="727" y="297"/>
                  </a:lnTo>
                  <a:lnTo>
                    <a:pt x="711" y="340"/>
                  </a:lnTo>
                  <a:moveTo>
                    <a:pt x="0" y="0"/>
                  </a:moveTo>
                  <a:lnTo>
                    <a:pt x="96" y="125"/>
                  </a:lnTo>
                  <a:lnTo>
                    <a:pt x="794" y="391"/>
                  </a:lnTo>
                  <a:lnTo>
                    <a:pt x="786" y="410"/>
                  </a:lnTo>
                  <a:lnTo>
                    <a:pt x="120" y="155"/>
                  </a:lnTo>
                  <a:lnTo>
                    <a:pt x="139" y="179"/>
                  </a:lnTo>
                  <a:lnTo>
                    <a:pt x="1005" y="511"/>
                  </a:lnTo>
                  <a:lnTo>
                    <a:pt x="962" y="627"/>
                  </a:lnTo>
                  <a:lnTo>
                    <a:pt x="289" y="369"/>
                  </a:lnTo>
                  <a:lnTo>
                    <a:pt x="321" y="410"/>
                  </a:lnTo>
                  <a:lnTo>
                    <a:pt x="513" y="482"/>
                  </a:lnTo>
                  <a:lnTo>
                    <a:pt x="476" y="578"/>
                  </a:lnTo>
                  <a:lnTo>
                    <a:pt x="441" y="565"/>
                  </a:lnTo>
                  <a:lnTo>
                    <a:pt x="457" y="584"/>
                  </a:lnTo>
                  <a:lnTo>
                    <a:pt x="470" y="589"/>
                  </a:lnTo>
                  <a:lnTo>
                    <a:pt x="468" y="597"/>
                  </a:lnTo>
                  <a:lnTo>
                    <a:pt x="537" y="686"/>
                  </a:lnTo>
                  <a:lnTo>
                    <a:pt x="818" y="793"/>
                  </a:lnTo>
                  <a:lnTo>
                    <a:pt x="810" y="809"/>
                  </a:lnTo>
                  <a:lnTo>
                    <a:pt x="559" y="715"/>
                  </a:lnTo>
                  <a:lnTo>
                    <a:pt x="575" y="736"/>
                  </a:lnTo>
                  <a:lnTo>
                    <a:pt x="698" y="782"/>
                  </a:lnTo>
                  <a:lnTo>
                    <a:pt x="690" y="798"/>
                  </a:lnTo>
                  <a:lnTo>
                    <a:pt x="599" y="763"/>
                  </a:lnTo>
                  <a:lnTo>
                    <a:pt x="636" y="811"/>
                  </a:lnTo>
                  <a:lnTo>
                    <a:pt x="858" y="897"/>
                  </a:lnTo>
                  <a:lnTo>
                    <a:pt x="839" y="948"/>
                  </a:lnTo>
                  <a:lnTo>
                    <a:pt x="700" y="895"/>
                  </a:lnTo>
                  <a:lnTo>
                    <a:pt x="839" y="948"/>
                  </a:lnTo>
                  <a:lnTo>
                    <a:pt x="1059" y="375"/>
                  </a:lnTo>
                  <a:lnTo>
                    <a:pt x="1048" y="401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8" name="Freeform 85"/>
            <p:cNvSpPr/>
            <p:nvPr/>
          </p:nvSpPr>
          <p:spPr bwMode="auto">
            <a:xfrm>
              <a:off x="2868613" y="882651"/>
              <a:ext cx="1741488" cy="709613"/>
            </a:xfrm>
            <a:custGeom>
              <a:avLst/>
              <a:gdLst>
                <a:gd name="T0" fmla="*/ 0 w 1097"/>
                <a:gd name="T1" fmla="*/ 0 h 447"/>
                <a:gd name="T2" fmla="*/ 38 w 1097"/>
                <a:gd name="T3" fmla="*/ 46 h 447"/>
                <a:gd name="T4" fmla="*/ 1086 w 1097"/>
                <a:gd name="T5" fmla="*/ 447 h 447"/>
                <a:gd name="T6" fmla="*/ 1097 w 1097"/>
                <a:gd name="T7" fmla="*/ 421 h 447"/>
                <a:gd name="T8" fmla="*/ 0 w 1097"/>
                <a:gd name="T9" fmla="*/ 0 h 4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97" h="447">
                  <a:moveTo>
                    <a:pt x="0" y="0"/>
                  </a:moveTo>
                  <a:lnTo>
                    <a:pt x="38" y="46"/>
                  </a:lnTo>
                  <a:lnTo>
                    <a:pt x="1086" y="447"/>
                  </a:lnTo>
                  <a:lnTo>
                    <a:pt x="1097" y="42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9" name="Freeform 86"/>
            <p:cNvSpPr/>
            <p:nvPr/>
          </p:nvSpPr>
          <p:spPr bwMode="auto">
            <a:xfrm>
              <a:off x="2868613" y="882651"/>
              <a:ext cx="1741488" cy="709613"/>
            </a:xfrm>
            <a:custGeom>
              <a:avLst/>
              <a:gdLst>
                <a:gd name="T0" fmla="*/ 0 w 1097"/>
                <a:gd name="T1" fmla="*/ 0 h 447"/>
                <a:gd name="T2" fmla="*/ 38 w 1097"/>
                <a:gd name="T3" fmla="*/ 46 h 447"/>
                <a:gd name="T4" fmla="*/ 1086 w 1097"/>
                <a:gd name="T5" fmla="*/ 447 h 447"/>
                <a:gd name="T6" fmla="*/ 1097 w 1097"/>
                <a:gd name="T7" fmla="*/ 421 h 447"/>
                <a:gd name="T8" fmla="*/ 0 w 1097"/>
                <a:gd name="T9" fmla="*/ 0 h 4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97" h="447">
                  <a:moveTo>
                    <a:pt x="0" y="0"/>
                  </a:moveTo>
                  <a:lnTo>
                    <a:pt x="38" y="46"/>
                  </a:lnTo>
                  <a:lnTo>
                    <a:pt x="1086" y="447"/>
                  </a:lnTo>
                  <a:lnTo>
                    <a:pt x="1097" y="421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0" name="Freeform 87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16 w 561"/>
                <a:gd name="T1" fmla="*/ 0 h 252"/>
                <a:gd name="T2" fmla="*/ 0 w 561"/>
                <a:gd name="T3" fmla="*/ 43 h 252"/>
                <a:gd name="T4" fmla="*/ 545 w 561"/>
                <a:gd name="T5" fmla="*/ 252 h 252"/>
                <a:gd name="T6" fmla="*/ 561 w 561"/>
                <a:gd name="T7" fmla="*/ 209 h 252"/>
                <a:gd name="T8" fmla="*/ 16 w 561"/>
                <a:gd name="T9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16" y="0"/>
                  </a:moveTo>
                  <a:lnTo>
                    <a:pt x="0" y="43"/>
                  </a:ln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close/>
                </a:path>
              </a:pathLst>
            </a:custGeom>
            <a:solidFill>
              <a:srgbClr val="9AC25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1" name="Freeform 88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16 w 561"/>
                <a:gd name="T1" fmla="*/ 0 h 252"/>
                <a:gd name="T2" fmla="*/ 0 w 561"/>
                <a:gd name="T3" fmla="*/ 43 h 252"/>
                <a:gd name="T4" fmla="*/ 545 w 561"/>
                <a:gd name="T5" fmla="*/ 252 h 252"/>
                <a:gd name="T6" fmla="*/ 561 w 561"/>
                <a:gd name="T7" fmla="*/ 209 h 252"/>
                <a:gd name="T8" fmla="*/ 16 w 561"/>
                <a:gd name="T9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16" y="0"/>
                  </a:moveTo>
                  <a:lnTo>
                    <a:pt x="0" y="43"/>
                  </a:ln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2" name="Freeform 89"/>
            <p:cNvSpPr/>
            <p:nvPr/>
          </p:nvSpPr>
          <p:spPr bwMode="auto">
            <a:xfrm>
              <a:off x="3149600" y="1239838"/>
              <a:ext cx="1374775" cy="711200"/>
            </a:xfrm>
            <a:custGeom>
              <a:avLst/>
              <a:gdLst>
                <a:gd name="T0" fmla="*/ 0 w 866"/>
                <a:gd name="T1" fmla="*/ 0 h 448"/>
                <a:gd name="T2" fmla="*/ 150 w 866"/>
                <a:gd name="T3" fmla="*/ 190 h 448"/>
                <a:gd name="T4" fmla="*/ 823 w 866"/>
                <a:gd name="T5" fmla="*/ 448 h 448"/>
                <a:gd name="T6" fmla="*/ 866 w 866"/>
                <a:gd name="T7" fmla="*/ 332 h 448"/>
                <a:gd name="T8" fmla="*/ 0 w 866"/>
                <a:gd name="T9" fmla="*/ 0 h 4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66" h="448">
                  <a:moveTo>
                    <a:pt x="0" y="0"/>
                  </a:moveTo>
                  <a:lnTo>
                    <a:pt x="150" y="190"/>
                  </a:lnTo>
                  <a:lnTo>
                    <a:pt x="823" y="448"/>
                  </a:lnTo>
                  <a:lnTo>
                    <a:pt x="866" y="33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4F8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3" name="Freeform 90"/>
            <p:cNvSpPr/>
            <p:nvPr/>
          </p:nvSpPr>
          <p:spPr bwMode="auto">
            <a:xfrm>
              <a:off x="3149600" y="1239838"/>
              <a:ext cx="1374775" cy="711200"/>
            </a:xfrm>
            <a:custGeom>
              <a:avLst/>
              <a:gdLst>
                <a:gd name="T0" fmla="*/ 0 w 866"/>
                <a:gd name="T1" fmla="*/ 0 h 448"/>
                <a:gd name="T2" fmla="*/ 150 w 866"/>
                <a:gd name="T3" fmla="*/ 190 h 448"/>
                <a:gd name="T4" fmla="*/ 823 w 866"/>
                <a:gd name="T5" fmla="*/ 448 h 448"/>
                <a:gd name="T6" fmla="*/ 866 w 866"/>
                <a:gd name="T7" fmla="*/ 332 h 448"/>
                <a:gd name="T8" fmla="*/ 0 w 866"/>
                <a:gd name="T9" fmla="*/ 0 h 4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66" h="448">
                  <a:moveTo>
                    <a:pt x="0" y="0"/>
                  </a:moveTo>
                  <a:lnTo>
                    <a:pt x="150" y="190"/>
                  </a:lnTo>
                  <a:lnTo>
                    <a:pt x="823" y="448"/>
                  </a:lnTo>
                  <a:lnTo>
                    <a:pt x="866" y="332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4" name="Freeform 91"/>
            <p:cNvSpPr/>
            <p:nvPr/>
          </p:nvSpPr>
          <p:spPr bwMode="auto">
            <a:xfrm>
              <a:off x="3081338" y="1154113"/>
              <a:ext cx="1108075" cy="452438"/>
            </a:xfrm>
            <a:custGeom>
              <a:avLst/>
              <a:gdLst>
                <a:gd name="T0" fmla="*/ 0 w 698"/>
                <a:gd name="T1" fmla="*/ 0 h 285"/>
                <a:gd name="T2" fmla="*/ 24 w 698"/>
                <a:gd name="T3" fmla="*/ 30 h 285"/>
                <a:gd name="T4" fmla="*/ 690 w 698"/>
                <a:gd name="T5" fmla="*/ 285 h 285"/>
                <a:gd name="T6" fmla="*/ 698 w 698"/>
                <a:gd name="T7" fmla="*/ 266 h 285"/>
                <a:gd name="T8" fmla="*/ 0 w 698"/>
                <a:gd name="T9" fmla="*/ 0 h 2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8" h="285">
                  <a:moveTo>
                    <a:pt x="0" y="0"/>
                  </a:moveTo>
                  <a:lnTo>
                    <a:pt x="24" y="30"/>
                  </a:lnTo>
                  <a:lnTo>
                    <a:pt x="690" y="285"/>
                  </a:lnTo>
                  <a:lnTo>
                    <a:pt x="698" y="26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5" name="Freeform 92"/>
            <p:cNvSpPr/>
            <p:nvPr/>
          </p:nvSpPr>
          <p:spPr bwMode="auto">
            <a:xfrm>
              <a:off x="3081338" y="1154113"/>
              <a:ext cx="1108075" cy="452438"/>
            </a:xfrm>
            <a:custGeom>
              <a:avLst/>
              <a:gdLst>
                <a:gd name="T0" fmla="*/ 0 w 698"/>
                <a:gd name="T1" fmla="*/ 0 h 285"/>
                <a:gd name="T2" fmla="*/ 24 w 698"/>
                <a:gd name="T3" fmla="*/ 30 h 285"/>
                <a:gd name="T4" fmla="*/ 690 w 698"/>
                <a:gd name="T5" fmla="*/ 285 h 285"/>
                <a:gd name="T6" fmla="*/ 698 w 698"/>
                <a:gd name="T7" fmla="*/ 266 h 285"/>
                <a:gd name="T8" fmla="*/ 0 w 698"/>
                <a:gd name="T9" fmla="*/ 0 h 2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8" h="285">
                  <a:moveTo>
                    <a:pt x="0" y="0"/>
                  </a:moveTo>
                  <a:lnTo>
                    <a:pt x="24" y="30"/>
                  </a:lnTo>
                  <a:lnTo>
                    <a:pt x="690" y="285"/>
                  </a:lnTo>
                  <a:lnTo>
                    <a:pt x="698" y="26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6" name="Freeform 93"/>
            <p:cNvSpPr/>
            <p:nvPr/>
          </p:nvSpPr>
          <p:spPr bwMode="auto">
            <a:xfrm>
              <a:off x="3438525" y="1606551"/>
              <a:ext cx="304800" cy="266700"/>
            </a:xfrm>
            <a:custGeom>
              <a:avLst/>
              <a:gdLst>
                <a:gd name="T0" fmla="*/ 0 w 192"/>
                <a:gd name="T1" fmla="*/ 0 h 168"/>
                <a:gd name="T2" fmla="*/ 120 w 192"/>
                <a:gd name="T3" fmla="*/ 155 h 168"/>
                <a:gd name="T4" fmla="*/ 155 w 192"/>
                <a:gd name="T5" fmla="*/ 168 h 168"/>
                <a:gd name="T6" fmla="*/ 192 w 192"/>
                <a:gd name="T7" fmla="*/ 72 h 168"/>
                <a:gd name="T8" fmla="*/ 0 w 192"/>
                <a:gd name="T9" fmla="*/ 0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2" h="168">
                  <a:moveTo>
                    <a:pt x="0" y="0"/>
                  </a:moveTo>
                  <a:lnTo>
                    <a:pt x="120" y="155"/>
                  </a:lnTo>
                  <a:lnTo>
                    <a:pt x="155" y="168"/>
                  </a:lnTo>
                  <a:lnTo>
                    <a:pt x="192" y="7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E5423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7" name="Freeform 94"/>
            <p:cNvSpPr/>
            <p:nvPr/>
          </p:nvSpPr>
          <p:spPr bwMode="auto">
            <a:xfrm>
              <a:off x="3438525" y="1606551"/>
              <a:ext cx="304800" cy="266700"/>
            </a:xfrm>
            <a:custGeom>
              <a:avLst/>
              <a:gdLst>
                <a:gd name="T0" fmla="*/ 0 w 192"/>
                <a:gd name="T1" fmla="*/ 0 h 168"/>
                <a:gd name="T2" fmla="*/ 120 w 192"/>
                <a:gd name="T3" fmla="*/ 155 h 168"/>
                <a:gd name="T4" fmla="*/ 155 w 192"/>
                <a:gd name="T5" fmla="*/ 168 h 168"/>
                <a:gd name="T6" fmla="*/ 192 w 192"/>
                <a:gd name="T7" fmla="*/ 72 h 168"/>
                <a:gd name="T8" fmla="*/ 0 w 192"/>
                <a:gd name="T9" fmla="*/ 0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2" h="168">
                  <a:moveTo>
                    <a:pt x="0" y="0"/>
                  </a:moveTo>
                  <a:lnTo>
                    <a:pt x="120" y="155"/>
                  </a:lnTo>
                  <a:lnTo>
                    <a:pt x="155" y="168"/>
                  </a:lnTo>
                  <a:lnTo>
                    <a:pt x="192" y="72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8" name="Freeform 95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34 w 331"/>
                <a:gd name="T1" fmla="*/ 0 h 207"/>
                <a:gd name="T2" fmla="*/ 0 w 331"/>
                <a:gd name="T3" fmla="*/ 94 h 207"/>
                <a:gd name="T4" fmla="*/ 294 w 331"/>
                <a:gd name="T5" fmla="*/ 207 h 207"/>
                <a:gd name="T6" fmla="*/ 331 w 331"/>
                <a:gd name="T7" fmla="*/ 113 h 207"/>
                <a:gd name="T8" fmla="*/ 34 w 331"/>
                <a:gd name="T9" fmla="*/ 0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34" y="0"/>
                  </a:moveTo>
                  <a:lnTo>
                    <a:pt x="0" y="94"/>
                  </a:ln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close/>
                </a:path>
              </a:pathLst>
            </a:custGeom>
            <a:solidFill>
              <a:srgbClr val="85A64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9" name="Freeform 96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34 w 331"/>
                <a:gd name="T1" fmla="*/ 0 h 207"/>
                <a:gd name="T2" fmla="*/ 0 w 331"/>
                <a:gd name="T3" fmla="*/ 94 h 207"/>
                <a:gd name="T4" fmla="*/ 294 w 331"/>
                <a:gd name="T5" fmla="*/ 207 h 207"/>
                <a:gd name="T6" fmla="*/ 331 w 331"/>
                <a:gd name="T7" fmla="*/ 113 h 207"/>
                <a:gd name="T8" fmla="*/ 34 w 331"/>
                <a:gd name="T9" fmla="*/ 0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34" y="0"/>
                  </a:moveTo>
                  <a:lnTo>
                    <a:pt x="0" y="94"/>
                  </a:ln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0" name="Freeform 97"/>
            <p:cNvSpPr/>
            <p:nvPr/>
          </p:nvSpPr>
          <p:spPr bwMode="auto">
            <a:xfrm>
              <a:off x="3938588" y="2243138"/>
              <a:ext cx="352425" cy="217488"/>
            </a:xfrm>
            <a:custGeom>
              <a:avLst/>
              <a:gdLst>
                <a:gd name="T0" fmla="*/ 0 w 222"/>
                <a:gd name="T1" fmla="*/ 0 h 137"/>
                <a:gd name="T2" fmla="*/ 64 w 222"/>
                <a:gd name="T3" fmla="*/ 84 h 137"/>
                <a:gd name="T4" fmla="*/ 203 w 222"/>
                <a:gd name="T5" fmla="*/ 137 h 137"/>
                <a:gd name="T6" fmla="*/ 222 w 222"/>
                <a:gd name="T7" fmla="*/ 86 h 137"/>
                <a:gd name="T8" fmla="*/ 0 w 222"/>
                <a:gd name="T9" fmla="*/ 0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2" h="137">
                  <a:moveTo>
                    <a:pt x="0" y="0"/>
                  </a:moveTo>
                  <a:lnTo>
                    <a:pt x="64" y="84"/>
                  </a:lnTo>
                  <a:lnTo>
                    <a:pt x="203" y="137"/>
                  </a:lnTo>
                  <a:lnTo>
                    <a:pt x="222" y="8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1" name="Freeform 98"/>
            <p:cNvSpPr/>
            <p:nvPr/>
          </p:nvSpPr>
          <p:spPr bwMode="auto">
            <a:xfrm>
              <a:off x="3938588" y="2243138"/>
              <a:ext cx="352425" cy="217488"/>
            </a:xfrm>
            <a:custGeom>
              <a:avLst/>
              <a:gdLst>
                <a:gd name="T0" fmla="*/ 0 w 222"/>
                <a:gd name="T1" fmla="*/ 0 h 137"/>
                <a:gd name="T2" fmla="*/ 64 w 222"/>
                <a:gd name="T3" fmla="*/ 84 h 137"/>
                <a:gd name="T4" fmla="*/ 203 w 222"/>
                <a:gd name="T5" fmla="*/ 137 h 137"/>
                <a:gd name="T6" fmla="*/ 222 w 222"/>
                <a:gd name="T7" fmla="*/ 86 h 137"/>
                <a:gd name="T8" fmla="*/ 0 w 222"/>
                <a:gd name="T9" fmla="*/ 0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2" h="137">
                  <a:moveTo>
                    <a:pt x="0" y="0"/>
                  </a:moveTo>
                  <a:lnTo>
                    <a:pt x="64" y="84"/>
                  </a:lnTo>
                  <a:lnTo>
                    <a:pt x="203" y="137"/>
                  </a:lnTo>
                  <a:lnTo>
                    <a:pt x="222" y="8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2" name="Freeform 99"/>
            <p:cNvSpPr/>
            <p:nvPr/>
          </p:nvSpPr>
          <p:spPr bwMode="auto">
            <a:xfrm>
              <a:off x="3654425" y="1882776"/>
              <a:ext cx="20638" cy="20638"/>
            </a:xfrm>
            <a:custGeom>
              <a:avLst/>
              <a:gdLst>
                <a:gd name="T0" fmla="*/ 0 w 13"/>
                <a:gd name="T1" fmla="*/ 0 h 13"/>
                <a:gd name="T2" fmla="*/ 11 w 13"/>
                <a:gd name="T3" fmla="*/ 13 h 13"/>
                <a:gd name="T4" fmla="*/ 13 w 13"/>
                <a:gd name="T5" fmla="*/ 5 h 13"/>
                <a:gd name="T6" fmla="*/ 0 w 13"/>
                <a:gd name="T7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3">
                  <a:moveTo>
                    <a:pt x="0" y="0"/>
                  </a:moveTo>
                  <a:lnTo>
                    <a:pt x="11" y="13"/>
                  </a:lnTo>
                  <a:lnTo>
                    <a:pt x="13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3" name="Freeform 100"/>
            <p:cNvSpPr/>
            <p:nvPr/>
          </p:nvSpPr>
          <p:spPr bwMode="auto">
            <a:xfrm>
              <a:off x="3654425" y="1882776"/>
              <a:ext cx="20638" cy="20638"/>
            </a:xfrm>
            <a:custGeom>
              <a:avLst/>
              <a:gdLst>
                <a:gd name="T0" fmla="*/ 0 w 13"/>
                <a:gd name="T1" fmla="*/ 0 h 13"/>
                <a:gd name="T2" fmla="*/ 11 w 13"/>
                <a:gd name="T3" fmla="*/ 13 h 13"/>
                <a:gd name="T4" fmla="*/ 13 w 13"/>
                <a:gd name="T5" fmla="*/ 5 h 13"/>
                <a:gd name="T6" fmla="*/ 0 w 13"/>
                <a:gd name="T7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3">
                  <a:moveTo>
                    <a:pt x="0" y="0"/>
                  </a:moveTo>
                  <a:lnTo>
                    <a:pt x="11" y="13"/>
                  </a:lnTo>
                  <a:lnTo>
                    <a:pt x="13" y="5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4" name="Freeform 101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8 w 302"/>
                <a:gd name="T1" fmla="*/ 0 h 131"/>
                <a:gd name="T2" fmla="*/ 0 w 302"/>
                <a:gd name="T3" fmla="*/ 18 h 131"/>
                <a:gd name="T4" fmla="*/ 297 w 302"/>
                <a:gd name="T5" fmla="*/ 131 h 131"/>
                <a:gd name="T6" fmla="*/ 302 w 302"/>
                <a:gd name="T7" fmla="*/ 112 h 131"/>
                <a:gd name="T8" fmla="*/ 8 w 302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8" y="0"/>
                  </a:moveTo>
                  <a:lnTo>
                    <a:pt x="0" y="18"/>
                  </a:ln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5" name="Freeform 102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8 w 302"/>
                <a:gd name="T1" fmla="*/ 0 h 131"/>
                <a:gd name="T2" fmla="*/ 0 w 302"/>
                <a:gd name="T3" fmla="*/ 18 h 131"/>
                <a:gd name="T4" fmla="*/ 297 w 302"/>
                <a:gd name="T5" fmla="*/ 131 h 131"/>
                <a:gd name="T6" fmla="*/ 302 w 302"/>
                <a:gd name="T7" fmla="*/ 112 h 131"/>
                <a:gd name="T8" fmla="*/ 8 w 302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8" y="0"/>
                  </a:moveTo>
                  <a:lnTo>
                    <a:pt x="0" y="18"/>
                  </a:ln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6" name="Freeform 103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9 w 303"/>
                <a:gd name="T1" fmla="*/ 0 h 131"/>
                <a:gd name="T2" fmla="*/ 0 w 303"/>
                <a:gd name="T3" fmla="*/ 19 h 131"/>
                <a:gd name="T4" fmla="*/ 295 w 303"/>
                <a:gd name="T5" fmla="*/ 131 h 131"/>
                <a:gd name="T6" fmla="*/ 303 w 303"/>
                <a:gd name="T7" fmla="*/ 113 h 131"/>
                <a:gd name="T8" fmla="*/ 9 w 303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9" y="0"/>
                  </a:moveTo>
                  <a:lnTo>
                    <a:pt x="0" y="19"/>
                  </a:ln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7" name="Freeform 104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9 w 303"/>
                <a:gd name="T1" fmla="*/ 0 h 131"/>
                <a:gd name="T2" fmla="*/ 0 w 303"/>
                <a:gd name="T3" fmla="*/ 19 h 131"/>
                <a:gd name="T4" fmla="*/ 295 w 303"/>
                <a:gd name="T5" fmla="*/ 131 h 131"/>
                <a:gd name="T6" fmla="*/ 303 w 303"/>
                <a:gd name="T7" fmla="*/ 113 h 131"/>
                <a:gd name="T8" fmla="*/ 9 w 303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9" y="0"/>
                  </a:moveTo>
                  <a:lnTo>
                    <a:pt x="0" y="19"/>
                  </a:ln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8" name="Freeform 105"/>
            <p:cNvSpPr/>
            <p:nvPr/>
          </p:nvSpPr>
          <p:spPr bwMode="auto">
            <a:xfrm>
              <a:off x="3781425" y="2044701"/>
              <a:ext cx="446088" cy="195263"/>
            </a:xfrm>
            <a:custGeom>
              <a:avLst/>
              <a:gdLst>
                <a:gd name="T0" fmla="*/ 0 w 281"/>
                <a:gd name="T1" fmla="*/ 0 h 123"/>
                <a:gd name="T2" fmla="*/ 22 w 281"/>
                <a:gd name="T3" fmla="*/ 29 h 123"/>
                <a:gd name="T4" fmla="*/ 273 w 281"/>
                <a:gd name="T5" fmla="*/ 123 h 123"/>
                <a:gd name="T6" fmla="*/ 281 w 281"/>
                <a:gd name="T7" fmla="*/ 107 h 123"/>
                <a:gd name="T8" fmla="*/ 0 w 281"/>
                <a:gd name="T9" fmla="*/ 0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1" h="123">
                  <a:moveTo>
                    <a:pt x="0" y="0"/>
                  </a:moveTo>
                  <a:lnTo>
                    <a:pt x="22" y="29"/>
                  </a:lnTo>
                  <a:lnTo>
                    <a:pt x="273" y="123"/>
                  </a:lnTo>
                  <a:lnTo>
                    <a:pt x="281" y="10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9" name="Freeform 106"/>
            <p:cNvSpPr/>
            <p:nvPr/>
          </p:nvSpPr>
          <p:spPr bwMode="auto">
            <a:xfrm>
              <a:off x="3781425" y="2044701"/>
              <a:ext cx="446088" cy="195263"/>
            </a:xfrm>
            <a:custGeom>
              <a:avLst/>
              <a:gdLst>
                <a:gd name="T0" fmla="*/ 0 w 281"/>
                <a:gd name="T1" fmla="*/ 0 h 123"/>
                <a:gd name="T2" fmla="*/ 22 w 281"/>
                <a:gd name="T3" fmla="*/ 29 h 123"/>
                <a:gd name="T4" fmla="*/ 273 w 281"/>
                <a:gd name="T5" fmla="*/ 123 h 123"/>
                <a:gd name="T6" fmla="*/ 281 w 281"/>
                <a:gd name="T7" fmla="*/ 107 h 123"/>
                <a:gd name="T8" fmla="*/ 0 w 281"/>
                <a:gd name="T9" fmla="*/ 0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1" h="123">
                  <a:moveTo>
                    <a:pt x="0" y="0"/>
                  </a:moveTo>
                  <a:lnTo>
                    <a:pt x="22" y="29"/>
                  </a:lnTo>
                  <a:lnTo>
                    <a:pt x="273" y="123"/>
                  </a:lnTo>
                  <a:lnTo>
                    <a:pt x="281" y="107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0" name="Freeform 107"/>
            <p:cNvSpPr/>
            <p:nvPr/>
          </p:nvSpPr>
          <p:spPr bwMode="auto">
            <a:xfrm>
              <a:off x="3841750" y="2124076"/>
              <a:ext cx="195263" cy="98425"/>
            </a:xfrm>
            <a:custGeom>
              <a:avLst/>
              <a:gdLst>
                <a:gd name="T0" fmla="*/ 0 w 123"/>
                <a:gd name="T1" fmla="*/ 0 h 62"/>
                <a:gd name="T2" fmla="*/ 24 w 123"/>
                <a:gd name="T3" fmla="*/ 27 h 62"/>
                <a:gd name="T4" fmla="*/ 115 w 123"/>
                <a:gd name="T5" fmla="*/ 62 h 62"/>
                <a:gd name="T6" fmla="*/ 123 w 123"/>
                <a:gd name="T7" fmla="*/ 46 h 62"/>
                <a:gd name="T8" fmla="*/ 0 w 123"/>
                <a:gd name="T9" fmla="*/ 0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3" h="62">
                  <a:moveTo>
                    <a:pt x="0" y="0"/>
                  </a:moveTo>
                  <a:lnTo>
                    <a:pt x="24" y="27"/>
                  </a:lnTo>
                  <a:lnTo>
                    <a:pt x="115" y="62"/>
                  </a:lnTo>
                  <a:lnTo>
                    <a:pt x="123" y="4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1" name="Freeform 108"/>
            <p:cNvSpPr/>
            <p:nvPr/>
          </p:nvSpPr>
          <p:spPr bwMode="auto">
            <a:xfrm>
              <a:off x="3841750" y="2124076"/>
              <a:ext cx="195263" cy="98425"/>
            </a:xfrm>
            <a:custGeom>
              <a:avLst/>
              <a:gdLst>
                <a:gd name="T0" fmla="*/ 0 w 123"/>
                <a:gd name="T1" fmla="*/ 0 h 62"/>
                <a:gd name="T2" fmla="*/ 24 w 123"/>
                <a:gd name="T3" fmla="*/ 27 h 62"/>
                <a:gd name="T4" fmla="*/ 115 w 123"/>
                <a:gd name="T5" fmla="*/ 62 h 62"/>
                <a:gd name="T6" fmla="*/ 123 w 123"/>
                <a:gd name="T7" fmla="*/ 46 h 62"/>
                <a:gd name="T8" fmla="*/ 0 w 123"/>
                <a:gd name="T9" fmla="*/ 0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3" h="62">
                  <a:moveTo>
                    <a:pt x="0" y="0"/>
                  </a:moveTo>
                  <a:lnTo>
                    <a:pt x="24" y="27"/>
                  </a:lnTo>
                  <a:lnTo>
                    <a:pt x="115" y="62"/>
                  </a:lnTo>
                  <a:lnTo>
                    <a:pt x="123" y="4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2" name="Freeform 109"/>
            <p:cNvSpPr/>
            <p:nvPr/>
          </p:nvSpPr>
          <p:spPr bwMode="auto">
            <a:xfrm>
              <a:off x="2881313" y="2295526"/>
              <a:ext cx="608013" cy="263525"/>
            </a:xfrm>
            <a:custGeom>
              <a:avLst/>
              <a:gdLst>
                <a:gd name="T0" fmla="*/ 5 w 143"/>
                <a:gd name="T1" fmla="*/ 13 h 62"/>
                <a:gd name="T2" fmla="*/ 134 w 143"/>
                <a:gd name="T3" fmla="*/ 61 h 62"/>
                <a:gd name="T4" fmla="*/ 142 w 143"/>
                <a:gd name="T5" fmla="*/ 57 h 62"/>
                <a:gd name="T6" fmla="*/ 138 w 143"/>
                <a:gd name="T7" fmla="*/ 49 h 62"/>
                <a:gd name="T8" fmla="*/ 9 w 143"/>
                <a:gd name="T9" fmla="*/ 1 h 62"/>
                <a:gd name="T10" fmla="*/ 1 w 143"/>
                <a:gd name="T11" fmla="*/ 5 h 62"/>
                <a:gd name="T12" fmla="*/ 5 w 143"/>
                <a:gd name="T13" fmla="*/ 13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3" h="62">
                  <a:moveTo>
                    <a:pt x="5" y="13"/>
                  </a:moveTo>
                  <a:cubicBezTo>
                    <a:pt x="134" y="61"/>
                    <a:pt x="134" y="61"/>
                    <a:pt x="134" y="61"/>
                  </a:cubicBezTo>
                  <a:cubicBezTo>
                    <a:pt x="137" y="62"/>
                    <a:pt x="141" y="60"/>
                    <a:pt x="142" y="57"/>
                  </a:cubicBezTo>
                  <a:cubicBezTo>
                    <a:pt x="143" y="54"/>
                    <a:pt x="142" y="50"/>
                    <a:pt x="138" y="49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6" y="0"/>
                    <a:pt x="3" y="1"/>
                    <a:pt x="1" y="5"/>
                  </a:cubicBezTo>
                  <a:cubicBezTo>
                    <a:pt x="0" y="8"/>
                    <a:pt x="2" y="12"/>
                    <a:pt x="5" y="13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3" name="Freeform 110"/>
            <p:cNvSpPr/>
            <p:nvPr/>
          </p:nvSpPr>
          <p:spPr bwMode="auto">
            <a:xfrm>
              <a:off x="3068638" y="2308226"/>
              <a:ext cx="233363" cy="238125"/>
            </a:xfrm>
            <a:custGeom>
              <a:avLst/>
              <a:gdLst>
                <a:gd name="T0" fmla="*/ 36 w 55"/>
                <a:gd name="T1" fmla="*/ 5 h 56"/>
                <a:gd name="T2" fmla="*/ 50 w 55"/>
                <a:gd name="T3" fmla="*/ 36 h 56"/>
                <a:gd name="T4" fmla="*/ 19 w 55"/>
                <a:gd name="T5" fmla="*/ 51 h 56"/>
                <a:gd name="T6" fmla="*/ 5 w 55"/>
                <a:gd name="T7" fmla="*/ 19 h 56"/>
                <a:gd name="T8" fmla="*/ 36 w 55"/>
                <a:gd name="T9" fmla="*/ 5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5" h="56">
                  <a:moveTo>
                    <a:pt x="36" y="5"/>
                  </a:moveTo>
                  <a:cubicBezTo>
                    <a:pt x="49" y="9"/>
                    <a:pt x="55" y="24"/>
                    <a:pt x="50" y="36"/>
                  </a:cubicBezTo>
                  <a:cubicBezTo>
                    <a:pt x="46" y="49"/>
                    <a:pt x="31" y="56"/>
                    <a:pt x="19" y="51"/>
                  </a:cubicBezTo>
                  <a:cubicBezTo>
                    <a:pt x="6" y="46"/>
                    <a:pt x="0" y="32"/>
                    <a:pt x="5" y="19"/>
                  </a:cubicBezTo>
                  <a:cubicBezTo>
                    <a:pt x="9" y="6"/>
                    <a:pt x="24" y="0"/>
                    <a:pt x="36" y="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4" name="Freeform 111"/>
            <p:cNvSpPr/>
            <p:nvPr/>
          </p:nvSpPr>
          <p:spPr bwMode="auto">
            <a:xfrm>
              <a:off x="3101975" y="2341563"/>
              <a:ext cx="166688" cy="166688"/>
            </a:xfrm>
            <a:custGeom>
              <a:avLst/>
              <a:gdLst>
                <a:gd name="T0" fmla="*/ 26 w 39"/>
                <a:gd name="T1" fmla="*/ 3 h 39"/>
                <a:gd name="T2" fmla="*/ 36 w 39"/>
                <a:gd name="T3" fmla="*/ 26 h 39"/>
                <a:gd name="T4" fmla="*/ 13 w 39"/>
                <a:gd name="T5" fmla="*/ 36 h 39"/>
                <a:gd name="T6" fmla="*/ 3 w 39"/>
                <a:gd name="T7" fmla="*/ 14 h 39"/>
                <a:gd name="T8" fmla="*/ 26 w 39"/>
                <a:gd name="T9" fmla="*/ 3 h 3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39">
                  <a:moveTo>
                    <a:pt x="26" y="3"/>
                  </a:moveTo>
                  <a:cubicBezTo>
                    <a:pt x="35" y="7"/>
                    <a:pt x="39" y="17"/>
                    <a:pt x="36" y="26"/>
                  </a:cubicBezTo>
                  <a:cubicBezTo>
                    <a:pt x="32" y="35"/>
                    <a:pt x="22" y="39"/>
                    <a:pt x="13" y="36"/>
                  </a:cubicBezTo>
                  <a:cubicBezTo>
                    <a:pt x="4" y="33"/>
                    <a:pt x="0" y="23"/>
                    <a:pt x="3" y="14"/>
                  </a:cubicBezTo>
                  <a:cubicBezTo>
                    <a:pt x="7" y="5"/>
                    <a:pt x="17" y="0"/>
                    <a:pt x="26" y="3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115" name="组合 114"/>
          <p:cNvGrpSpPr/>
          <p:nvPr/>
        </p:nvGrpSpPr>
        <p:grpSpPr>
          <a:xfrm>
            <a:off x="7103695" y="3022397"/>
            <a:ext cx="2870657" cy="791498"/>
            <a:chOff x="4938713" y="3109913"/>
            <a:chExt cx="2314575" cy="638175"/>
          </a:xfrm>
        </p:grpSpPr>
        <p:sp>
          <p:nvSpPr>
            <p:cNvPr id="116" name="Freeform 13"/>
            <p:cNvSpPr/>
            <p:nvPr/>
          </p:nvSpPr>
          <p:spPr bwMode="auto">
            <a:xfrm>
              <a:off x="4972050" y="3144838"/>
              <a:ext cx="2230438" cy="569913"/>
            </a:xfrm>
            <a:custGeom>
              <a:avLst/>
              <a:gdLst>
                <a:gd name="T0" fmla="*/ 524 w 524"/>
                <a:gd name="T1" fmla="*/ 132 h 132"/>
                <a:gd name="T2" fmla="*/ 64 w 524"/>
                <a:gd name="T3" fmla="*/ 132 h 132"/>
                <a:gd name="T4" fmla="*/ 0 w 524"/>
                <a:gd name="T5" fmla="*/ 67 h 132"/>
                <a:gd name="T6" fmla="*/ 0 w 524"/>
                <a:gd name="T7" fmla="*/ 57 h 132"/>
                <a:gd name="T8" fmla="*/ 64 w 524"/>
                <a:gd name="T9" fmla="*/ 0 h 132"/>
                <a:gd name="T10" fmla="*/ 524 w 524"/>
                <a:gd name="T11" fmla="*/ 0 h 132"/>
                <a:gd name="T12" fmla="*/ 509 w 524"/>
                <a:gd name="T13" fmla="*/ 63 h 132"/>
                <a:gd name="T14" fmla="*/ 524 w 524"/>
                <a:gd name="T15" fmla="*/ 132 h 1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524" h="132">
                  <a:moveTo>
                    <a:pt x="524" y="132"/>
                  </a:moveTo>
                  <a:cubicBezTo>
                    <a:pt x="64" y="132"/>
                    <a:pt x="64" y="132"/>
                    <a:pt x="64" y="132"/>
                  </a:cubicBezTo>
                  <a:cubicBezTo>
                    <a:pt x="29" y="132"/>
                    <a:pt x="0" y="101"/>
                    <a:pt x="0" y="67"/>
                  </a:cubicBezTo>
                  <a:cubicBezTo>
                    <a:pt x="0" y="57"/>
                    <a:pt x="0" y="57"/>
                    <a:pt x="0" y="57"/>
                  </a:cubicBezTo>
                  <a:cubicBezTo>
                    <a:pt x="0" y="23"/>
                    <a:pt x="29" y="0"/>
                    <a:pt x="64" y="0"/>
                  </a:cubicBezTo>
                  <a:cubicBezTo>
                    <a:pt x="524" y="0"/>
                    <a:pt x="524" y="0"/>
                    <a:pt x="524" y="0"/>
                  </a:cubicBezTo>
                  <a:cubicBezTo>
                    <a:pt x="524" y="0"/>
                    <a:pt x="509" y="21"/>
                    <a:pt x="509" y="63"/>
                  </a:cubicBezTo>
                  <a:cubicBezTo>
                    <a:pt x="509" y="111"/>
                    <a:pt x="524" y="132"/>
                    <a:pt x="524" y="132"/>
                  </a:cubicBezTo>
                </a:path>
              </a:pathLst>
            </a:custGeom>
            <a:solidFill>
              <a:srgbClr val="FCF6E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7" name="Freeform 14"/>
            <p:cNvSpPr/>
            <p:nvPr/>
          </p:nvSpPr>
          <p:spPr bwMode="auto">
            <a:xfrm>
              <a:off x="4989513" y="3109913"/>
              <a:ext cx="319088" cy="630238"/>
            </a:xfrm>
            <a:custGeom>
              <a:avLst/>
              <a:gdLst>
                <a:gd name="T0" fmla="*/ 67 w 75"/>
                <a:gd name="T1" fmla="*/ 146 h 146"/>
                <a:gd name="T2" fmla="*/ 0 w 75"/>
                <a:gd name="T3" fmla="*/ 76 h 146"/>
                <a:gd name="T4" fmla="*/ 0 w 75"/>
                <a:gd name="T5" fmla="*/ 67 h 146"/>
                <a:gd name="T6" fmla="*/ 69 w 75"/>
                <a:gd name="T7" fmla="*/ 0 h 146"/>
                <a:gd name="T8" fmla="*/ 75 w 75"/>
                <a:gd name="T9" fmla="*/ 6 h 146"/>
                <a:gd name="T10" fmla="*/ 69 w 75"/>
                <a:gd name="T11" fmla="*/ 12 h 146"/>
                <a:gd name="T12" fmla="*/ 12 w 75"/>
                <a:gd name="T13" fmla="*/ 67 h 146"/>
                <a:gd name="T14" fmla="*/ 12 w 75"/>
                <a:gd name="T15" fmla="*/ 76 h 146"/>
                <a:gd name="T16" fmla="*/ 67 w 75"/>
                <a:gd name="T17" fmla="*/ 133 h 146"/>
                <a:gd name="T18" fmla="*/ 73 w 75"/>
                <a:gd name="T19" fmla="*/ 140 h 146"/>
                <a:gd name="T20" fmla="*/ 67 w 75"/>
                <a:gd name="T21" fmla="*/ 146 h 14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75" h="146">
                  <a:moveTo>
                    <a:pt x="67" y="146"/>
                  </a:moveTo>
                  <a:cubicBezTo>
                    <a:pt x="30" y="146"/>
                    <a:pt x="0" y="115"/>
                    <a:pt x="0" y="76"/>
                  </a:cubicBezTo>
                  <a:cubicBezTo>
                    <a:pt x="0" y="67"/>
                    <a:pt x="0" y="67"/>
                    <a:pt x="0" y="67"/>
                  </a:cubicBezTo>
                  <a:cubicBezTo>
                    <a:pt x="0" y="30"/>
                    <a:pt x="31" y="0"/>
                    <a:pt x="69" y="0"/>
                  </a:cubicBezTo>
                  <a:cubicBezTo>
                    <a:pt x="72" y="0"/>
                    <a:pt x="75" y="2"/>
                    <a:pt x="75" y="6"/>
                  </a:cubicBezTo>
                  <a:cubicBezTo>
                    <a:pt x="75" y="9"/>
                    <a:pt x="72" y="12"/>
                    <a:pt x="69" y="12"/>
                  </a:cubicBezTo>
                  <a:cubicBezTo>
                    <a:pt x="37" y="12"/>
                    <a:pt x="12" y="36"/>
                    <a:pt x="12" y="67"/>
                  </a:cubicBezTo>
                  <a:cubicBezTo>
                    <a:pt x="12" y="76"/>
                    <a:pt x="12" y="76"/>
                    <a:pt x="12" y="76"/>
                  </a:cubicBezTo>
                  <a:cubicBezTo>
                    <a:pt x="12" y="108"/>
                    <a:pt x="37" y="133"/>
                    <a:pt x="67" y="133"/>
                  </a:cubicBezTo>
                  <a:cubicBezTo>
                    <a:pt x="70" y="133"/>
                    <a:pt x="73" y="136"/>
                    <a:pt x="73" y="140"/>
                  </a:cubicBezTo>
                  <a:cubicBezTo>
                    <a:pt x="73" y="143"/>
                    <a:pt x="70" y="146"/>
                    <a:pt x="67" y="146"/>
                  </a:cubicBezTo>
                </a:path>
              </a:pathLst>
            </a:custGeom>
            <a:solidFill>
              <a:srgbClr val="8C8C8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8" name="Freeform 15"/>
            <p:cNvSpPr/>
            <p:nvPr/>
          </p:nvSpPr>
          <p:spPr bwMode="auto">
            <a:xfrm>
              <a:off x="4938713" y="3109913"/>
              <a:ext cx="2314575" cy="638175"/>
            </a:xfrm>
            <a:custGeom>
              <a:avLst/>
              <a:gdLst>
                <a:gd name="T0" fmla="*/ 544 w 544"/>
                <a:gd name="T1" fmla="*/ 148 h 148"/>
                <a:gd name="T2" fmla="*/ 70 w 544"/>
                <a:gd name="T3" fmla="*/ 148 h 148"/>
                <a:gd name="T4" fmla="*/ 0 w 544"/>
                <a:gd name="T5" fmla="*/ 75 h 148"/>
                <a:gd name="T6" fmla="*/ 0 w 544"/>
                <a:gd name="T7" fmla="*/ 65 h 148"/>
                <a:gd name="T8" fmla="*/ 70 w 544"/>
                <a:gd name="T9" fmla="*/ 0 h 148"/>
                <a:gd name="T10" fmla="*/ 544 w 544"/>
                <a:gd name="T11" fmla="*/ 0 h 148"/>
                <a:gd name="T12" fmla="*/ 544 w 544"/>
                <a:gd name="T13" fmla="*/ 12 h 148"/>
                <a:gd name="T14" fmla="*/ 70 w 544"/>
                <a:gd name="T15" fmla="*/ 12 h 148"/>
                <a:gd name="T16" fmla="*/ 12 w 544"/>
                <a:gd name="T17" fmla="*/ 65 h 148"/>
                <a:gd name="T18" fmla="*/ 12 w 544"/>
                <a:gd name="T19" fmla="*/ 75 h 148"/>
                <a:gd name="T20" fmla="*/ 70 w 544"/>
                <a:gd name="T21" fmla="*/ 132 h 148"/>
                <a:gd name="T22" fmla="*/ 544 w 544"/>
                <a:gd name="T23" fmla="*/ 132 h 148"/>
                <a:gd name="T24" fmla="*/ 544 w 544"/>
                <a:gd name="T25" fmla="*/ 148 h 1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544" h="148">
                  <a:moveTo>
                    <a:pt x="544" y="148"/>
                  </a:moveTo>
                  <a:cubicBezTo>
                    <a:pt x="70" y="148"/>
                    <a:pt x="70" y="148"/>
                    <a:pt x="70" y="148"/>
                  </a:cubicBezTo>
                  <a:cubicBezTo>
                    <a:pt x="33" y="148"/>
                    <a:pt x="0" y="114"/>
                    <a:pt x="0" y="75"/>
                  </a:cubicBezTo>
                  <a:cubicBezTo>
                    <a:pt x="0" y="65"/>
                    <a:pt x="0" y="65"/>
                    <a:pt x="0" y="65"/>
                  </a:cubicBezTo>
                  <a:cubicBezTo>
                    <a:pt x="0" y="28"/>
                    <a:pt x="31" y="0"/>
                    <a:pt x="70" y="0"/>
                  </a:cubicBezTo>
                  <a:cubicBezTo>
                    <a:pt x="544" y="0"/>
                    <a:pt x="544" y="0"/>
                    <a:pt x="544" y="0"/>
                  </a:cubicBezTo>
                  <a:cubicBezTo>
                    <a:pt x="544" y="12"/>
                    <a:pt x="544" y="12"/>
                    <a:pt x="544" y="12"/>
                  </a:cubicBezTo>
                  <a:cubicBezTo>
                    <a:pt x="70" y="12"/>
                    <a:pt x="70" y="12"/>
                    <a:pt x="70" y="12"/>
                  </a:cubicBezTo>
                  <a:cubicBezTo>
                    <a:pt x="38" y="12"/>
                    <a:pt x="12" y="36"/>
                    <a:pt x="12" y="65"/>
                  </a:cubicBezTo>
                  <a:cubicBezTo>
                    <a:pt x="12" y="75"/>
                    <a:pt x="12" y="75"/>
                    <a:pt x="12" y="75"/>
                  </a:cubicBezTo>
                  <a:cubicBezTo>
                    <a:pt x="12" y="106"/>
                    <a:pt x="40" y="132"/>
                    <a:pt x="70" y="132"/>
                  </a:cubicBezTo>
                  <a:cubicBezTo>
                    <a:pt x="544" y="132"/>
                    <a:pt x="544" y="132"/>
                    <a:pt x="544" y="132"/>
                  </a:cubicBezTo>
                  <a:lnTo>
                    <a:pt x="544" y="148"/>
                  </a:lnTo>
                  <a:close/>
                </a:path>
              </a:pathLst>
            </a:cu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9" name="Line 16"/>
            <p:cNvSpPr>
              <a:spLocks noChangeShapeType="1"/>
            </p:cNvSpPr>
            <p:nvPr/>
          </p:nvSpPr>
          <p:spPr bwMode="auto">
            <a:xfrm>
              <a:off x="5270500" y="3562350"/>
              <a:ext cx="18303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0" name="Line 17"/>
            <p:cNvSpPr>
              <a:spLocks noChangeShapeType="1"/>
            </p:cNvSpPr>
            <p:nvPr/>
          </p:nvSpPr>
          <p:spPr bwMode="auto">
            <a:xfrm>
              <a:off x="5245100" y="3614738"/>
              <a:ext cx="1739900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1" name="Line 18"/>
            <p:cNvSpPr>
              <a:spLocks noChangeShapeType="1"/>
            </p:cNvSpPr>
            <p:nvPr/>
          </p:nvSpPr>
          <p:spPr bwMode="auto">
            <a:xfrm>
              <a:off x="5440363" y="3498850"/>
              <a:ext cx="1638300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2" name="Line 19"/>
            <p:cNvSpPr>
              <a:spLocks noChangeShapeType="1"/>
            </p:cNvSpPr>
            <p:nvPr/>
          </p:nvSpPr>
          <p:spPr bwMode="auto">
            <a:xfrm>
              <a:off x="5381625" y="3363913"/>
              <a:ext cx="13223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3" name="Line 20"/>
            <p:cNvSpPr>
              <a:spLocks noChangeShapeType="1"/>
            </p:cNvSpPr>
            <p:nvPr/>
          </p:nvSpPr>
          <p:spPr bwMode="auto">
            <a:xfrm>
              <a:off x="5184775" y="3286125"/>
              <a:ext cx="18938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4" name="Line 21"/>
            <p:cNvSpPr>
              <a:spLocks noChangeShapeType="1"/>
            </p:cNvSpPr>
            <p:nvPr/>
          </p:nvSpPr>
          <p:spPr bwMode="auto">
            <a:xfrm>
              <a:off x="5354638" y="3225800"/>
              <a:ext cx="1724025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2" name="组合 1"/>
          <p:cNvGrpSpPr/>
          <p:nvPr/>
        </p:nvGrpSpPr>
        <p:grpSpPr>
          <a:xfrm>
            <a:off x="7061527" y="2558004"/>
            <a:ext cx="3136462" cy="480110"/>
            <a:chOff x="7061527" y="2558004"/>
            <a:chExt cx="3136462" cy="480110"/>
          </a:xfrm>
        </p:grpSpPr>
        <p:sp>
          <p:nvSpPr>
            <p:cNvPr id="126" name="Rectangle 112"/>
            <p:cNvSpPr>
              <a:spLocks noChangeArrowheads="1"/>
            </p:cNvSpPr>
            <p:nvPr/>
          </p:nvSpPr>
          <p:spPr bwMode="auto">
            <a:xfrm>
              <a:off x="7061527" y="2558671"/>
              <a:ext cx="3136462" cy="464661"/>
            </a:xfrm>
            <a:prstGeom prst="rect">
              <a:avLst/>
            </a:prstGeom>
            <a:solidFill>
              <a:srgbClr val="F5D98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7" name="Rectangle 113"/>
            <p:cNvSpPr>
              <a:spLocks noChangeArrowheads="1"/>
            </p:cNvSpPr>
            <p:nvPr/>
          </p:nvSpPr>
          <p:spPr bwMode="auto">
            <a:xfrm>
              <a:off x="7238024" y="2558004"/>
              <a:ext cx="145699" cy="464661"/>
            </a:xfrm>
            <a:prstGeom prst="rect">
              <a:avLst/>
            </a:prstGeom>
            <a:solidFill>
              <a:srgbClr val="FBB03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5" name="Rectangle 33"/>
            <p:cNvSpPr>
              <a:spLocks noChangeArrowheads="1"/>
            </p:cNvSpPr>
            <p:nvPr/>
          </p:nvSpPr>
          <p:spPr bwMode="auto">
            <a:xfrm>
              <a:off x="9892642" y="2559671"/>
              <a:ext cx="163419" cy="478443"/>
            </a:xfrm>
            <a:prstGeom prst="rect">
              <a:avLst/>
            </a:prstGeom>
            <a:solidFill>
              <a:srgbClr val="FBB03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4" name="组合 3"/>
          <p:cNvGrpSpPr/>
          <p:nvPr/>
        </p:nvGrpSpPr>
        <p:grpSpPr>
          <a:xfrm>
            <a:off x="8613367" y="1250214"/>
            <a:ext cx="1135916" cy="1341139"/>
            <a:chOff x="7698578" y="210044"/>
            <a:chExt cx="1135916" cy="1341139"/>
          </a:xfrm>
        </p:grpSpPr>
        <p:grpSp>
          <p:nvGrpSpPr>
            <p:cNvPr id="128" name="组合 127"/>
            <p:cNvGrpSpPr/>
            <p:nvPr/>
          </p:nvGrpSpPr>
          <p:grpSpPr>
            <a:xfrm>
              <a:off x="7698578" y="210044"/>
              <a:ext cx="1135916" cy="1332246"/>
              <a:chOff x="5419725" y="908051"/>
              <a:chExt cx="900113" cy="1055687"/>
            </a:xfrm>
          </p:grpSpPr>
          <p:sp>
            <p:nvSpPr>
              <p:cNvPr id="129" name="Freeform 125"/>
              <p:cNvSpPr/>
              <p:nvPr/>
            </p:nvSpPr>
            <p:spPr bwMode="auto">
              <a:xfrm>
                <a:off x="5419725" y="1325563"/>
                <a:ext cx="628650" cy="638175"/>
              </a:xfrm>
              <a:custGeom>
                <a:avLst/>
                <a:gdLst>
                  <a:gd name="T0" fmla="*/ 9 w 148"/>
                  <a:gd name="T1" fmla="*/ 0 h 150"/>
                  <a:gd name="T2" fmla="*/ 0 w 148"/>
                  <a:gd name="T3" fmla="*/ 13 h 150"/>
                  <a:gd name="T4" fmla="*/ 0 w 148"/>
                  <a:gd name="T5" fmla="*/ 117 h 150"/>
                  <a:gd name="T6" fmla="*/ 30 w 148"/>
                  <a:gd name="T7" fmla="*/ 150 h 150"/>
                  <a:gd name="T8" fmla="*/ 123 w 148"/>
                  <a:gd name="T9" fmla="*/ 150 h 150"/>
                  <a:gd name="T10" fmla="*/ 148 w 148"/>
                  <a:gd name="T11" fmla="*/ 114 h 150"/>
                  <a:gd name="T12" fmla="*/ 148 w 148"/>
                  <a:gd name="T13" fmla="*/ 11 h 150"/>
                  <a:gd name="T14" fmla="*/ 140 w 148"/>
                  <a:gd name="T15" fmla="*/ 0 h 150"/>
                  <a:gd name="T16" fmla="*/ 9 w 148"/>
                  <a:gd name="T17" fmla="*/ 0 h 1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48" h="150">
                    <a:moveTo>
                      <a:pt x="9" y="0"/>
                    </a:moveTo>
                    <a:cubicBezTo>
                      <a:pt x="9" y="0"/>
                      <a:pt x="2" y="2"/>
                      <a:pt x="0" y="13"/>
                    </a:cubicBezTo>
                    <a:cubicBezTo>
                      <a:pt x="0" y="117"/>
                      <a:pt x="0" y="117"/>
                      <a:pt x="0" y="117"/>
                    </a:cubicBezTo>
                    <a:cubicBezTo>
                      <a:pt x="0" y="117"/>
                      <a:pt x="12" y="143"/>
                      <a:pt x="30" y="150"/>
                    </a:cubicBezTo>
                    <a:cubicBezTo>
                      <a:pt x="123" y="150"/>
                      <a:pt x="123" y="150"/>
                      <a:pt x="123" y="150"/>
                    </a:cubicBezTo>
                    <a:cubicBezTo>
                      <a:pt x="123" y="150"/>
                      <a:pt x="141" y="140"/>
                      <a:pt x="148" y="114"/>
                    </a:cubicBezTo>
                    <a:cubicBezTo>
                      <a:pt x="148" y="11"/>
                      <a:pt x="148" y="11"/>
                      <a:pt x="148" y="11"/>
                    </a:cubicBezTo>
                    <a:cubicBezTo>
                      <a:pt x="148" y="11"/>
                      <a:pt x="146" y="5"/>
                      <a:pt x="140" y="0"/>
                    </a:cubicBezTo>
                    <a:lnTo>
                      <a:pt x="9" y="0"/>
                    </a:lnTo>
                    <a:close/>
                  </a:path>
                </a:pathLst>
              </a:custGeom>
              <a:solidFill>
                <a:srgbClr val="3E465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0" name="Freeform 126"/>
              <p:cNvSpPr/>
              <p:nvPr/>
            </p:nvSpPr>
            <p:spPr bwMode="auto">
              <a:xfrm>
                <a:off x="5419725" y="1325563"/>
                <a:ext cx="628650" cy="638175"/>
              </a:xfrm>
              <a:custGeom>
                <a:avLst/>
                <a:gdLst>
                  <a:gd name="T0" fmla="*/ 9 w 148"/>
                  <a:gd name="T1" fmla="*/ 0 h 150"/>
                  <a:gd name="T2" fmla="*/ 0 w 148"/>
                  <a:gd name="T3" fmla="*/ 13 h 150"/>
                  <a:gd name="T4" fmla="*/ 0 w 148"/>
                  <a:gd name="T5" fmla="*/ 117 h 150"/>
                  <a:gd name="T6" fmla="*/ 30 w 148"/>
                  <a:gd name="T7" fmla="*/ 150 h 150"/>
                  <a:gd name="T8" fmla="*/ 123 w 148"/>
                  <a:gd name="T9" fmla="*/ 150 h 150"/>
                  <a:gd name="T10" fmla="*/ 148 w 148"/>
                  <a:gd name="T11" fmla="*/ 114 h 150"/>
                  <a:gd name="T12" fmla="*/ 148 w 148"/>
                  <a:gd name="T13" fmla="*/ 11 h 150"/>
                  <a:gd name="T14" fmla="*/ 140 w 148"/>
                  <a:gd name="T15" fmla="*/ 0 h 150"/>
                  <a:gd name="T16" fmla="*/ 9 w 148"/>
                  <a:gd name="T17" fmla="*/ 0 h 1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48" h="150">
                    <a:moveTo>
                      <a:pt x="9" y="0"/>
                    </a:moveTo>
                    <a:cubicBezTo>
                      <a:pt x="9" y="0"/>
                      <a:pt x="2" y="2"/>
                      <a:pt x="0" y="13"/>
                    </a:cubicBezTo>
                    <a:cubicBezTo>
                      <a:pt x="0" y="117"/>
                      <a:pt x="0" y="117"/>
                      <a:pt x="0" y="117"/>
                    </a:cubicBezTo>
                    <a:cubicBezTo>
                      <a:pt x="0" y="117"/>
                      <a:pt x="12" y="143"/>
                      <a:pt x="30" y="150"/>
                    </a:cubicBezTo>
                    <a:cubicBezTo>
                      <a:pt x="123" y="150"/>
                      <a:pt x="123" y="150"/>
                      <a:pt x="123" y="150"/>
                    </a:cubicBezTo>
                    <a:cubicBezTo>
                      <a:pt x="123" y="150"/>
                      <a:pt x="141" y="140"/>
                      <a:pt x="148" y="114"/>
                    </a:cubicBezTo>
                    <a:cubicBezTo>
                      <a:pt x="148" y="11"/>
                      <a:pt x="148" y="11"/>
                      <a:pt x="148" y="11"/>
                    </a:cubicBezTo>
                    <a:cubicBezTo>
                      <a:pt x="148" y="11"/>
                      <a:pt x="146" y="5"/>
                      <a:pt x="140" y="0"/>
                    </a:cubicBezTo>
                    <a:lnTo>
                      <a:pt x="9" y="0"/>
                    </a:lnTo>
                    <a:close/>
                  </a:path>
                </a:pathLst>
              </a:custGeom>
              <a:noFill/>
              <a:ln w="33338" cap="rnd">
                <a:solidFill>
                  <a:srgbClr val="3E4651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1" name="Freeform 127"/>
              <p:cNvSpPr/>
              <p:nvPr/>
            </p:nvSpPr>
            <p:spPr bwMode="auto">
              <a:xfrm>
                <a:off x="5992813" y="1312863"/>
                <a:ext cx="327025" cy="514350"/>
              </a:xfrm>
              <a:custGeom>
                <a:avLst/>
                <a:gdLst>
                  <a:gd name="T0" fmla="*/ 6 w 77"/>
                  <a:gd name="T1" fmla="*/ 29 h 121"/>
                  <a:gd name="T2" fmla="*/ 60 w 77"/>
                  <a:gd name="T3" fmla="*/ 27 h 121"/>
                  <a:gd name="T4" fmla="*/ 57 w 77"/>
                  <a:gd name="T5" fmla="*/ 93 h 121"/>
                  <a:gd name="T6" fmla="*/ 0 w 77"/>
                  <a:gd name="T7" fmla="*/ 95 h 121"/>
                  <a:gd name="T8" fmla="*/ 9 w 77"/>
                  <a:gd name="T9" fmla="*/ 91 h 121"/>
                  <a:gd name="T10" fmla="*/ 59 w 77"/>
                  <a:gd name="T11" fmla="*/ 56 h 121"/>
                  <a:gd name="T12" fmla="*/ 36 w 77"/>
                  <a:gd name="T13" fmla="*/ 31 h 121"/>
                  <a:gd name="T14" fmla="*/ 5 w 77"/>
                  <a:gd name="T15" fmla="*/ 51 h 12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77" h="121">
                    <a:moveTo>
                      <a:pt x="6" y="29"/>
                    </a:moveTo>
                    <a:cubicBezTo>
                      <a:pt x="33" y="0"/>
                      <a:pt x="60" y="27"/>
                      <a:pt x="60" y="27"/>
                    </a:cubicBezTo>
                    <a:cubicBezTo>
                      <a:pt x="77" y="43"/>
                      <a:pt x="71" y="77"/>
                      <a:pt x="57" y="93"/>
                    </a:cubicBezTo>
                    <a:cubicBezTo>
                      <a:pt x="47" y="109"/>
                      <a:pt x="5" y="121"/>
                      <a:pt x="0" y="95"/>
                    </a:cubicBezTo>
                    <a:cubicBezTo>
                      <a:pt x="4" y="94"/>
                      <a:pt x="6" y="92"/>
                      <a:pt x="9" y="91"/>
                    </a:cubicBezTo>
                    <a:cubicBezTo>
                      <a:pt x="50" y="105"/>
                      <a:pt x="58" y="67"/>
                      <a:pt x="59" y="56"/>
                    </a:cubicBezTo>
                    <a:cubicBezTo>
                      <a:pt x="59" y="43"/>
                      <a:pt x="49" y="30"/>
                      <a:pt x="36" y="31"/>
                    </a:cubicBezTo>
                    <a:cubicBezTo>
                      <a:pt x="36" y="31"/>
                      <a:pt x="11" y="27"/>
                      <a:pt x="5" y="51"/>
                    </a:cubicBezTo>
                  </a:path>
                </a:pathLst>
              </a:custGeom>
              <a:solidFill>
                <a:srgbClr val="3E465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2" name="Freeform 128"/>
              <p:cNvSpPr/>
              <p:nvPr/>
            </p:nvSpPr>
            <p:spPr bwMode="auto">
              <a:xfrm>
                <a:off x="5508625" y="908051"/>
                <a:ext cx="123825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4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2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8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5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4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3" name="Freeform 129"/>
              <p:cNvSpPr/>
              <p:nvPr/>
            </p:nvSpPr>
            <p:spPr bwMode="auto">
              <a:xfrm>
                <a:off x="5670550" y="908051"/>
                <a:ext cx="122238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4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3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9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5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4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4" name="Freeform 130"/>
              <p:cNvSpPr/>
              <p:nvPr/>
            </p:nvSpPr>
            <p:spPr bwMode="auto">
              <a:xfrm>
                <a:off x="5830888" y="908051"/>
                <a:ext cx="123825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5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3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9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6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5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sp>
          <p:nvSpPr>
            <p:cNvPr id="135" name="Freeform 9"/>
            <p:cNvSpPr/>
            <p:nvPr/>
          </p:nvSpPr>
          <p:spPr bwMode="auto">
            <a:xfrm flipH="1">
              <a:off x="8093519" y="717064"/>
              <a:ext cx="419018" cy="834119"/>
            </a:xfrm>
            <a:custGeom>
              <a:avLst/>
              <a:gdLst>
                <a:gd name="T0" fmla="*/ 79 w 79"/>
                <a:gd name="T1" fmla="*/ 0 h 158"/>
                <a:gd name="T2" fmla="*/ 13 w 79"/>
                <a:gd name="T3" fmla="*/ 0 h 158"/>
                <a:gd name="T4" fmla="*/ 12 w 79"/>
                <a:gd name="T5" fmla="*/ 0 h 158"/>
                <a:gd name="T6" fmla="*/ 0 w 79"/>
                <a:gd name="T7" fmla="*/ 17 h 158"/>
                <a:gd name="T8" fmla="*/ 0 w 79"/>
                <a:gd name="T9" fmla="*/ 17 h 158"/>
                <a:gd name="T10" fmla="*/ 0 w 79"/>
                <a:gd name="T11" fmla="*/ 121 h 158"/>
                <a:gd name="T12" fmla="*/ 1 w 79"/>
                <a:gd name="T13" fmla="*/ 123 h 158"/>
                <a:gd name="T14" fmla="*/ 32 w 79"/>
                <a:gd name="T15" fmla="*/ 157 h 158"/>
                <a:gd name="T16" fmla="*/ 34 w 79"/>
                <a:gd name="T17" fmla="*/ 158 h 158"/>
                <a:gd name="T18" fmla="*/ 79 w 79"/>
                <a:gd name="T19" fmla="*/ 158 h 158"/>
                <a:gd name="T20" fmla="*/ 79 w 79"/>
                <a:gd name="T21" fmla="*/ 0 h 1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79" h="158">
                  <a:moveTo>
                    <a:pt x="79" y="0"/>
                  </a:moveTo>
                  <a:cubicBezTo>
                    <a:pt x="13" y="0"/>
                    <a:pt x="13" y="0"/>
                    <a:pt x="13" y="0"/>
                  </a:cubicBezTo>
                  <a:cubicBezTo>
                    <a:pt x="12" y="0"/>
                    <a:pt x="12" y="0"/>
                    <a:pt x="12" y="0"/>
                  </a:cubicBezTo>
                  <a:cubicBezTo>
                    <a:pt x="12" y="1"/>
                    <a:pt x="2" y="3"/>
                    <a:pt x="0" y="17"/>
                  </a:cubicBezTo>
                  <a:cubicBezTo>
                    <a:pt x="0" y="17"/>
                    <a:pt x="0" y="17"/>
                    <a:pt x="0" y="17"/>
                  </a:cubicBezTo>
                  <a:cubicBezTo>
                    <a:pt x="0" y="121"/>
                    <a:pt x="0" y="121"/>
                    <a:pt x="0" y="121"/>
                  </a:cubicBezTo>
                  <a:cubicBezTo>
                    <a:pt x="0" y="122"/>
                    <a:pt x="0" y="122"/>
                    <a:pt x="1" y="123"/>
                  </a:cubicBezTo>
                  <a:cubicBezTo>
                    <a:pt x="1" y="124"/>
                    <a:pt x="13" y="150"/>
                    <a:pt x="32" y="157"/>
                  </a:cubicBezTo>
                  <a:cubicBezTo>
                    <a:pt x="33" y="158"/>
                    <a:pt x="33" y="158"/>
                    <a:pt x="34" y="158"/>
                  </a:cubicBezTo>
                  <a:cubicBezTo>
                    <a:pt x="79" y="158"/>
                    <a:pt x="79" y="158"/>
                    <a:pt x="79" y="158"/>
                  </a:cubicBezTo>
                  <a:cubicBezTo>
                    <a:pt x="79" y="0"/>
                    <a:pt x="79" y="0"/>
                    <a:pt x="79" y="0"/>
                  </a:cubicBezTo>
                </a:path>
              </a:pathLst>
            </a:custGeom>
            <a:solidFill>
              <a:srgbClr val="E5E5E5">
                <a:alpha val="10000"/>
              </a:srgb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34" name="组合 33"/>
          <p:cNvGrpSpPr/>
          <p:nvPr/>
        </p:nvGrpSpPr>
        <p:grpSpPr>
          <a:xfrm>
            <a:off x="2573959" y="1008439"/>
            <a:ext cx="1266731" cy="2222633"/>
            <a:chOff x="2573959" y="1008439"/>
            <a:chExt cx="1266731" cy="2222633"/>
          </a:xfrm>
        </p:grpSpPr>
        <p:grpSp>
          <p:nvGrpSpPr>
            <p:cNvPr id="137" name="组合 136"/>
            <p:cNvGrpSpPr/>
            <p:nvPr/>
          </p:nvGrpSpPr>
          <p:grpSpPr>
            <a:xfrm>
              <a:off x="3452494" y="1343502"/>
              <a:ext cx="344489" cy="1577975"/>
              <a:chOff x="1230312" y="1006476"/>
              <a:chExt cx="344489" cy="1577975"/>
            </a:xfrm>
          </p:grpSpPr>
          <p:sp>
            <p:nvSpPr>
              <p:cNvPr id="138" name="Freeform 114"/>
              <p:cNvSpPr/>
              <p:nvPr/>
            </p:nvSpPr>
            <p:spPr bwMode="auto">
              <a:xfrm>
                <a:off x="1235075" y="2255838"/>
                <a:ext cx="114300" cy="196850"/>
              </a:xfrm>
              <a:custGeom>
                <a:avLst/>
                <a:gdLst>
                  <a:gd name="T0" fmla="*/ 72 w 72"/>
                  <a:gd name="T1" fmla="*/ 11 h 124"/>
                  <a:gd name="T2" fmla="*/ 3 w 72"/>
                  <a:gd name="T3" fmla="*/ 0 h 124"/>
                  <a:gd name="T4" fmla="*/ 0 w 72"/>
                  <a:gd name="T5" fmla="*/ 118 h 124"/>
                  <a:gd name="T6" fmla="*/ 35 w 72"/>
                  <a:gd name="T7" fmla="*/ 124 h 124"/>
                  <a:gd name="T8" fmla="*/ 72 w 72"/>
                  <a:gd name="T9" fmla="*/ 11 h 12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4">
                    <a:moveTo>
                      <a:pt x="72" y="11"/>
                    </a:moveTo>
                    <a:lnTo>
                      <a:pt x="3" y="0"/>
                    </a:lnTo>
                    <a:lnTo>
                      <a:pt x="0" y="118"/>
                    </a:lnTo>
                    <a:lnTo>
                      <a:pt x="35" y="124"/>
                    </a:lnTo>
                    <a:lnTo>
                      <a:pt x="72" y="11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9" name="Freeform 115"/>
              <p:cNvSpPr/>
              <p:nvPr/>
            </p:nvSpPr>
            <p:spPr bwMode="auto">
              <a:xfrm>
                <a:off x="1235075" y="2255838"/>
                <a:ext cx="114300" cy="196850"/>
              </a:xfrm>
              <a:custGeom>
                <a:avLst/>
                <a:gdLst>
                  <a:gd name="T0" fmla="*/ 72 w 72"/>
                  <a:gd name="T1" fmla="*/ 11 h 124"/>
                  <a:gd name="T2" fmla="*/ 3 w 72"/>
                  <a:gd name="T3" fmla="*/ 0 h 124"/>
                  <a:gd name="T4" fmla="*/ 0 w 72"/>
                  <a:gd name="T5" fmla="*/ 118 h 124"/>
                  <a:gd name="T6" fmla="*/ 35 w 72"/>
                  <a:gd name="T7" fmla="*/ 124 h 124"/>
                  <a:gd name="T8" fmla="*/ 72 w 72"/>
                  <a:gd name="T9" fmla="*/ 11 h 12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4">
                    <a:moveTo>
                      <a:pt x="72" y="11"/>
                    </a:moveTo>
                    <a:lnTo>
                      <a:pt x="3" y="0"/>
                    </a:lnTo>
                    <a:lnTo>
                      <a:pt x="0" y="118"/>
                    </a:lnTo>
                    <a:lnTo>
                      <a:pt x="35" y="124"/>
                    </a:lnTo>
                    <a:lnTo>
                      <a:pt x="72" y="11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0" name="Freeform 116"/>
              <p:cNvSpPr/>
              <p:nvPr/>
            </p:nvSpPr>
            <p:spPr bwMode="auto">
              <a:xfrm>
                <a:off x="1230312" y="2443163"/>
                <a:ext cx="60325" cy="141288"/>
              </a:xfrm>
              <a:custGeom>
                <a:avLst/>
                <a:gdLst>
                  <a:gd name="T0" fmla="*/ 1 w 14"/>
                  <a:gd name="T1" fmla="*/ 0 h 33"/>
                  <a:gd name="T2" fmla="*/ 0 w 14"/>
                  <a:gd name="T3" fmla="*/ 26 h 33"/>
                  <a:gd name="T4" fmla="*/ 2 w 14"/>
                  <a:gd name="T5" fmla="*/ 32 h 33"/>
                  <a:gd name="T6" fmla="*/ 6 w 14"/>
                  <a:gd name="T7" fmla="*/ 27 h 33"/>
                  <a:gd name="T8" fmla="*/ 14 w 14"/>
                  <a:gd name="T9" fmla="*/ 2 h 33"/>
                  <a:gd name="T10" fmla="*/ 1 w 14"/>
                  <a:gd name="T11" fmla="*/ 0 h 3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4" h="33">
                    <a:moveTo>
                      <a:pt x="1" y="0"/>
                    </a:moveTo>
                    <a:cubicBezTo>
                      <a:pt x="0" y="26"/>
                      <a:pt x="0" y="26"/>
                      <a:pt x="0" y="26"/>
                    </a:cubicBezTo>
                    <a:cubicBezTo>
                      <a:pt x="0" y="30"/>
                      <a:pt x="1" y="32"/>
                      <a:pt x="2" y="32"/>
                    </a:cubicBezTo>
                    <a:cubicBezTo>
                      <a:pt x="3" y="33"/>
                      <a:pt x="5" y="30"/>
                      <a:pt x="6" y="27"/>
                    </a:cubicBezTo>
                    <a:cubicBezTo>
                      <a:pt x="14" y="2"/>
                      <a:pt x="14" y="2"/>
                      <a:pt x="14" y="2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1" name="Freeform 117"/>
              <p:cNvSpPr/>
              <p:nvPr/>
            </p:nvSpPr>
            <p:spPr bwMode="auto">
              <a:xfrm>
                <a:off x="1239838" y="1138238"/>
                <a:ext cx="304800" cy="1135063"/>
              </a:xfrm>
              <a:custGeom>
                <a:avLst/>
                <a:gdLst>
                  <a:gd name="T0" fmla="*/ 125 w 192"/>
                  <a:gd name="T1" fmla="*/ 0 h 715"/>
                  <a:gd name="T2" fmla="*/ 0 w 192"/>
                  <a:gd name="T3" fmla="*/ 704 h 715"/>
                  <a:gd name="T4" fmla="*/ 26 w 192"/>
                  <a:gd name="T5" fmla="*/ 710 h 715"/>
                  <a:gd name="T6" fmla="*/ 45 w 192"/>
                  <a:gd name="T7" fmla="*/ 713 h 715"/>
                  <a:gd name="T8" fmla="*/ 69 w 192"/>
                  <a:gd name="T9" fmla="*/ 715 h 715"/>
                  <a:gd name="T10" fmla="*/ 192 w 192"/>
                  <a:gd name="T11" fmla="*/ 19 h 715"/>
                  <a:gd name="T12" fmla="*/ 171 w 192"/>
                  <a:gd name="T13" fmla="*/ 16 h 715"/>
                  <a:gd name="T14" fmla="*/ 149 w 192"/>
                  <a:gd name="T15" fmla="*/ 10 h 715"/>
                  <a:gd name="T16" fmla="*/ 149 w 192"/>
                  <a:gd name="T17" fmla="*/ 5 h 715"/>
                  <a:gd name="T18" fmla="*/ 125 w 192"/>
                  <a:gd name="T19" fmla="*/ 0 h 7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92" h="715">
                    <a:moveTo>
                      <a:pt x="125" y="0"/>
                    </a:moveTo>
                    <a:lnTo>
                      <a:pt x="0" y="704"/>
                    </a:lnTo>
                    <a:lnTo>
                      <a:pt x="26" y="710"/>
                    </a:lnTo>
                    <a:lnTo>
                      <a:pt x="45" y="713"/>
                    </a:lnTo>
                    <a:lnTo>
                      <a:pt x="69" y="715"/>
                    </a:lnTo>
                    <a:lnTo>
                      <a:pt x="192" y="19"/>
                    </a:lnTo>
                    <a:lnTo>
                      <a:pt x="171" y="16"/>
                    </a:lnTo>
                    <a:lnTo>
                      <a:pt x="149" y="10"/>
                    </a:lnTo>
                    <a:lnTo>
                      <a:pt x="149" y="5"/>
                    </a:lnTo>
                    <a:lnTo>
                      <a:pt x="125" y="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2" name="Freeform 118"/>
              <p:cNvSpPr/>
              <p:nvPr/>
            </p:nvSpPr>
            <p:spPr bwMode="auto">
              <a:xfrm>
                <a:off x="1239838" y="1138238"/>
                <a:ext cx="304800" cy="1135063"/>
              </a:xfrm>
              <a:custGeom>
                <a:avLst/>
                <a:gdLst>
                  <a:gd name="T0" fmla="*/ 125 w 192"/>
                  <a:gd name="T1" fmla="*/ 0 h 715"/>
                  <a:gd name="T2" fmla="*/ 0 w 192"/>
                  <a:gd name="T3" fmla="*/ 704 h 715"/>
                  <a:gd name="T4" fmla="*/ 26 w 192"/>
                  <a:gd name="T5" fmla="*/ 710 h 715"/>
                  <a:gd name="T6" fmla="*/ 45 w 192"/>
                  <a:gd name="T7" fmla="*/ 713 h 715"/>
                  <a:gd name="T8" fmla="*/ 69 w 192"/>
                  <a:gd name="T9" fmla="*/ 715 h 715"/>
                  <a:gd name="T10" fmla="*/ 192 w 192"/>
                  <a:gd name="T11" fmla="*/ 19 h 715"/>
                  <a:gd name="T12" fmla="*/ 171 w 192"/>
                  <a:gd name="T13" fmla="*/ 16 h 715"/>
                  <a:gd name="T14" fmla="*/ 149 w 192"/>
                  <a:gd name="T15" fmla="*/ 10 h 715"/>
                  <a:gd name="T16" fmla="*/ 149 w 192"/>
                  <a:gd name="T17" fmla="*/ 5 h 715"/>
                  <a:gd name="T18" fmla="*/ 125 w 192"/>
                  <a:gd name="T19" fmla="*/ 0 h 7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92" h="715">
                    <a:moveTo>
                      <a:pt x="125" y="0"/>
                    </a:moveTo>
                    <a:lnTo>
                      <a:pt x="0" y="704"/>
                    </a:lnTo>
                    <a:lnTo>
                      <a:pt x="26" y="710"/>
                    </a:lnTo>
                    <a:lnTo>
                      <a:pt x="45" y="713"/>
                    </a:lnTo>
                    <a:lnTo>
                      <a:pt x="69" y="715"/>
                    </a:lnTo>
                    <a:lnTo>
                      <a:pt x="192" y="19"/>
                    </a:lnTo>
                    <a:lnTo>
                      <a:pt x="171" y="16"/>
                    </a:lnTo>
                    <a:lnTo>
                      <a:pt x="149" y="10"/>
                    </a:lnTo>
                    <a:lnTo>
                      <a:pt x="149" y="5"/>
                    </a:lnTo>
                    <a:lnTo>
                      <a:pt x="125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3" name="Freeform 119"/>
              <p:cNvSpPr/>
              <p:nvPr/>
            </p:nvSpPr>
            <p:spPr bwMode="auto">
              <a:xfrm>
                <a:off x="1430338" y="1006476"/>
                <a:ext cx="144463" cy="177800"/>
              </a:xfrm>
              <a:custGeom>
                <a:avLst/>
                <a:gdLst>
                  <a:gd name="T0" fmla="*/ 0 w 34"/>
                  <a:gd name="T1" fmla="*/ 36 h 42"/>
                  <a:gd name="T2" fmla="*/ 1 w 34"/>
                  <a:gd name="T3" fmla="*/ 37 h 42"/>
                  <a:gd name="T4" fmla="*/ 27 w 34"/>
                  <a:gd name="T5" fmla="*/ 42 h 42"/>
                  <a:gd name="T6" fmla="*/ 28 w 34"/>
                  <a:gd name="T7" fmla="*/ 42 h 42"/>
                  <a:gd name="T8" fmla="*/ 34 w 34"/>
                  <a:gd name="T9" fmla="*/ 6 h 42"/>
                  <a:gd name="T10" fmla="*/ 33 w 34"/>
                  <a:gd name="T11" fmla="*/ 5 h 42"/>
                  <a:gd name="T12" fmla="*/ 7 w 34"/>
                  <a:gd name="T13" fmla="*/ 0 h 42"/>
                  <a:gd name="T14" fmla="*/ 6 w 34"/>
                  <a:gd name="T15" fmla="*/ 1 h 42"/>
                  <a:gd name="T16" fmla="*/ 0 w 34"/>
                  <a:gd name="T17" fmla="*/ 36 h 4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4" h="42">
                    <a:moveTo>
                      <a:pt x="0" y="36"/>
                    </a:moveTo>
                    <a:cubicBezTo>
                      <a:pt x="0" y="37"/>
                      <a:pt x="0" y="37"/>
                      <a:pt x="1" y="37"/>
                    </a:cubicBezTo>
                    <a:cubicBezTo>
                      <a:pt x="27" y="42"/>
                      <a:pt x="27" y="42"/>
                      <a:pt x="27" y="42"/>
                    </a:cubicBezTo>
                    <a:cubicBezTo>
                      <a:pt x="27" y="42"/>
                      <a:pt x="28" y="42"/>
                      <a:pt x="28" y="42"/>
                    </a:cubicBezTo>
                    <a:cubicBezTo>
                      <a:pt x="34" y="6"/>
                      <a:pt x="34" y="6"/>
                      <a:pt x="34" y="6"/>
                    </a:cubicBezTo>
                    <a:cubicBezTo>
                      <a:pt x="34" y="6"/>
                      <a:pt x="34" y="5"/>
                      <a:pt x="33" y="5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7" y="0"/>
                      <a:pt x="6" y="1"/>
                      <a:pt x="6" y="1"/>
                    </a:cubicBezTo>
                    <a:cubicBezTo>
                      <a:pt x="0" y="36"/>
                      <a:pt x="0" y="36"/>
                      <a:pt x="0" y="36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4" name="Freeform 120"/>
              <p:cNvSpPr>
                <a:spLocks noEditPoints="1"/>
              </p:cNvSpPr>
              <p:nvPr/>
            </p:nvSpPr>
            <p:spPr bwMode="auto">
              <a:xfrm>
                <a:off x="1235075" y="1006476"/>
                <a:ext cx="280988" cy="1492250"/>
              </a:xfrm>
              <a:custGeom>
                <a:avLst/>
                <a:gdLst>
                  <a:gd name="T0" fmla="*/ 0 w 66"/>
                  <a:gd name="T1" fmla="*/ 339 h 351"/>
                  <a:gd name="T2" fmla="*/ 0 w 66"/>
                  <a:gd name="T3" fmla="*/ 338 h 351"/>
                  <a:gd name="T4" fmla="*/ 13 w 66"/>
                  <a:gd name="T5" fmla="*/ 296 h 351"/>
                  <a:gd name="T6" fmla="*/ 13 w 66"/>
                  <a:gd name="T7" fmla="*/ 296 h 351"/>
                  <a:gd name="T8" fmla="*/ 13 w 66"/>
                  <a:gd name="T9" fmla="*/ 296 h 351"/>
                  <a:gd name="T10" fmla="*/ 13 w 66"/>
                  <a:gd name="T11" fmla="*/ 296 h 351"/>
                  <a:gd name="T12" fmla="*/ 1 w 66"/>
                  <a:gd name="T13" fmla="*/ 294 h 351"/>
                  <a:gd name="T14" fmla="*/ 1 w 66"/>
                  <a:gd name="T15" fmla="*/ 316 h 351"/>
                  <a:gd name="T16" fmla="*/ 1 w 66"/>
                  <a:gd name="T17" fmla="*/ 294 h 351"/>
                  <a:gd name="T18" fmla="*/ 1 w 66"/>
                  <a:gd name="T19" fmla="*/ 294 h 351"/>
                  <a:gd name="T20" fmla="*/ 1 w 66"/>
                  <a:gd name="T21" fmla="*/ 294 h 351"/>
                  <a:gd name="T22" fmla="*/ 46 w 66"/>
                  <a:gd name="T23" fmla="*/ 36 h 351"/>
                  <a:gd name="T24" fmla="*/ 47 w 66"/>
                  <a:gd name="T25" fmla="*/ 38 h 351"/>
                  <a:gd name="T26" fmla="*/ 47 w 66"/>
                  <a:gd name="T27" fmla="*/ 37 h 351"/>
                  <a:gd name="T28" fmla="*/ 52 w 66"/>
                  <a:gd name="T29" fmla="*/ 1 h 351"/>
                  <a:gd name="T30" fmla="*/ 52 w 66"/>
                  <a:gd name="T31" fmla="*/ 1 h 351"/>
                  <a:gd name="T32" fmla="*/ 52 w 66"/>
                  <a:gd name="T33" fmla="*/ 1 h 351"/>
                  <a:gd name="T34" fmla="*/ 52 w 66"/>
                  <a:gd name="T35" fmla="*/ 1 h 351"/>
                  <a:gd name="T36" fmla="*/ 52 w 66"/>
                  <a:gd name="T37" fmla="*/ 1 h 351"/>
                  <a:gd name="T38" fmla="*/ 52 w 66"/>
                  <a:gd name="T39" fmla="*/ 1 h 351"/>
                  <a:gd name="T40" fmla="*/ 52 w 66"/>
                  <a:gd name="T41" fmla="*/ 1 h 351"/>
                  <a:gd name="T42" fmla="*/ 52 w 66"/>
                  <a:gd name="T43" fmla="*/ 1 h 351"/>
                  <a:gd name="T44" fmla="*/ 52 w 66"/>
                  <a:gd name="T45" fmla="*/ 1 h 351"/>
                  <a:gd name="T46" fmla="*/ 52 w 66"/>
                  <a:gd name="T47" fmla="*/ 1 h 351"/>
                  <a:gd name="T48" fmla="*/ 52 w 66"/>
                  <a:gd name="T49" fmla="*/ 1 h 351"/>
                  <a:gd name="T50" fmla="*/ 52 w 66"/>
                  <a:gd name="T51" fmla="*/ 1 h 351"/>
                  <a:gd name="T52" fmla="*/ 52 w 66"/>
                  <a:gd name="T53" fmla="*/ 1 h 351"/>
                  <a:gd name="T54" fmla="*/ 52 w 66"/>
                  <a:gd name="T55" fmla="*/ 1 h 351"/>
                  <a:gd name="T56" fmla="*/ 52 w 66"/>
                  <a:gd name="T57" fmla="*/ 1 h 351"/>
                  <a:gd name="T58" fmla="*/ 52 w 66"/>
                  <a:gd name="T59" fmla="*/ 1 h 351"/>
                  <a:gd name="T60" fmla="*/ 52 w 66"/>
                  <a:gd name="T61" fmla="*/ 1 h 351"/>
                  <a:gd name="T62" fmla="*/ 52 w 66"/>
                  <a:gd name="T63" fmla="*/ 1 h 351"/>
                  <a:gd name="T64" fmla="*/ 53 w 66"/>
                  <a:gd name="T65" fmla="*/ 0 h 351"/>
                  <a:gd name="T66" fmla="*/ 53 w 66"/>
                  <a:gd name="T67" fmla="*/ 0 h 351"/>
                  <a:gd name="T68" fmla="*/ 66 w 66"/>
                  <a:gd name="T69" fmla="*/ 3 h 351"/>
                  <a:gd name="T70" fmla="*/ 53 w 66"/>
                  <a:gd name="T71" fmla="*/ 0 h 35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66" h="351">
                    <a:moveTo>
                      <a:pt x="0" y="338"/>
                    </a:moveTo>
                    <a:cubicBezTo>
                      <a:pt x="0" y="339"/>
                      <a:pt x="0" y="339"/>
                      <a:pt x="0" y="339"/>
                    </a:cubicBezTo>
                    <a:cubicBezTo>
                      <a:pt x="0" y="351"/>
                      <a:pt x="0" y="351"/>
                      <a:pt x="0" y="351"/>
                    </a:cubicBezTo>
                    <a:cubicBezTo>
                      <a:pt x="0" y="338"/>
                      <a:pt x="0" y="338"/>
                      <a:pt x="0" y="338"/>
                    </a:cubicBezTo>
                    <a:moveTo>
                      <a:pt x="13" y="296"/>
                    </a:move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moveTo>
                      <a:pt x="13" y="296"/>
                    </a:move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moveTo>
                      <a:pt x="1" y="294"/>
                    </a:moveTo>
                    <a:cubicBezTo>
                      <a:pt x="1" y="295"/>
                      <a:pt x="1" y="295"/>
                      <a:pt x="1" y="295"/>
                    </a:cubicBezTo>
                    <a:cubicBezTo>
                      <a:pt x="1" y="316"/>
                      <a:pt x="1" y="316"/>
                      <a:pt x="1" y="316"/>
                    </a:cubicBezTo>
                    <a:cubicBezTo>
                      <a:pt x="1" y="294"/>
                      <a:pt x="1" y="294"/>
                      <a:pt x="1" y="294"/>
                    </a:cubicBezTo>
                    <a:moveTo>
                      <a:pt x="1" y="294"/>
                    </a:moveTo>
                    <a:cubicBezTo>
                      <a:pt x="1" y="294"/>
                      <a:pt x="1" y="294"/>
                      <a:pt x="1" y="294"/>
                    </a:cubicBezTo>
                    <a:cubicBezTo>
                      <a:pt x="1" y="294"/>
                      <a:pt x="1" y="294"/>
                      <a:pt x="1" y="294"/>
                    </a:cubicBezTo>
                    <a:cubicBezTo>
                      <a:pt x="5" y="295"/>
                      <a:pt x="5" y="295"/>
                      <a:pt x="5" y="295"/>
                    </a:cubicBezTo>
                    <a:cubicBezTo>
                      <a:pt x="1" y="294"/>
                      <a:pt x="1" y="294"/>
                      <a:pt x="1" y="294"/>
                    </a:cubicBezTo>
                    <a:cubicBezTo>
                      <a:pt x="1" y="294"/>
                      <a:pt x="1" y="294"/>
                      <a:pt x="1" y="294"/>
                    </a:cubicBezTo>
                    <a:moveTo>
                      <a:pt x="46" y="36"/>
                    </a:moveTo>
                    <a:cubicBezTo>
                      <a:pt x="46" y="37"/>
                      <a:pt x="46" y="37"/>
                      <a:pt x="46" y="37"/>
                    </a:cubicBezTo>
                    <a:cubicBezTo>
                      <a:pt x="46" y="37"/>
                      <a:pt x="47" y="38"/>
                      <a:pt x="47" y="38"/>
                    </a:cubicBezTo>
                    <a:cubicBezTo>
                      <a:pt x="2" y="292"/>
                      <a:pt x="2" y="292"/>
                      <a:pt x="2" y="292"/>
                    </a:cubicBezTo>
                    <a:cubicBezTo>
                      <a:pt x="47" y="37"/>
                      <a:pt x="47" y="37"/>
                      <a:pt x="47" y="37"/>
                    </a:cubicBezTo>
                    <a:cubicBezTo>
                      <a:pt x="46" y="37"/>
                      <a:pt x="46" y="37"/>
                      <a:pt x="46" y="36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3" y="0"/>
                    </a:moveTo>
                    <a:cubicBezTo>
                      <a:pt x="53" y="0"/>
                      <a:pt x="53" y="1"/>
                      <a:pt x="52" y="1"/>
                    </a:cubicBezTo>
                    <a:cubicBezTo>
                      <a:pt x="53" y="1"/>
                      <a:pt x="53" y="0"/>
                      <a:pt x="53" y="0"/>
                    </a:cubicBezTo>
                    <a:cubicBezTo>
                      <a:pt x="53" y="0"/>
                      <a:pt x="53" y="0"/>
                      <a:pt x="53" y="0"/>
                    </a:cubicBezTo>
                    <a:cubicBezTo>
                      <a:pt x="66" y="3"/>
                      <a:pt x="66" y="3"/>
                      <a:pt x="66" y="3"/>
                    </a:cubicBezTo>
                    <a:cubicBezTo>
                      <a:pt x="66" y="3"/>
                      <a:pt x="66" y="3"/>
                      <a:pt x="66" y="3"/>
                    </a:cubicBezTo>
                    <a:cubicBezTo>
                      <a:pt x="53" y="0"/>
                      <a:pt x="53" y="0"/>
                      <a:pt x="53" y="0"/>
                    </a:cubicBezTo>
                    <a:cubicBezTo>
                      <a:pt x="53" y="0"/>
                      <a:pt x="53" y="0"/>
                      <a:pt x="53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5" name="Freeform 121"/>
              <p:cNvSpPr/>
              <p:nvPr/>
            </p:nvSpPr>
            <p:spPr bwMode="auto">
              <a:xfrm>
                <a:off x="1235075" y="2255838"/>
                <a:ext cx="58738" cy="192088"/>
              </a:xfrm>
              <a:custGeom>
                <a:avLst/>
                <a:gdLst>
                  <a:gd name="T0" fmla="*/ 1 w 14"/>
                  <a:gd name="T1" fmla="*/ 0 h 45"/>
                  <a:gd name="T2" fmla="*/ 1 w 14"/>
                  <a:gd name="T3" fmla="*/ 0 h 45"/>
                  <a:gd name="T4" fmla="*/ 1 w 14"/>
                  <a:gd name="T5" fmla="*/ 22 h 45"/>
                  <a:gd name="T6" fmla="*/ 0 w 14"/>
                  <a:gd name="T7" fmla="*/ 43 h 45"/>
                  <a:gd name="T8" fmla="*/ 0 w 14"/>
                  <a:gd name="T9" fmla="*/ 44 h 45"/>
                  <a:gd name="T10" fmla="*/ 7 w 14"/>
                  <a:gd name="T11" fmla="*/ 45 h 45"/>
                  <a:gd name="T12" fmla="*/ 14 w 14"/>
                  <a:gd name="T13" fmla="*/ 3 h 45"/>
                  <a:gd name="T14" fmla="*/ 13 w 14"/>
                  <a:gd name="T15" fmla="*/ 2 h 45"/>
                  <a:gd name="T16" fmla="*/ 13 w 14"/>
                  <a:gd name="T17" fmla="*/ 2 h 45"/>
                  <a:gd name="T18" fmla="*/ 11 w 14"/>
                  <a:gd name="T19" fmla="*/ 2 h 45"/>
                  <a:gd name="T20" fmla="*/ 5 w 14"/>
                  <a:gd name="T21" fmla="*/ 1 h 45"/>
                  <a:gd name="T22" fmla="*/ 1 w 14"/>
                  <a:gd name="T23" fmla="*/ 0 h 4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l="0" t="0" r="r" b="b"/>
                <a:pathLst>
                  <a:path w="14" h="45">
                    <a:moveTo>
                      <a:pt x="1" y="0"/>
                    </a:moveTo>
                    <a:cubicBezTo>
                      <a:pt x="1" y="0"/>
                      <a:pt x="1" y="0"/>
                      <a:pt x="1" y="0"/>
                    </a:cubicBezTo>
                    <a:cubicBezTo>
                      <a:pt x="1" y="22"/>
                      <a:pt x="1" y="22"/>
                      <a:pt x="1" y="22"/>
                    </a:cubicBezTo>
                    <a:cubicBezTo>
                      <a:pt x="0" y="43"/>
                      <a:pt x="0" y="43"/>
                      <a:pt x="0" y="43"/>
                    </a:cubicBezTo>
                    <a:cubicBezTo>
                      <a:pt x="0" y="44"/>
                      <a:pt x="0" y="44"/>
                      <a:pt x="0" y="44"/>
                    </a:cubicBezTo>
                    <a:cubicBezTo>
                      <a:pt x="7" y="45"/>
                      <a:pt x="7" y="45"/>
                      <a:pt x="7" y="45"/>
                    </a:cubicBezTo>
                    <a:cubicBezTo>
                      <a:pt x="14" y="3"/>
                      <a:pt x="14" y="3"/>
                      <a:pt x="14" y="3"/>
                    </a:cubicBezTo>
                    <a:cubicBezTo>
                      <a:pt x="14" y="3"/>
                      <a:pt x="14" y="2"/>
                      <a:pt x="13" y="2"/>
                    </a:cubicBezTo>
                    <a:cubicBezTo>
                      <a:pt x="13" y="2"/>
                      <a:pt x="13" y="2"/>
                      <a:pt x="13" y="2"/>
                    </a:cubicBezTo>
                    <a:cubicBezTo>
                      <a:pt x="11" y="2"/>
                      <a:pt x="11" y="2"/>
                      <a:pt x="11" y="2"/>
                    </a:cubicBezTo>
                    <a:cubicBezTo>
                      <a:pt x="5" y="1"/>
                      <a:pt x="5" y="1"/>
                      <a:pt x="5" y="1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BF756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6" name="Freeform 122"/>
              <p:cNvSpPr/>
              <p:nvPr/>
            </p:nvSpPr>
            <p:spPr bwMode="auto">
              <a:xfrm>
                <a:off x="1230312" y="2443163"/>
                <a:ext cx="34925" cy="136525"/>
              </a:xfrm>
              <a:custGeom>
                <a:avLst/>
                <a:gdLst>
                  <a:gd name="T0" fmla="*/ 1 w 8"/>
                  <a:gd name="T1" fmla="*/ 0 h 32"/>
                  <a:gd name="T2" fmla="*/ 1 w 8"/>
                  <a:gd name="T3" fmla="*/ 0 h 32"/>
                  <a:gd name="T4" fmla="*/ 1 w 8"/>
                  <a:gd name="T5" fmla="*/ 13 h 32"/>
                  <a:gd name="T6" fmla="*/ 0 w 8"/>
                  <a:gd name="T7" fmla="*/ 25 h 32"/>
                  <a:gd name="T8" fmla="*/ 0 w 8"/>
                  <a:gd name="T9" fmla="*/ 25 h 32"/>
                  <a:gd name="T10" fmla="*/ 0 w 8"/>
                  <a:gd name="T11" fmla="*/ 26 h 32"/>
                  <a:gd name="T12" fmla="*/ 0 w 8"/>
                  <a:gd name="T13" fmla="*/ 27 h 32"/>
                  <a:gd name="T14" fmla="*/ 1 w 8"/>
                  <a:gd name="T15" fmla="*/ 32 h 32"/>
                  <a:gd name="T16" fmla="*/ 2 w 8"/>
                  <a:gd name="T17" fmla="*/ 32 h 32"/>
                  <a:gd name="T18" fmla="*/ 2 w 8"/>
                  <a:gd name="T19" fmla="*/ 32 h 32"/>
                  <a:gd name="T20" fmla="*/ 2 w 8"/>
                  <a:gd name="T21" fmla="*/ 31 h 32"/>
                  <a:gd name="T22" fmla="*/ 8 w 8"/>
                  <a:gd name="T23" fmla="*/ 1 h 32"/>
                  <a:gd name="T24" fmla="*/ 1 w 8"/>
                  <a:gd name="T25" fmla="*/ 0 h 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8" h="32">
                    <a:moveTo>
                      <a:pt x="1" y="0"/>
                    </a:moveTo>
                    <a:cubicBezTo>
                      <a:pt x="1" y="0"/>
                      <a:pt x="1" y="0"/>
                      <a:pt x="1" y="0"/>
                    </a:cubicBezTo>
                    <a:cubicBezTo>
                      <a:pt x="1" y="13"/>
                      <a:pt x="1" y="13"/>
                      <a:pt x="1" y="13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0" y="26"/>
                      <a:pt x="0" y="26"/>
                      <a:pt x="0" y="26"/>
                    </a:cubicBezTo>
                    <a:cubicBezTo>
                      <a:pt x="0" y="26"/>
                      <a:pt x="0" y="27"/>
                      <a:pt x="0" y="27"/>
                    </a:cubicBezTo>
                    <a:cubicBezTo>
                      <a:pt x="1" y="32"/>
                      <a:pt x="1" y="32"/>
                      <a:pt x="1" y="32"/>
                    </a:cubicBezTo>
                    <a:cubicBezTo>
                      <a:pt x="2" y="32"/>
                      <a:pt x="2" y="32"/>
                      <a:pt x="2" y="32"/>
                    </a:cubicBezTo>
                    <a:cubicBezTo>
                      <a:pt x="2" y="32"/>
                      <a:pt x="2" y="32"/>
                      <a:pt x="2" y="32"/>
                    </a:cubicBezTo>
                    <a:cubicBezTo>
                      <a:pt x="2" y="32"/>
                      <a:pt x="2" y="32"/>
                      <a:pt x="2" y="3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3C3C3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7" name="Freeform 123"/>
              <p:cNvSpPr/>
              <p:nvPr/>
            </p:nvSpPr>
            <p:spPr bwMode="auto">
              <a:xfrm>
                <a:off x="1239838" y="1163638"/>
                <a:ext cx="249238" cy="1101725"/>
              </a:xfrm>
              <a:custGeom>
                <a:avLst/>
                <a:gdLst>
                  <a:gd name="T0" fmla="*/ 46 w 59"/>
                  <a:gd name="T1" fmla="*/ 0 h 259"/>
                  <a:gd name="T2" fmla="*/ 1 w 59"/>
                  <a:gd name="T3" fmla="*/ 255 h 259"/>
                  <a:gd name="T4" fmla="*/ 0 w 59"/>
                  <a:gd name="T5" fmla="*/ 256 h 259"/>
                  <a:gd name="T6" fmla="*/ 0 w 59"/>
                  <a:gd name="T7" fmla="*/ 257 h 259"/>
                  <a:gd name="T8" fmla="*/ 0 w 59"/>
                  <a:gd name="T9" fmla="*/ 257 h 259"/>
                  <a:gd name="T10" fmla="*/ 4 w 59"/>
                  <a:gd name="T11" fmla="*/ 258 h 259"/>
                  <a:gd name="T12" fmla="*/ 10 w 59"/>
                  <a:gd name="T13" fmla="*/ 259 h 259"/>
                  <a:gd name="T14" fmla="*/ 12 w 59"/>
                  <a:gd name="T15" fmla="*/ 259 h 259"/>
                  <a:gd name="T16" fmla="*/ 12 w 59"/>
                  <a:gd name="T17" fmla="*/ 259 h 259"/>
                  <a:gd name="T18" fmla="*/ 12 w 59"/>
                  <a:gd name="T19" fmla="*/ 259 h 259"/>
                  <a:gd name="T20" fmla="*/ 12 w 59"/>
                  <a:gd name="T21" fmla="*/ 259 h 259"/>
                  <a:gd name="T22" fmla="*/ 12 w 59"/>
                  <a:gd name="T23" fmla="*/ 259 h 259"/>
                  <a:gd name="T24" fmla="*/ 12 w 59"/>
                  <a:gd name="T25" fmla="*/ 259 h 259"/>
                  <a:gd name="T26" fmla="*/ 12 w 59"/>
                  <a:gd name="T27" fmla="*/ 259 h 259"/>
                  <a:gd name="T28" fmla="*/ 12 w 59"/>
                  <a:gd name="T29" fmla="*/ 259 h 259"/>
                  <a:gd name="T30" fmla="*/ 13 w 59"/>
                  <a:gd name="T31" fmla="*/ 258 h 259"/>
                  <a:gd name="T32" fmla="*/ 59 w 59"/>
                  <a:gd name="T33" fmla="*/ 3 h 259"/>
                  <a:gd name="T34" fmla="*/ 46 w 59"/>
                  <a:gd name="T35" fmla="*/ 0 h 259"/>
                  <a:gd name="T36" fmla="*/ 46 w 59"/>
                  <a:gd name="T37" fmla="*/ 0 h 25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</a:cxnLst>
                <a:rect l="0" t="0" r="r" b="b"/>
                <a:pathLst>
                  <a:path w="59" h="259">
                    <a:moveTo>
                      <a:pt x="46" y="0"/>
                    </a:moveTo>
                    <a:cubicBezTo>
                      <a:pt x="1" y="255"/>
                      <a:pt x="1" y="255"/>
                      <a:pt x="1" y="255"/>
                    </a:cubicBezTo>
                    <a:cubicBezTo>
                      <a:pt x="0" y="256"/>
                      <a:pt x="0" y="256"/>
                      <a:pt x="0" y="256"/>
                    </a:cubicBezTo>
                    <a:cubicBezTo>
                      <a:pt x="0" y="256"/>
                      <a:pt x="0" y="257"/>
                      <a:pt x="0" y="257"/>
                    </a:cubicBezTo>
                    <a:cubicBezTo>
                      <a:pt x="0" y="257"/>
                      <a:pt x="0" y="257"/>
                      <a:pt x="0" y="257"/>
                    </a:cubicBezTo>
                    <a:cubicBezTo>
                      <a:pt x="4" y="258"/>
                      <a:pt x="4" y="258"/>
                      <a:pt x="4" y="258"/>
                    </a:cubicBezTo>
                    <a:cubicBezTo>
                      <a:pt x="10" y="259"/>
                      <a:pt x="10" y="259"/>
                      <a:pt x="10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3" y="259"/>
                      <a:pt x="13" y="259"/>
                      <a:pt x="13" y="258"/>
                    </a:cubicBezTo>
                    <a:cubicBezTo>
                      <a:pt x="59" y="3"/>
                      <a:pt x="59" y="3"/>
                      <a:pt x="59" y="3"/>
                    </a:cubicBezTo>
                    <a:cubicBezTo>
                      <a:pt x="46" y="0"/>
                      <a:pt x="46" y="0"/>
                      <a:pt x="46" y="0"/>
                    </a:cubicBezTo>
                    <a:cubicBezTo>
                      <a:pt x="46" y="0"/>
                      <a:pt x="46" y="0"/>
                      <a:pt x="46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8" name="Freeform 124"/>
              <p:cNvSpPr/>
              <p:nvPr/>
            </p:nvSpPr>
            <p:spPr bwMode="auto">
              <a:xfrm>
                <a:off x="1430338" y="1006476"/>
                <a:ext cx="88900" cy="169863"/>
              </a:xfrm>
              <a:custGeom>
                <a:avLst/>
                <a:gdLst>
                  <a:gd name="T0" fmla="*/ 7 w 21"/>
                  <a:gd name="T1" fmla="*/ 0 h 40"/>
                  <a:gd name="T2" fmla="*/ 6 w 21"/>
                  <a:gd name="T3" fmla="*/ 1 h 40"/>
                  <a:gd name="T4" fmla="*/ 6 w 21"/>
                  <a:gd name="T5" fmla="*/ 1 h 40"/>
                  <a:gd name="T6" fmla="*/ 6 w 21"/>
                  <a:gd name="T7" fmla="*/ 1 h 40"/>
                  <a:gd name="T8" fmla="*/ 6 w 21"/>
                  <a:gd name="T9" fmla="*/ 1 h 40"/>
                  <a:gd name="T10" fmla="*/ 6 w 21"/>
                  <a:gd name="T11" fmla="*/ 1 h 40"/>
                  <a:gd name="T12" fmla="*/ 6 w 21"/>
                  <a:gd name="T13" fmla="*/ 1 h 40"/>
                  <a:gd name="T14" fmla="*/ 6 w 21"/>
                  <a:gd name="T15" fmla="*/ 1 h 40"/>
                  <a:gd name="T16" fmla="*/ 6 w 21"/>
                  <a:gd name="T17" fmla="*/ 1 h 40"/>
                  <a:gd name="T18" fmla="*/ 6 w 21"/>
                  <a:gd name="T19" fmla="*/ 1 h 40"/>
                  <a:gd name="T20" fmla="*/ 6 w 21"/>
                  <a:gd name="T21" fmla="*/ 1 h 40"/>
                  <a:gd name="T22" fmla="*/ 6 w 21"/>
                  <a:gd name="T23" fmla="*/ 1 h 40"/>
                  <a:gd name="T24" fmla="*/ 6 w 21"/>
                  <a:gd name="T25" fmla="*/ 1 h 40"/>
                  <a:gd name="T26" fmla="*/ 6 w 21"/>
                  <a:gd name="T27" fmla="*/ 1 h 40"/>
                  <a:gd name="T28" fmla="*/ 6 w 21"/>
                  <a:gd name="T29" fmla="*/ 1 h 40"/>
                  <a:gd name="T30" fmla="*/ 6 w 21"/>
                  <a:gd name="T31" fmla="*/ 1 h 40"/>
                  <a:gd name="T32" fmla="*/ 6 w 21"/>
                  <a:gd name="T33" fmla="*/ 1 h 40"/>
                  <a:gd name="T34" fmla="*/ 6 w 21"/>
                  <a:gd name="T35" fmla="*/ 1 h 40"/>
                  <a:gd name="T36" fmla="*/ 6 w 21"/>
                  <a:gd name="T37" fmla="*/ 1 h 40"/>
                  <a:gd name="T38" fmla="*/ 6 w 21"/>
                  <a:gd name="T39" fmla="*/ 1 h 40"/>
                  <a:gd name="T40" fmla="*/ 6 w 21"/>
                  <a:gd name="T41" fmla="*/ 1 h 40"/>
                  <a:gd name="T42" fmla="*/ 6 w 21"/>
                  <a:gd name="T43" fmla="*/ 1 h 40"/>
                  <a:gd name="T44" fmla="*/ 6 w 21"/>
                  <a:gd name="T45" fmla="*/ 1 h 40"/>
                  <a:gd name="T46" fmla="*/ 6 w 21"/>
                  <a:gd name="T47" fmla="*/ 1 h 40"/>
                  <a:gd name="T48" fmla="*/ 6 w 21"/>
                  <a:gd name="T49" fmla="*/ 1 h 40"/>
                  <a:gd name="T50" fmla="*/ 6 w 21"/>
                  <a:gd name="T51" fmla="*/ 1 h 40"/>
                  <a:gd name="T52" fmla="*/ 6 w 21"/>
                  <a:gd name="T53" fmla="*/ 1 h 40"/>
                  <a:gd name="T54" fmla="*/ 6 w 21"/>
                  <a:gd name="T55" fmla="*/ 1 h 40"/>
                  <a:gd name="T56" fmla="*/ 0 w 21"/>
                  <a:gd name="T57" fmla="*/ 36 h 40"/>
                  <a:gd name="T58" fmla="*/ 0 w 21"/>
                  <a:gd name="T59" fmla="*/ 36 h 40"/>
                  <a:gd name="T60" fmla="*/ 0 w 21"/>
                  <a:gd name="T61" fmla="*/ 36 h 40"/>
                  <a:gd name="T62" fmla="*/ 1 w 21"/>
                  <a:gd name="T63" fmla="*/ 37 h 40"/>
                  <a:gd name="T64" fmla="*/ 1 w 21"/>
                  <a:gd name="T65" fmla="*/ 37 h 40"/>
                  <a:gd name="T66" fmla="*/ 14 w 21"/>
                  <a:gd name="T67" fmla="*/ 40 h 40"/>
                  <a:gd name="T68" fmla="*/ 21 w 21"/>
                  <a:gd name="T69" fmla="*/ 4 h 40"/>
                  <a:gd name="T70" fmla="*/ 20 w 21"/>
                  <a:gd name="T71" fmla="*/ 3 h 40"/>
                  <a:gd name="T72" fmla="*/ 7 w 21"/>
                  <a:gd name="T73" fmla="*/ 0 h 40"/>
                  <a:gd name="T74" fmla="*/ 7 w 21"/>
                  <a:gd name="T75" fmla="*/ 0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21" h="40">
                    <a:moveTo>
                      <a:pt x="7" y="0"/>
                    </a:moveTo>
                    <a:cubicBezTo>
                      <a:pt x="7" y="0"/>
                      <a:pt x="7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7"/>
                      <a:pt x="0" y="37"/>
                      <a:pt x="1" y="37"/>
                    </a:cubicBezTo>
                    <a:cubicBezTo>
                      <a:pt x="1" y="37"/>
                      <a:pt x="1" y="37"/>
                      <a:pt x="1" y="37"/>
                    </a:cubicBezTo>
                    <a:cubicBezTo>
                      <a:pt x="14" y="40"/>
                      <a:pt x="14" y="40"/>
                      <a:pt x="14" y="40"/>
                    </a:cubicBezTo>
                    <a:cubicBezTo>
                      <a:pt x="21" y="4"/>
                      <a:pt x="21" y="4"/>
                      <a:pt x="21" y="4"/>
                    </a:cubicBezTo>
                    <a:cubicBezTo>
                      <a:pt x="21" y="3"/>
                      <a:pt x="20" y="3"/>
                      <a:pt x="20" y="3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7" y="0"/>
                      <a:pt x="7" y="0"/>
                      <a:pt x="7" y="0"/>
                    </a:cubicBezTo>
                  </a:path>
                </a:pathLst>
              </a:custGeom>
              <a:solidFill>
                <a:srgbClr val="23405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3" name="组合 2"/>
            <p:cNvGrpSpPr/>
            <p:nvPr/>
          </p:nvGrpSpPr>
          <p:grpSpPr>
            <a:xfrm>
              <a:off x="2573959" y="1008439"/>
              <a:ext cx="1266731" cy="2222633"/>
              <a:chOff x="2022380" y="1257933"/>
              <a:chExt cx="944563" cy="1657350"/>
            </a:xfrm>
          </p:grpSpPr>
          <p:sp>
            <p:nvSpPr>
              <p:cNvPr id="5" name="Freeform 5"/>
              <p:cNvSpPr/>
              <p:nvPr/>
            </p:nvSpPr>
            <p:spPr bwMode="auto">
              <a:xfrm>
                <a:off x="2306543" y="2516820"/>
                <a:ext cx="122238" cy="200025"/>
              </a:xfrm>
              <a:custGeom>
                <a:avLst/>
                <a:gdLst>
                  <a:gd name="T0" fmla="*/ 69 w 77"/>
                  <a:gd name="T1" fmla="*/ 0 h 126"/>
                  <a:gd name="T2" fmla="*/ 0 w 77"/>
                  <a:gd name="T3" fmla="*/ 16 h 126"/>
                  <a:gd name="T4" fmla="*/ 42 w 77"/>
                  <a:gd name="T5" fmla="*/ 126 h 126"/>
                  <a:gd name="T6" fmla="*/ 77 w 77"/>
                  <a:gd name="T7" fmla="*/ 118 h 126"/>
                  <a:gd name="T8" fmla="*/ 69 w 77"/>
                  <a:gd name="T9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7" h="126">
                    <a:moveTo>
                      <a:pt x="69" y="0"/>
                    </a:moveTo>
                    <a:lnTo>
                      <a:pt x="0" y="16"/>
                    </a:lnTo>
                    <a:lnTo>
                      <a:pt x="42" y="126"/>
                    </a:lnTo>
                    <a:lnTo>
                      <a:pt x="77" y="118"/>
                    </a:lnTo>
                    <a:lnTo>
                      <a:pt x="69" y="0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" name="Freeform 6"/>
              <p:cNvSpPr/>
              <p:nvPr/>
            </p:nvSpPr>
            <p:spPr bwMode="auto">
              <a:xfrm>
                <a:off x="2306543" y="2516820"/>
                <a:ext cx="122238" cy="200025"/>
              </a:xfrm>
              <a:custGeom>
                <a:avLst/>
                <a:gdLst>
                  <a:gd name="T0" fmla="*/ 69 w 77"/>
                  <a:gd name="T1" fmla="*/ 0 h 126"/>
                  <a:gd name="T2" fmla="*/ 0 w 77"/>
                  <a:gd name="T3" fmla="*/ 16 h 126"/>
                  <a:gd name="T4" fmla="*/ 42 w 77"/>
                  <a:gd name="T5" fmla="*/ 126 h 126"/>
                  <a:gd name="T6" fmla="*/ 77 w 77"/>
                  <a:gd name="T7" fmla="*/ 118 h 126"/>
                  <a:gd name="T8" fmla="*/ 69 w 77"/>
                  <a:gd name="T9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7" h="126">
                    <a:moveTo>
                      <a:pt x="69" y="0"/>
                    </a:moveTo>
                    <a:lnTo>
                      <a:pt x="0" y="16"/>
                    </a:lnTo>
                    <a:lnTo>
                      <a:pt x="42" y="126"/>
                    </a:lnTo>
                    <a:lnTo>
                      <a:pt x="77" y="118"/>
                    </a:lnTo>
                    <a:lnTo>
                      <a:pt x="69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" name="Freeform 7"/>
              <p:cNvSpPr/>
              <p:nvPr/>
            </p:nvSpPr>
            <p:spPr bwMode="auto">
              <a:xfrm>
                <a:off x="2373218" y="2704145"/>
                <a:ext cx="63500" cy="139700"/>
              </a:xfrm>
              <a:custGeom>
                <a:avLst/>
                <a:gdLst>
                  <a:gd name="T0" fmla="*/ 0 w 15"/>
                  <a:gd name="T1" fmla="*/ 3 h 33"/>
                  <a:gd name="T2" fmla="*/ 10 w 15"/>
                  <a:gd name="T3" fmla="*/ 27 h 33"/>
                  <a:gd name="T4" fmla="*/ 14 w 15"/>
                  <a:gd name="T5" fmla="*/ 32 h 33"/>
                  <a:gd name="T6" fmla="*/ 15 w 15"/>
                  <a:gd name="T7" fmla="*/ 26 h 33"/>
                  <a:gd name="T8" fmla="*/ 13 w 15"/>
                  <a:gd name="T9" fmla="*/ 0 h 33"/>
                  <a:gd name="T10" fmla="*/ 0 w 15"/>
                  <a:gd name="T11" fmla="*/ 3 h 3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5" h="33">
                    <a:moveTo>
                      <a:pt x="0" y="3"/>
                    </a:moveTo>
                    <a:cubicBezTo>
                      <a:pt x="10" y="27"/>
                      <a:pt x="10" y="27"/>
                      <a:pt x="10" y="27"/>
                    </a:cubicBezTo>
                    <a:cubicBezTo>
                      <a:pt x="11" y="31"/>
                      <a:pt x="13" y="33"/>
                      <a:pt x="14" y="32"/>
                    </a:cubicBezTo>
                    <a:cubicBezTo>
                      <a:pt x="15" y="32"/>
                      <a:pt x="15" y="30"/>
                      <a:pt x="15" y="26"/>
                    </a:cubicBezTo>
                    <a:cubicBezTo>
                      <a:pt x="13" y="0"/>
                      <a:pt x="13" y="0"/>
                      <a:pt x="13" y="0"/>
                    </a:cubicBezTo>
                    <a:cubicBezTo>
                      <a:pt x="0" y="3"/>
                      <a:pt x="0" y="3"/>
                      <a:pt x="0" y="3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8" name="Freeform 8"/>
              <p:cNvSpPr/>
              <p:nvPr/>
            </p:nvSpPr>
            <p:spPr bwMode="auto">
              <a:xfrm>
                <a:off x="2055718" y="1424620"/>
                <a:ext cx="360363" cy="1117600"/>
              </a:xfrm>
              <a:custGeom>
                <a:avLst/>
                <a:gdLst>
                  <a:gd name="T0" fmla="*/ 0 w 227"/>
                  <a:gd name="T1" fmla="*/ 10 h 704"/>
                  <a:gd name="T2" fmla="*/ 158 w 227"/>
                  <a:gd name="T3" fmla="*/ 704 h 704"/>
                  <a:gd name="T4" fmla="*/ 182 w 227"/>
                  <a:gd name="T5" fmla="*/ 699 h 704"/>
                  <a:gd name="T6" fmla="*/ 203 w 227"/>
                  <a:gd name="T7" fmla="*/ 694 h 704"/>
                  <a:gd name="T8" fmla="*/ 227 w 227"/>
                  <a:gd name="T9" fmla="*/ 688 h 704"/>
                  <a:gd name="T10" fmla="*/ 69 w 227"/>
                  <a:gd name="T11" fmla="*/ 0 h 704"/>
                  <a:gd name="T12" fmla="*/ 45 w 227"/>
                  <a:gd name="T13" fmla="*/ 5 h 704"/>
                  <a:gd name="T14" fmla="*/ 24 w 227"/>
                  <a:gd name="T15" fmla="*/ 10 h 704"/>
                  <a:gd name="T16" fmla="*/ 24 w 227"/>
                  <a:gd name="T17" fmla="*/ 5 h 704"/>
                  <a:gd name="T18" fmla="*/ 0 w 227"/>
                  <a:gd name="T19" fmla="*/ 10 h 7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27" h="704">
                    <a:moveTo>
                      <a:pt x="0" y="10"/>
                    </a:moveTo>
                    <a:lnTo>
                      <a:pt x="158" y="704"/>
                    </a:lnTo>
                    <a:lnTo>
                      <a:pt x="182" y="699"/>
                    </a:lnTo>
                    <a:lnTo>
                      <a:pt x="203" y="694"/>
                    </a:lnTo>
                    <a:lnTo>
                      <a:pt x="227" y="688"/>
                    </a:lnTo>
                    <a:lnTo>
                      <a:pt x="69" y="0"/>
                    </a:lnTo>
                    <a:lnTo>
                      <a:pt x="45" y="5"/>
                    </a:lnTo>
                    <a:lnTo>
                      <a:pt x="24" y="10"/>
                    </a:lnTo>
                    <a:lnTo>
                      <a:pt x="24" y="5"/>
                    </a:lnTo>
                    <a:lnTo>
                      <a:pt x="0" y="1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Freeform 9"/>
              <p:cNvSpPr/>
              <p:nvPr/>
            </p:nvSpPr>
            <p:spPr bwMode="auto">
              <a:xfrm>
                <a:off x="2055718" y="1424620"/>
                <a:ext cx="360363" cy="1117600"/>
              </a:xfrm>
              <a:custGeom>
                <a:avLst/>
                <a:gdLst>
                  <a:gd name="T0" fmla="*/ 0 w 227"/>
                  <a:gd name="T1" fmla="*/ 10 h 704"/>
                  <a:gd name="T2" fmla="*/ 158 w 227"/>
                  <a:gd name="T3" fmla="*/ 704 h 704"/>
                  <a:gd name="T4" fmla="*/ 182 w 227"/>
                  <a:gd name="T5" fmla="*/ 699 h 704"/>
                  <a:gd name="T6" fmla="*/ 203 w 227"/>
                  <a:gd name="T7" fmla="*/ 694 h 704"/>
                  <a:gd name="T8" fmla="*/ 227 w 227"/>
                  <a:gd name="T9" fmla="*/ 688 h 704"/>
                  <a:gd name="T10" fmla="*/ 69 w 227"/>
                  <a:gd name="T11" fmla="*/ 0 h 704"/>
                  <a:gd name="T12" fmla="*/ 45 w 227"/>
                  <a:gd name="T13" fmla="*/ 5 h 704"/>
                  <a:gd name="T14" fmla="*/ 24 w 227"/>
                  <a:gd name="T15" fmla="*/ 10 h 704"/>
                  <a:gd name="T16" fmla="*/ 24 w 227"/>
                  <a:gd name="T17" fmla="*/ 5 h 704"/>
                  <a:gd name="T18" fmla="*/ 0 w 227"/>
                  <a:gd name="T19" fmla="*/ 10 h 7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27" h="704">
                    <a:moveTo>
                      <a:pt x="0" y="10"/>
                    </a:moveTo>
                    <a:lnTo>
                      <a:pt x="158" y="704"/>
                    </a:lnTo>
                    <a:lnTo>
                      <a:pt x="182" y="699"/>
                    </a:lnTo>
                    <a:lnTo>
                      <a:pt x="203" y="694"/>
                    </a:lnTo>
                    <a:lnTo>
                      <a:pt x="227" y="688"/>
                    </a:lnTo>
                    <a:lnTo>
                      <a:pt x="69" y="0"/>
                    </a:lnTo>
                    <a:lnTo>
                      <a:pt x="45" y="5"/>
                    </a:lnTo>
                    <a:lnTo>
                      <a:pt x="24" y="10"/>
                    </a:lnTo>
                    <a:lnTo>
                      <a:pt x="24" y="5"/>
                    </a:lnTo>
                    <a:lnTo>
                      <a:pt x="0" y="1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Freeform 10"/>
              <p:cNvSpPr/>
              <p:nvPr/>
            </p:nvSpPr>
            <p:spPr bwMode="auto">
              <a:xfrm>
                <a:off x="2022380" y="1288095"/>
                <a:ext cx="152400" cy="177800"/>
              </a:xfrm>
              <a:custGeom>
                <a:avLst/>
                <a:gdLst>
                  <a:gd name="T0" fmla="*/ 8 w 36"/>
                  <a:gd name="T1" fmla="*/ 41 h 42"/>
                  <a:gd name="T2" fmla="*/ 9 w 36"/>
                  <a:gd name="T3" fmla="*/ 42 h 42"/>
                  <a:gd name="T4" fmla="*/ 35 w 36"/>
                  <a:gd name="T5" fmla="*/ 36 h 42"/>
                  <a:gd name="T6" fmla="*/ 36 w 36"/>
                  <a:gd name="T7" fmla="*/ 35 h 42"/>
                  <a:gd name="T8" fmla="*/ 28 w 36"/>
                  <a:gd name="T9" fmla="*/ 0 h 42"/>
                  <a:gd name="T10" fmla="*/ 27 w 36"/>
                  <a:gd name="T11" fmla="*/ 0 h 42"/>
                  <a:gd name="T12" fmla="*/ 1 w 36"/>
                  <a:gd name="T13" fmla="*/ 5 h 42"/>
                  <a:gd name="T14" fmla="*/ 0 w 36"/>
                  <a:gd name="T15" fmla="*/ 6 h 42"/>
                  <a:gd name="T16" fmla="*/ 8 w 36"/>
                  <a:gd name="T17" fmla="*/ 41 h 4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6" h="42">
                    <a:moveTo>
                      <a:pt x="8" y="41"/>
                    </a:moveTo>
                    <a:cubicBezTo>
                      <a:pt x="8" y="41"/>
                      <a:pt x="8" y="42"/>
                      <a:pt x="9" y="42"/>
                    </a:cubicBezTo>
                    <a:cubicBezTo>
                      <a:pt x="35" y="36"/>
                      <a:pt x="35" y="36"/>
                      <a:pt x="35" y="36"/>
                    </a:cubicBezTo>
                    <a:cubicBezTo>
                      <a:pt x="35" y="36"/>
                      <a:pt x="36" y="36"/>
                      <a:pt x="36" y="35"/>
                    </a:cubicBezTo>
                    <a:cubicBezTo>
                      <a:pt x="28" y="0"/>
                      <a:pt x="28" y="0"/>
                      <a:pt x="28" y="0"/>
                    </a:cubicBezTo>
                    <a:cubicBezTo>
                      <a:pt x="28" y="0"/>
                      <a:pt x="27" y="0"/>
                      <a:pt x="27" y="0"/>
                    </a:cubicBezTo>
                    <a:cubicBezTo>
                      <a:pt x="1" y="5"/>
                      <a:pt x="1" y="5"/>
                      <a:pt x="1" y="5"/>
                    </a:cubicBezTo>
                    <a:cubicBezTo>
                      <a:pt x="0" y="5"/>
                      <a:pt x="0" y="6"/>
                      <a:pt x="0" y="6"/>
                    </a:cubicBezTo>
                    <a:cubicBezTo>
                      <a:pt x="8" y="41"/>
                      <a:pt x="8" y="41"/>
                      <a:pt x="8" y="41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Freeform 11"/>
              <p:cNvSpPr>
                <a:spLocks noEditPoints="1"/>
              </p:cNvSpPr>
              <p:nvPr/>
            </p:nvSpPr>
            <p:spPr bwMode="auto">
              <a:xfrm>
                <a:off x="2022380" y="1300795"/>
                <a:ext cx="160338" cy="695325"/>
              </a:xfrm>
              <a:custGeom>
                <a:avLst/>
                <a:gdLst>
                  <a:gd name="T0" fmla="*/ 8 w 38"/>
                  <a:gd name="T1" fmla="*/ 38 h 164"/>
                  <a:gd name="T2" fmla="*/ 8 w 38"/>
                  <a:gd name="T3" fmla="*/ 39 h 164"/>
                  <a:gd name="T4" fmla="*/ 8 w 38"/>
                  <a:gd name="T5" fmla="*/ 39 h 164"/>
                  <a:gd name="T6" fmla="*/ 9 w 38"/>
                  <a:gd name="T7" fmla="*/ 39 h 164"/>
                  <a:gd name="T8" fmla="*/ 9 w 38"/>
                  <a:gd name="T9" fmla="*/ 40 h 164"/>
                  <a:gd name="T10" fmla="*/ 38 w 38"/>
                  <a:gd name="T11" fmla="*/ 164 h 164"/>
                  <a:gd name="T12" fmla="*/ 38 w 38"/>
                  <a:gd name="T13" fmla="*/ 164 h 164"/>
                  <a:gd name="T14" fmla="*/ 9 w 38"/>
                  <a:gd name="T15" fmla="*/ 39 h 164"/>
                  <a:gd name="T16" fmla="*/ 9 w 38"/>
                  <a:gd name="T17" fmla="*/ 39 h 164"/>
                  <a:gd name="T18" fmla="*/ 8 w 38"/>
                  <a:gd name="T19" fmla="*/ 38 h 164"/>
                  <a:gd name="T20" fmla="*/ 13 w 38"/>
                  <a:gd name="T21" fmla="*/ 0 h 164"/>
                  <a:gd name="T22" fmla="*/ 13 w 38"/>
                  <a:gd name="T23" fmla="*/ 0 h 164"/>
                  <a:gd name="T24" fmla="*/ 1 w 38"/>
                  <a:gd name="T25" fmla="*/ 2 h 164"/>
                  <a:gd name="T26" fmla="*/ 0 w 38"/>
                  <a:gd name="T27" fmla="*/ 3 h 164"/>
                  <a:gd name="T28" fmla="*/ 0 w 38"/>
                  <a:gd name="T29" fmla="*/ 3 h 164"/>
                  <a:gd name="T30" fmla="*/ 1 w 38"/>
                  <a:gd name="T31" fmla="*/ 2 h 164"/>
                  <a:gd name="T32" fmla="*/ 13 w 38"/>
                  <a:gd name="T33" fmla="*/ 0 h 16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</a:cxnLst>
                <a:rect l="0" t="0" r="r" b="b"/>
                <a:pathLst>
                  <a:path w="38" h="164">
                    <a:moveTo>
                      <a:pt x="8" y="38"/>
                    </a:moveTo>
                    <a:cubicBezTo>
                      <a:pt x="8" y="38"/>
                      <a:pt x="8" y="39"/>
                      <a:pt x="8" y="39"/>
                    </a:cubicBezTo>
                    <a:cubicBezTo>
                      <a:pt x="8" y="39"/>
                      <a:pt x="8" y="39"/>
                      <a:pt x="8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40"/>
                    </a:cubicBezTo>
                    <a:cubicBezTo>
                      <a:pt x="38" y="164"/>
                      <a:pt x="38" y="164"/>
                      <a:pt x="38" y="164"/>
                    </a:cubicBezTo>
                    <a:cubicBezTo>
                      <a:pt x="38" y="164"/>
                      <a:pt x="38" y="164"/>
                      <a:pt x="38" y="164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8" y="39"/>
                      <a:pt x="8" y="38"/>
                      <a:pt x="8" y="38"/>
                    </a:cubicBezTo>
                    <a:moveTo>
                      <a:pt x="13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0" y="2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2"/>
                      <a:pt x="1" y="2"/>
                    </a:cubicBezTo>
                    <a:cubicBezTo>
                      <a:pt x="13" y="0"/>
                      <a:pt x="13" y="0"/>
                      <a:pt x="13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2" name="Freeform 12"/>
              <p:cNvSpPr/>
              <p:nvPr/>
            </p:nvSpPr>
            <p:spPr bwMode="auto">
              <a:xfrm>
                <a:off x="2060480" y="1453195"/>
                <a:ext cx="177800" cy="542925"/>
              </a:xfrm>
              <a:custGeom>
                <a:avLst/>
                <a:gdLst>
                  <a:gd name="T0" fmla="*/ 13 w 42"/>
                  <a:gd name="T1" fmla="*/ 0 h 128"/>
                  <a:gd name="T2" fmla="*/ 0 w 42"/>
                  <a:gd name="T3" fmla="*/ 3 h 128"/>
                  <a:gd name="T4" fmla="*/ 0 w 42"/>
                  <a:gd name="T5" fmla="*/ 3 h 128"/>
                  <a:gd name="T6" fmla="*/ 29 w 42"/>
                  <a:gd name="T7" fmla="*/ 128 h 128"/>
                  <a:gd name="T8" fmla="*/ 42 w 42"/>
                  <a:gd name="T9" fmla="*/ 128 h 128"/>
                  <a:gd name="T10" fmla="*/ 13 w 42"/>
                  <a:gd name="T11" fmla="*/ 0 h 12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42" h="128">
                    <a:moveTo>
                      <a:pt x="13" y="0"/>
                    </a:move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29" y="128"/>
                      <a:pt x="29" y="128"/>
                      <a:pt x="29" y="128"/>
                    </a:cubicBezTo>
                    <a:cubicBezTo>
                      <a:pt x="42" y="128"/>
                      <a:pt x="42" y="128"/>
                      <a:pt x="42" y="128"/>
                    </a:cubicBezTo>
                    <a:cubicBezTo>
                      <a:pt x="13" y="0"/>
                      <a:pt x="13" y="0"/>
                      <a:pt x="13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" name="Freeform 13"/>
              <p:cNvSpPr/>
              <p:nvPr/>
            </p:nvSpPr>
            <p:spPr bwMode="auto">
              <a:xfrm>
                <a:off x="2022380" y="1300795"/>
                <a:ext cx="92075" cy="165100"/>
              </a:xfrm>
              <a:custGeom>
                <a:avLst/>
                <a:gdLst>
                  <a:gd name="T0" fmla="*/ 13 w 22"/>
                  <a:gd name="T1" fmla="*/ 0 h 39"/>
                  <a:gd name="T2" fmla="*/ 13 w 22"/>
                  <a:gd name="T3" fmla="*/ 0 h 39"/>
                  <a:gd name="T4" fmla="*/ 1 w 22"/>
                  <a:gd name="T5" fmla="*/ 2 h 39"/>
                  <a:gd name="T6" fmla="*/ 0 w 22"/>
                  <a:gd name="T7" fmla="*/ 3 h 39"/>
                  <a:gd name="T8" fmla="*/ 0 w 22"/>
                  <a:gd name="T9" fmla="*/ 3 h 39"/>
                  <a:gd name="T10" fmla="*/ 0 w 22"/>
                  <a:gd name="T11" fmla="*/ 3 h 39"/>
                  <a:gd name="T12" fmla="*/ 8 w 22"/>
                  <a:gd name="T13" fmla="*/ 38 h 39"/>
                  <a:gd name="T14" fmla="*/ 8 w 22"/>
                  <a:gd name="T15" fmla="*/ 38 h 39"/>
                  <a:gd name="T16" fmla="*/ 9 w 22"/>
                  <a:gd name="T17" fmla="*/ 39 h 39"/>
                  <a:gd name="T18" fmla="*/ 9 w 22"/>
                  <a:gd name="T19" fmla="*/ 39 h 39"/>
                  <a:gd name="T20" fmla="*/ 9 w 22"/>
                  <a:gd name="T21" fmla="*/ 39 h 39"/>
                  <a:gd name="T22" fmla="*/ 22 w 22"/>
                  <a:gd name="T23" fmla="*/ 36 h 39"/>
                  <a:gd name="T24" fmla="*/ 14 w 22"/>
                  <a:gd name="T25" fmla="*/ 0 h 39"/>
                  <a:gd name="T26" fmla="*/ 13 w 22"/>
                  <a:gd name="T27" fmla="*/ 0 h 3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22" h="39">
                    <a:moveTo>
                      <a:pt x="13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0" y="2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8" y="38"/>
                      <a:pt x="8" y="38"/>
                      <a:pt x="8" y="38"/>
                    </a:cubicBezTo>
                    <a:cubicBezTo>
                      <a:pt x="8" y="38"/>
                      <a:pt x="8" y="38"/>
                      <a:pt x="8" y="38"/>
                    </a:cubicBezTo>
                    <a:cubicBezTo>
                      <a:pt x="8" y="38"/>
                      <a:pt x="8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22" y="36"/>
                      <a:pt x="22" y="36"/>
                      <a:pt x="22" y="36"/>
                    </a:cubicBezTo>
                    <a:cubicBezTo>
                      <a:pt x="14" y="0"/>
                      <a:pt x="14" y="0"/>
                      <a:pt x="14" y="0"/>
                    </a:cubicBezTo>
                    <a:cubicBezTo>
                      <a:pt x="14" y="0"/>
                      <a:pt x="14" y="0"/>
                      <a:pt x="13" y="0"/>
                    </a:cubicBezTo>
                  </a:path>
                </a:pathLst>
              </a:custGeom>
              <a:solidFill>
                <a:srgbClr val="23405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" name="Freeform 14"/>
              <p:cNvSpPr/>
              <p:nvPr/>
            </p:nvSpPr>
            <p:spPr bwMode="auto">
              <a:xfrm>
                <a:off x="2319243" y="1389695"/>
                <a:ext cx="114300" cy="190500"/>
              </a:xfrm>
              <a:custGeom>
                <a:avLst/>
                <a:gdLst>
                  <a:gd name="T0" fmla="*/ 0 w 72"/>
                  <a:gd name="T1" fmla="*/ 120 h 120"/>
                  <a:gd name="T2" fmla="*/ 72 w 72"/>
                  <a:gd name="T3" fmla="*/ 115 h 120"/>
                  <a:gd name="T4" fmla="*/ 45 w 72"/>
                  <a:gd name="T5" fmla="*/ 0 h 120"/>
                  <a:gd name="T6" fmla="*/ 10 w 72"/>
                  <a:gd name="T7" fmla="*/ 3 h 120"/>
                  <a:gd name="T8" fmla="*/ 0 w 72"/>
                  <a:gd name="T9" fmla="*/ 120 h 1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0">
                    <a:moveTo>
                      <a:pt x="0" y="120"/>
                    </a:moveTo>
                    <a:lnTo>
                      <a:pt x="72" y="115"/>
                    </a:lnTo>
                    <a:lnTo>
                      <a:pt x="45" y="0"/>
                    </a:lnTo>
                    <a:lnTo>
                      <a:pt x="10" y="3"/>
                    </a:lnTo>
                    <a:lnTo>
                      <a:pt x="0" y="120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5" name="Freeform 15"/>
              <p:cNvSpPr/>
              <p:nvPr/>
            </p:nvSpPr>
            <p:spPr bwMode="auto">
              <a:xfrm>
                <a:off x="2319243" y="1389695"/>
                <a:ext cx="114300" cy="190500"/>
              </a:xfrm>
              <a:custGeom>
                <a:avLst/>
                <a:gdLst>
                  <a:gd name="T0" fmla="*/ 0 w 72"/>
                  <a:gd name="T1" fmla="*/ 120 h 120"/>
                  <a:gd name="T2" fmla="*/ 72 w 72"/>
                  <a:gd name="T3" fmla="*/ 115 h 120"/>
                  <a:gd name="T4" fmla="*/ 45 w 72"/>
                  <a:gd name="T5" fmla="*/ 0 h 120"/>
                  <a:gd name="T6" fmla="*/ 10 w 72"/>
                  <a:gd name="T7" fmla="*/ 3 h 120"/>
                  <a:gd name="T8" fmla="*/ 0 w 72"/>
                  <a:gd name="T9" fmla="*/ 120 h 1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0">
                    <a:moveTo>
                      <a:pt x="0" y="120"/>
                    </a:moveTo>
                    <a:lnTo>
                      <a:pt x="72" y="115"/>
                    </a:lnTo>
                    <a:lnTo>
                      <a:pt x="45" y="0"/>
                    </a:lnTo>
                    <a:lnTo>
                      <a:pt x="10" y="3"/>
                    </a:lnTo>
                    <a:lnTo>
                      <a:pt x="0" y="12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6" name="Freeform 16"/>
              <p:cNvSpPr/>
              <p:nvPr/>
            </p:nvSpPr>
            <p:spPr bwMode="auto">
              <a:xfrm>
                <a:off x="2335118" y="1257933"/>
                <a:ext cx="55563" cy="136525"/>
              </a:xfrm>
              <a:custGeom>
                <a:avLst/>
                <a:gdLst>
                  <a:gd name="T0" fmla="*/ 13 w 13"/>
                  <a:gd name="T1" fmla="*/ 31 h 32"/>
                  <a:gd name="T2" fmla="*/ 8 w 13"/>
                  <a:gd name="T3" fmla="*/ 6 h 32"/>
                  <a:gd name="T4" fmla="*/ 4 w 13"/>
                  <a:gd name="T5" fmla="*/ 0 h 32"/>
                  <a:gd name="T6" fmla="*/ 2 w 13"/>
                  <a:gd name="T7" fmla="*/ 6 h 32"/>
                  <a:gd name="T8" fmla="*/ 0 w 13"/>
                  <a:gd name="T9" fmla="*/ 32 h 32"/>
                  <a:gd name="T10" fmla="*/ 13 w 13"/>
                  <a:gd name="T11" fmla="*/ 31 h 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3" h="32">
                    <a:moveTo>
                      <a:pt x="13" y="31"/>
                    </a:moveTo>
                    <a:cubicBezTo>
                      <a:pt x="8" y="6"/>
                      <a:pt x="8" y="6"/>
                      <a:pt x="8" y="6"/>
                    </a:cubicBezTo>
                    <a:cubicBezTo>
                      <a:pt x="7" y="2"/>
                      <a:pt x="6" y="0"/>
                      <a:pt x="4" y="0"/>
                    </a:cubicBezTo>
                    <a:cubicBezTo>
                      <a:pt x="3" y="0"/>
                      <a:pt x="2" y="2"/>
                      <a:pt x="2" y="6"/>
                    </a:cubicBezTo>
                    <a:cubicBezTo>
                      <a:pt x="0" y="32"/>
                      <a:pt x="0" y="32"/>
                      <a:pt x="0" y="32"/>
                    </a:cubicBezTo>
                    <a:cubicBezTo>
                      <a:pt x="13" y="31"/>
                      <a:pt x="13" y="31"/>
                      <a:pt x="13" y="31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7" name="Freeform 17"/>
              <p:cNvSpPr/>
              <p:nvPr/>
            </p:nvSpPr>
            <p:spPr bwMode="auto">
              <a:xfrm>
                <a:off x="2319243" y="1572258"/>
                <a:ext cx="185738" cy="1131888"/>
              </a:xfrm>
              <a:custGeom>
                <a:avLst/>
                <a:gdLst>
                  <a:gd name="T0" fmla="*/ 117 w 117"/>
                  <a:gd name="T1" fmla="*/ 710 h 713"/>
                  <a:gd name="T2" fmla="*/ 72 w 117"/>
                  <a:gd name="T3" fmla="*/ 0 h 713"/>
                  <a:gd name="T4" fmla="*/ 45 w 117"/>
                  <a:gd name="T5" fmla="*/ 3 h 713"/>
                  <a:gd name="T6" fmla="*/ 24 w 117"/>
                  <a:gd name="T7" fmla="*/ 3 h 713"/>
                  <a:gd name="T8" fmla="*/ 0 w 117"/>
                  <a:gd name="T9" fmla="*/ 5 h 713"/>
                  <a:gd name="T10" fmla="*/ 48 w 117"/>
                  <a:gd name="T11" fmla="*/ 710 h 713"/>
                  <a:gd name="T12" fmla="*/ 69 w 117"/>
                  <a:gd name="T13" fmla="*/ 708 h 713"/>
                  <a:gd name="T14" fmla="*/ 90 w 117"/>
                  <a:gd name="T15" fmla="*/ 705 h 713"/>
                  <a:gd name="T16" fmla="*/ 93 w 117"/>
                  <a:gd name="T17" fmla="*/ 713 h 713"/>
                  <a:gd name="T18" fmla="*/ 117 w 117"/>
                  <a:gd name="T19" fmla="*/ 710 h 71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17" h="713">
                    <a:moveTo>
                      <a:pt x="117" y="710"/>
                    </a:moveTo>
                    <a:lnTo>
                      <a:pt x="72" y="0"/>
                    </a:lnTo>
                    <a:lnTo>
                      <a:pt x="45" y="3"/>
                    </a:lnTo>
                    <a:lnTo>
                      <a:pt x="24" y="3"/>
                    </a:lnTo>
                    <a:lnTo>
                      <a:pt x="0" y="5"/>
                    </a:lnTo>
                    <a:lnTo>
                      <a:pt x="48" y="710"/>
                    </a:lnTo>
                    <a:lnTo>
                      <a:pt x="69" y="708"/>
                    </a:lnTo>
                    <a:lnTo>
                      <a:pt x="90" y="705"/>
                    </a:lnTo>
                    <a:lnTo>
                      <a:pt x="93" y="713"/>
                    </a:lnTo>
                    <a:lnTo>
                      <a:pt x="117" y="71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8" name="Freeform 18"/>
              <p:cNvSpPr/>
              <p:nvPr/>
            </p:nvSpPr>
            <p:spPr bwMode="auto">
              <a:xfrm>
                <a:off x="2319243" y="1572258"/>
                <a:ext cx="185738" cy="1131888"/>
              </a:xfrm>
              <a:custGeom>
                <a:avLst/>
                <a:gdLst>
                  <a:gd name="T0" fmla="*/ 117 w 117"/>
                  <a:gd name="T1" fmla="*/ 710 h 713"/>
                  <a:gd name="T2" fmla="*/ 72 w 117"/>
                  <a:gd name="T3" fmla="*/ 0 h 713"/>
                  <a:gd name="T4" fmla="*/ 45 w 117"/>
                  <a:gd name="T5" fmla="*/ 3 h 713"/>
                  <a:gd name="T6" fmla="*/ 24 w 117"/>
                  <a:gd name="T7" fmla="*/ 3 h 713"/>
                  <a:gd name="T8" fmla="*/ 0 w 117"/>
                  <a:gd name="T9" fmla="*/ 5 h 713"/>
                  <a:gd name="T10" fmla="*/ 48 w 117"/>
                  <a:gd name="T11" fmla="*/ 710 h 713"/>
                  <a:gd name="T12" fmla="*/ 69 w 117"/>
                  <a:gd name="T13" fmla="*/ 708 h 713"/>
                  <a:gd name="T14" fmla="*/ 90 w 117"/>
                  <a:gd name="T15" fmla="*/ 705 h 713"/>
                  <a:gd name="T16" fmla="*/ 93 w 117"/>
                  <a:gd name="T17" fmla="*/ 713 h 713"/>
                  <a:gd name="T18" fmla="*/ 117 w 117"/>
                  <a:gd name="T19" fmla="*/ 710 h 71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17" h="713">
                    <a:moveTo>
                      <a:pt x="117" y="710"/>
                    </a:moveTo>
                    <a:lnTo>
                      <a:pt x="72" y="0"/>
                    </a:lnTo>
                    <a:lnTo>
                      <a:pt x="45" y="3"/>
                    </a:lnTo>
                    <a:lnTo>
                      <a:pt x="24" y="3"/>
                    </a:lnTo>
                    <a:lnTo>
                      <a:pt x="0" y="5"/>
                    </a:lnTo>
                    <a:lnTo>
                      <a:pt x="48" y="710"/>
                    </a:lnTo>
                    <a:lnTo>
                      <a:pt x="69" y="708"/>
                    </a:lnTo>
                    <a:lnTo>
                      <a:pt x="90" y="705"/>
                    </a:lnTo>
                    <a:lnTo>
                      <a:pt x="93" y="713"/>
                    </a:lnTo>
                    <a:lnTo>
                      <a:pt x="117" y="71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9" name="Freeform 19"/>
              <p:cNvSpPr/>
              <p:nvPr/>
            </p:nvSpPr>
            <p:spPr bwMode="auto">
              <a:xfrm>
                <a:off x="2385918" y="2673983"/>
                <a:ext cx="131763" cy="165100"/>
              </a:xfrm>
              <a:custGeom>
                <a:avLst/>
                <a:gdLst>
                  <a:gd name="T0" fmla="*/ 29 w 31"/>
                  <a:gd name="T1" fmla="*/ 1 h 39"/>
                  <a:gd name="T2" fmla="*/ 28 w 31"/>
                  <a:gd name="T3" fmla="*/ 0 h 39"/>
                  <a:gd name="T4" fmla="*/ 1 w 31"/>
                  <a:gd name="T5" fmla="*/ 1 h 39"/>
                  <a:gd name="T6" fmla="*/ 0 w 31"/>
                  <a:gd name="T7" fmla="*/ 2 h 39"/>
                  <a:gd name="T8" fmla="*/ 3 w 31"/>
                  <a:gd name="T9" fmla="*/ 38 h 39"/>
                  <a:gd name="T10" fmla="*/ 4 w 31"/>
                  <a:gd name="T11" fmla="*/ 39 h 39"/>
                  <a:gd name="T12" fmla="*/ 30 w 31"/>
                  <a:gd name="T13" fmla="*/ 38 h 39"/>
                  <a:gd name="T14" fmla="*/ 31 w 31"/>
                  <a:gd name="T15" fmla="*/ 37 h 39"/>
                  <a:gd name="T16" fmla="*/ 29 w 31"/>
                  <a:gd name="T17" fmla="*/ 1 h 3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1" h="39">
                    <a:moveTo>
                      <a:pt x="29" y="1"/>
                    </a:moveTo>
                    <a:cubicBezTo>
                      <a:pt x="29" y="1"/>
                      <a:pt x="28" y="0"/>
                      <a:pt x="28" y="0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2"/>
                      <a:pt x="0" y="2"/>
                      <a:pt x="0" y="2"/>
                    </a:cubicBezTo>
                    <a:cubicBezTo>
                      <a:pt x="3" y="38"/>
                      <a:pt x="3" y="38"/>
                      <a:pt x="3" y="38"/>
                    </a:cubicBezTo>
                    <a:cubicBezTo>
                      <a:pt x="3" y="39"/>
                      <a:pt x="3" y="39"/>
                      <a:pt x="4" y="39"/>
                    </a:cubicBezTo>
                    <a:cubicBezTo>
                      <a:pt x="30" y="38"/>
                      <a:pt x="30" y="38"/>
                      <a:pt x="30" y="38"/>
                    </a:cubicBezTo>
                    <a:cubicBezTo>
                      <a:pt x="31" y="38"/>
                      <a:pt x="31" y="37"/>
                      <a:pt x="31" y="37"/>
                    </a:cubicBezTo>
                    <a:cubicBezTo>
                      <a:pt x="29" y="1"/>
                      <a:pt x="29" y="1"/>
                      <a:pt x="29" y="1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0" name="Freeform 20"/>
              <p:cNvSpPr>
                <a:spLocks noEditPoints="1"/>
              </p:cNvSpPr>
              <p:nvPr/>
            </p:nvSpPr>
            <p:spPr bwMode="auto">
              <a:xfrm>
                <a:off x="2365280" y="1338895"/>
                <a:ext cx="93663" cy="657225"/>
              </a:xfrm>
              <a:custGeom>
                <a:avLst/>
                <a:gdLst>
                  <a:gd name="T0" fmla="*/ 17 w 22"/>
                  <a:gd name="T1" fmla="*/ 76 h 155"/>
                  <a:gd name="T2" fmla="*/ 22 w 22"/>
                  <a:gd name="T3" fmla="*/ 155 h 155"/>
                  <a:gd name="T4" fmla="*/ 22 w 22"/>
                  <a:gd name="T5" fmla="*/ 155 h 155"/>
                  <a:gd name="T6" fmla="*/ 17 w 22"/>
                  <a:gd name="T7" fmla="*/ 76 h 155"/>
                  <a:gd name="T8" fmla="*/ 4 w 22"/>
                  <a:gd name="T9" fmla="*/ 56 h 155"/>
                  <a:gd name="T10" fmla="*/ 3 w 22"/>
                  <a:gd name="T11" fmla="*/ 56 h 155"/>
                  <a:gd name="T12" fmla="*/ 3 w 22"/>
                  <a:gd name="T13" fmla="*/ 56 h 155"/>
                  <a:gd name="T14" fmla="*/ 3 w 22"/>
                  <a:gd name="T15" fmla="*/ 56 h 155"/>
                  <a:gd name="T16" fmla="*/ 4 w 22"/>
                  <a:gd name="T17" fmla="*/ 56 h 155"/>
                  <a:gd name="T18" fmla="*/ 16 w 22"/>
                  <a:gd name="T19" fmla="*/ 55 h 155"/>
                  <a:gd name="T20" fmla="*/ 13 w 22"/>
                  <a:gd name="T21" fmla="*/ 55 h 155"/>
                  <a:gd name="T22" fmla="*/ 16 w 22"/>
                  <a:gd name="T23" fmla="*/ 55 h 155"/>
                  <a:gd name="T24" fmla="*/ 16 w 22"/>
                  <a:gd name="T25" fmla="*/ 56 h 155"/>
                  <a:gd name="T26" fmla="*/ 16 w 22"/>
                  <a:gd name="T27" fmla="*/ 55 h 155"/>
                  <a:gd name="T28" fmla="*/ 6 w 22"/>
                  <a:gd name="T29" fmla="*/ 12 h 155"/>
                  <a:gd name="T30" fmla="*/ 0 w 22"/>
                  <a:gd name="T31" fmla="*/ 12 h 155"/>
                  <a:gd name="T32" fmla="*/ 0 w 22"/>
                  <a:gd name="T33" fmla="*/ 12 h 155"/>
                  <a:gd name="T34" fmla="*/ 6 w 22"/>
                  <a:gd name="T35" fmla="*/ 12 h 155"/>
                  <a:gd name="T36" fmla="*/ 6 w 22"/>
                  <a:gd name="T37" fmla="*/ 12 h 155"/>
                  <a:gd name="T38" fmla="*/ 4 w 22"/>
                  <a:gd name="T39" fmla="*/ 0 h 155"/>
                  <a:gd name="T40" fmla="*/ 6 w 22"/>
                  <a:gd name="T41" fmla="*/ 12 h 155"/>
                  <a:gd name="T42" fmla="*/ 6 w 22"/>
                  <a:gd name="T43" fmla="*/ 11 h 155"/>
                  <a:gd name="T44" fmla="*/ 4 w 22"/>
                  <a:gd name="T45" fmla="*/ 0 h 15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</a:cxnLst>
                <a:rect l="0" t="0" r="r" b="b"/>
                <a:pathLst>
                  <a:path w="22" h="155">
                    <a:moveTo>
                      <a:pt x="17" y="76"/>
                    </a:moveTo>
                    <a:cubicBezTo>
                      <a:pt x="22" y="155"/>
                      <a:pt x="22" y="155"/>
                      <a:pt x="22" y="155"/>
                    </a:cubicBezTo>
                    <a:cubicBezTo>
                      <a:pt x="22" y="155"/>
                      <a:pt x="22" y="155"/>
                      <a:pt x="22" y="155"/>
                    </a:cubicBezTo>
                    <a:cubicBezTo>
                      <a:pt x="17" y="76"/>
                      <a:pt x="17" y="76"/>
                      <a:pt x="17" y="76"/>
                    </a:cubicBezTo>
                    <a:moveTo>
                      <a:pt x="4" y="56"/>
                    </a:moveTo>
                    <a:cubicBezTo>
                      <a:pt x="3" y="56"/>
                      <a:pt x="3" y="56"/>
                      <a:pt x="3" y="56"/>
                    </a:cubicBezTo>
                    <a:cubicBezTo>
                      <a:pt x="3" y="56"/>
                      <a:pt x="3" y="56"/>
                      <a:pt x="3" y="56"/>
                    </a:cubicBezTo>
                    <a:cubicBezTo>
                      <a:pt x="3" y="56"/>
                      <a:pt x="3" y="56"/>
                      <a:pt x="3" y="56"/>
                    </a:cubicBezTo>
                    <a:cubicBezTo>
                      <a:pt x="4" y="56"/>
                      <a:pt x="4" y="56"/>
                      <a:pt x="4" y="56"/>
                    </a:cubicBezTo>
                    <a:moveTo>
                      <a:pt x="16" y="55"/>
                    </a:moveTo>
                    <a:cubicBezTo>
                      <a:pt x="13" y="55"/>
                      <a:pt x="13" y="55"/>
                      <a:pt x="13" y="55"/>
                    </a:cubicBezTo>
                    <a:cubicBezTo>
                      <a:pt x="16" y="55"/>
                      <a:pt x="16" y="55"/>
                      <a:pt x="16" y="55"/>
                    </a:cubicBezTo>
                    <a:cubicBezTo>
                      <a:pt x="16" y="56"/>
                      <a:pt x="16" y="56"/>
                      <a:pt x="16" y="56"/>
                    </a:cubicBezTo>
                    <a:cubicBezTo>
                      <a:pt x="16" y="55"/>
                      <a:pt x="16" y="55"/>
                      <a:pt x="16" y="55"/>
                    </a:cubicBezTo>
                    <a:moveTo>
                      <a:pt x="6" y="12"/>
                    </a:moveTo>
                    <a:cubicBezTo>
                      <a:pt x="0" y="12"/>
                      <a:pt x="0" y="12"/>
                      <a:pt x="0" y="12"/>
                    </a:cubicBezTo>
                    <a:cubicBezTo>
                      <a:pt x="0" y="12"/>
                      <a:pt x="0" y="12"/>
                      <a:pt x="0" y="12"/>
                    </a:cubicBezTo>
                    <a:cubicBezTo>
                      <a:pt x="6" y="12"/>
                      <a:pt x="6" y="12"/>
                      <a:pt x="6" y="12"/>
                    </a:cubicBezTo>
                    <a:cubicBezTo>
                      <a:pt x="6" y="12"/>
                      <a:pt x="6" y="12"/>
                      <a:pt x="6" y="12"/>
                    </a:cubicBezTo>
                    <a:moveTo>
                      <a:pt x="4" y="0"/>
                    </a:moveTo>
                    <a:cubicBezTo>
                      <a:pt x="6" y="12"/>
                      <a:pt x="6" y="12"/>
                      <a:pt x="6" y="12"/>
                    </a:cubicBezTo>
                    <a:cubicBezTo>
                      <a:pt x="6" y="11"/>
                      <a:pt x="6" y="11"/>
                      <a:pt x="6" y="11"/>
                    </a:cubicBezTo>
                    <a:cubicBezTo>
                      <a:pt x="4" y="0"/>
                      <a:pt x="4" y="0"/>
                      <a:pt x="4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1" name="Freeform 21"/>
              <p:cNvSpPr/>
              <p:nvPr/>
            </p:nvSpPr>
            <p:spPr bwMode="auto">
              <a:xfrm>
                <a:off x="2365280" y="1389695"/>
                <a:ext cx="68263" cy="187325"/>
              </a:xfrm>
              <a:custGeom>
                <a:avLst/>
                <a:gdLst>
                  <a:gd name="T0" fmla="*/ 6 w 16"/>
                  <a:gd name="T1" fmla="*/ 0 h 44"/>
                  <a:gd name="T2" fmla="*/ 0 w 16"/>
                  <a:gd name="T3" fmla="*/ 0 h 44"/>
                  <a:gd name="T4" fmla="*/ 2 w 16"/>
                  <a:gd name="T5" fmla="*/ 43 h 44"/>
                  <a:gd name="T6" fmla="*/ 3 w 16"/>
                  <a:gd name="T7" fmla="*/ 44 h 44"/>
                  <a:gd name="T8" fmla="*/ 4 w 16"/>
                  <a:gd name="T9" fmla="*/ 44 h 44"/>
                  <a:gd name="T10" fmla="*/ 6 w 16"/>
                  <a:gd name="T11" fmla="*/ 44 h 44"/>
                  <a:gd name="T12" fmla="*/ 13 w 16"/>
                  <a:gd name="T13" fmla="*/ 43 h 44"/>
                  <a:gd name="T14" fmla="*/ 16 w 16"/>
                  <a:gd name="T15" fmla="*/ 43 h 44"/>
                  <a:gd name="T16" fmla="*/ 16 w 16"/>
                  <a:gd name="T17" fmla="*/ 43 h 44"/>
                  <a:gd name="T18" fmla="*/ 15 w 16"/>
                  <a:gd name="T19" fmla="*/ 42 h 44"/>
                  <a:gd name="T20" fmla="*/ 6 w 16"/>
                  <a:gd name="T21" fmla="*/ 1 h 44"/>
                  <a:gd name="T22" fmla="*/ 6 w 16"/>
                  <a:gd name="T23" fmla="*/ 0 h 4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l="0" t="0" r="r" b="b"/>
                <a:pathLst>
                  <a:path w="16" h="44">
                    <a:moveTo>
                      <a:pt x="6" y="0"/>
                    </a:moveTo>
                    <a:cubicBezTo>
                      <a:pt x="0" y="0"/>
                      <a:pt x="0" y="0"/>
                      <a:pt x="0" y="0"/>
                    </a:cubicBezTo>
                    <a:cubicBezTo>
                      <a:pt x="2" y="43"/>
                      <a:pt x="2" y="43"/>
                      <a:pt x="2" y="43"/>
                    </a:cubicBezTo>
                    <a:cubicBezTo>
                      <a:pt x="2" y="43"/>
                      <a:pt x="3" y="44"/>
                      <a:pt x="3" y="44"/>
                    </a:cubicBezTo>
                    <a:cubicBezTo>
                      <a:pt x="4" y="44"/>
                      <a:pt x="4" y="44"/>
                      <a:pt x="4" y="44"/>
                    </a:cubicBezTo>
                    <a:cubicBezTo>
                      <a:pt x="6" y="44"/>
                      <a:pt x="6" y="44"/>
                      <a:pt x="6" y="44"/>
                    </a:cubicBezTo>
                    <a:cubicBezTo>
                      <a:pt x="13" y="43"/>
                      <a:pt x="13" y="43"/>
                      <a:pt x="13" y="43"/>
                    </a:cubicBezTo>
                    <a:cubicBezTo>
                      <a:pt x="16" y="43"/>
                      <a:pt x="16" y="43"/>
                      <a:pt x="16" y="43"/>
                    </a:cubicBezTo>
                    <a:cubicBezTo>
                      <a:pt x="16" y="43"/>
                      <a:pt x="16" y="43"/>
                      <a:pt x="16" y="43"/>
                    </a:cubicBezTo>
                    <a:cubicBezTo>
                      <a:pt x="16" y="43"/>
                      <a:pt x="15" y="42"/>
                      <a:pt x="15" y="42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0"/>
                      <a:pt x="6" y="0"/>
                      <a:pt x="6" y="0"/>
                    </a:cubicBezTo>
                  </a:path>
                </a:pathLst>
              </a:custGeom>
              <a:solidFill>
                <a:srgbClr val="BF756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2" name="Freeform 22"/>
              <p:cNvSpPr/>
              <p:nvPr/>
            </p:nvSpPr>
            <p:spPr bwMode="auto">
              <a:xfrm>
                <a:off x="2357343" y="1257933"/>
                <a:ext cx="33338" cy="131763"/>
              </a:xfrm>
              <a:custGeom>
                <a:avLst/>
                <a:gdLst>
                  <a:gd name="T0" fmla="*/ 0 w 8"/>
                  <a:gd name="T1" fmla="*/ 0 h 31"/>
                  <a:gd name="T2" fmla="*/ 0 w 8"/>
                  <a:gd name="T3" fmla="*/ 1 h 31"/>
                  <a:gd name="T4" fmla="*/ 2 w 8"/>
                  <a:gd name="T5" fmla="*/ 31 h 31"/>
                  <a:gd name="T6" fmla="*/ 8 w 8"/>
                  <a:gd name="T7" fmla="*/ 31 h 31"/>
                  <a:gd name="T8" fmla="*/ 8 w 8"/>
                  <a:gd name="T9" fmla="*/ 31 h 31"/>
                  <a:gd name="T10" fmla="*/ 6 w 8"/>
                  <a:gd name="T11" fmla="*/ 19 h 31"/>
                  <a:gd name="T12" fmla="*/ 3 w 8"/>
                  <a:gd name="T13" fmla="*/ 6 h 31"/>
                  <a:gd name="T14" fmla="*/ 2 w 8"/>
                  <a:gd name="T15" fmla="*/ 5 h 31"/>
                  <a:gd name="T16" fmla="*/ 0 w 8"/>
                  <a:gd name="T17" fmla="*/ 1 h 31"/>
                  <a:gd name="T18" fmla="*/ 0 w 8"/>
                  <a:gd name="T19" fmla="*/ 0 h 3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8" h="31">
                    <a:moveTo>
                      <a:pt x="0" y="0"/>
                    </a:moveTo>
                    <a:cubicBezTo>
                      <a:pt x="0" y="0"/>
                      <a:pt x="0" y="0"/>
                      <a:pt x="0" y="1"/>
                    </a:cubicBezTo>
                    <a:cubicBezTo>
                      <a:pt x="2" y="31"/>
                      <a:pt x="2" y="31"/>
                      <a:pt x="2" y="31"/>
                    </a:cubicBezTo>
                    <a:cubicBezTo>
                      <a:pt x="8" y="31"/>
                      <a:pt x="8" y="31"/>
                      <a:pt x="8" y="31"/>
                    </a:cubicBezTo>
                    <a:cubicBezTo>
                      <a:pt x="8" y="31"/>
                      <a:pt x="8" y="31"/>
                      <a:pt x="8" y="31"/>
                    </a:cubicBezTo>
                    <a:cubicBezTo>
                      <a:pt x="6" y="19"/>
                      <a:pt x="6" y="19"/>
                      <a:pt x="6" y="19"/>
                    </a:cubicBezTo>
                    <a:cubicBezTo>
                      <a:pt x="3" y="6"/>
                      <a:pt x="3" y="6"/>
                      <a:pt x="3" y="6"/>
                    </a:cubicBezTo>
                    <a:cubicBezTo>
                      <a:pt x="3" y="6"/>
                      <a:pt x="2" y="5"/>
                      <a:pt x="2" y="5"/>
                    </a:cubicBezTo>
                    <a:cubicBezTo>
                      <a:pt x="0" y="1"/>
                      <a:pt x="0" y="1"/>
                      <a:pt x="0" y="1"/>
                    </a:cubicBezTo>
                    <a:cubicBezTo>
                      <a:pt x="0" y="0"/>
                      <a:pt x="0" y="0"/>
                      <a:pt x="0" y="0"/>
                    </a:cubicBezTo>
                  </a:path>
                </a:pathLst>
              </a:custGeom>
              <a:solidFill>
                <a:srgbClr val="3C3C3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3" name="Freeform 23"/>
              <p:cNvSpPr/>
              <p:nvPr/>
            </p:nvSpPr>
            <p:spPr bwMode="auto">
              <a:xfrm>
                <a:off x="2373218" y="1572258"/>
                <a:ext cx="85725" cy="423863"/>
              </a:xfrm>
              <a:custGeom>
                <a:avLst/>
                <a:gdLst>
                  <a:gd name="T0" fmla="*/ 14 w 20"/>
                  <a:gd name="T1" fmla="*/ 0 h 100"/>
                  <a:gd name="T2" fmla="*/ 11 w 20"/>
                  <a:gd name="T3" fmla="*/ 0 h 100"/>
                  <a:gd name="T4" fmla="*/ 4 w 20"/>
                  <a:gd name="T5" fmla="*/ 1 h 100"/>
                  <a:gd name="T6" fmla="*/ 2 w 20"/>
                  <a:gd name="T7" fmla="*/ 1 h 100"/>
                  <a:gd name="T8" fmla="*/ 1 w 20"/>
                  <a:gd name="T9" fmla="*/ 1 h 100"/>
                  <a:gd name="T10" fmla="*/ 1 w 20"/>
                  <a:gd name="T11" fmla="*/ 1 h 100"/>
                  <a:gd name="T12" fmla="*/ 0 w 20"/>
                  <a:gd name="T13" fmla="*/ 2 h 100"/>
                  <a:gd name="T14" fmla="*/ 7 w 20"/>
                  <a:gd name="T15" fmla="*/ 100 h 100"/>
                  <a:gd name="T16" fmla="*/ 20 w 20"/>
                  <a:gd name="T17" fmla="*/ 100 h 100"/>
                  <a:gd name="T18" fmla="*/ 15 w 20"/>
                  <a:gd name="T19" fmla="*/ 21 h 100"/>
                  <a:gd name="T20" fmla="*/ 14 w 20"/>
                  <a:gd name="T21" fmla="*/ 1 h 100"/>
                  <a:gd name="T22" fmla="*/ 14 w 20"/>
                  <a:gd name="T23" fmla="*/ 1 h 100"/>
                  <a:gd name="T24" fmla="*/ 14 w 20"/>
                  <a:gd name="T25" fmla="*/ 0 h 10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20" h="100">
                    <a:moveTo>
                      <a:pt x="14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4" y="1"/>
                      <a:pt x="4" y="1"/>
                      <a:pt x="4" y="1"/>
                    </a:cubicBezTo>
                    <a:cubicBezTo>
                      <a:pt x="2" y="1"/>
                      <a:pt x="2" y="1"/>
                      <a:pt x="2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0" y="1"/>
                      <a:pt x="0" y="2"/>
                    </a:cubicBezTo>
                    <a:cubicBezTo>
                      <a:pt x="7" y="100"/>
                      <a:pt x="7" y="100"/>
                      <a:pt x="7" y="100"/>
                    </a:cubicBezTo>
                    <a:cubicBezTo>
                      <a:pt x="20" y="100"/>
                      <a:pt x="20" y="100"/>
                      <a:pt x="20" y="100"/>
                    </a:cubicBezTo>
                    <a:cubicBezTo>
                      <a:pt x="15" y="21"/>
                      <a:pt x="15" y="21"/>
                      <a:pt x="15" y="21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0"/>
                      <a:pt x="14" y="0"/>
                      <a:pt x="14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4" name="Freeform 24"/>
              <p:cNvSpPr/>
              <p:nvPr/>
            </p:nvSpPr>
            <p:spPr bwMode="auto">
              <a:xfrm>
                <a:off x="2535143" y="1529395"/>
                <a:ext cx="215900" cy="923925"/>
              </a:xfrm>
              <a:custGeom>
                <a:avLst/>
                <a:gdLst>
                  <a:gd name="T0" fmla="*/ 35 w 51"/>
                  <a:gd name="T1" fmla="*/ 174 h 218"/>
                  <a:gd name="T2" fmla="*/ 50 w 51"/>
                  <a:gd name="T3" fmla="*/ 11 h 218"/>
                  <a:gd name="T4" fmla="*/ 22 w 51"/>
                  <a:gd name="T5" fmla="*/ 8 h 218"/>
                  <a:gd name="T6" fmla="*/ 0 w 51"/>
                  <a:gd name="T7" fmla="*/ 170 h 218"/>
                  <a:gd name="T8" fmla="*/ 35 w 51"/>
                  <a:gd name="T9" fmla="*/ 174 h 21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1" h="218">
                    <a:moveTo>
                      <a:pt x="35" y="174"/>
                    </a:moveTo>
                    <a:cubicBezTo>
                      <a:pt x="48" y="104"/>
                      <a:pt x="47" y="90"/>
                      <a:pt x="50" y="11"/>
                    </a:cubicBezTo>
                    <a:cubicBezTo>
                      <a:pt x="51" y="3"/>
                      <a:pt x="24" y="0"/>
                      <a:pt x="22" y="8"/>
                    </a:cubicBezTo>
                    <a:cubicBezTo>
                      <a:pt x="8" y="85"/>
                      <a:pt x="4" y="99"/>
                      <a:pt x="0" y="170"/>
                    </a:cubicBezTo>
                    <a:cubicBezTo>
                      <a:pt x="6" y="217"/>
                      <a:pt x="18" y="218"/>
                      <a:pt x="35" y="174"/>
                    </a:cubicBezTo>
                  </a:path>
                </a:pathLst>
              </a:custGeom>
              <a:solidFill>
                <a:srgbClr val="666666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5" name="Freeform 25"/>
              <p:cNvSpPr/>
              <p:nvPr/>
            </p:nvSpPr>
            <p:spPr bwMode="auto">
              <a:xfrm>
                <a:off x="2497043" y="1983420"/>
                <a:ext cx="236538" cy="520700"/>
              </a:xfrm>
              <a:custGeom>
                <a:avLst/>
                <a:gdLst>
                  <a:gd name="T0" fmla="*/ 42 w 56"/>
                  <a:gd name="T1" fmla="*/ 114 h 123"/>
                  <a:gd name="T2" fmla="*/ 56 w 56"/>
                  <a:gd name="T3" fmla="*/ 10 h 123"/>
                  <a:gd name="T4" fmla="*/ 52 w 56"/>
                  <a:gd name="T5" fmla="*/ 7 h 123"/>
                  <a:gd name="T6" fmla="*/ 32 w 56"/>
                  <a:gd name="T7" fmla="*/ 14 h 123"/>
                  <a:gd name="T8" fmla="*/ 15 w 56"/>
                  <a:gd name="T9" fmla="*/ 3 h 123"/>
                  <a:gd name="T10" fmla="*/ 11 w 56"/>
                  <a:gd name="T11" fmla="*/ 5 h 123"/>
                  <a:gd name="T12" fmla="*/ 0 w 56"/>
                  <a:gd name="T13" fmla="*/ 110 h 123"/>
                  <a:gd name="T14" fmla="*/ 5 w 56"/>
                  <a:gd name="T15" fmla="*/ 118 h 123"/>
                  <a:gd name="T16" fmla="*/ 35 w 56"/>
                  <a:gd name="T17" fmla="*/ 123 h 123"/>
                  <a:gd name="T18" fmla="*/ 42 w 56"/>
                  <a:gd name="T19" fmla="*/ 114 h 12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56" h="123">
                    <a:moveTo>
                      <a:pt x="42" y="114"/>
                    </a:moveTo>
                    <a:cubicBezTo>
                      <a:pt x="56" y="10"/>
                      <a:pt x="56" y="10"/>
                      <a:pt x="56" y="10"/>
                    </a:cubicBezTo>
                    <a:cubicBezTo>
                      <a:pt x="56" y="6"/>
                      <a:pt x="54" y="5"/>
                      <a:pt x="52" y="7"/>
                    </a:cubicBezTo>
                    <a:cubicBezTo>
                      <a:pt x="52" y="7"/>
                      <a:pt x="42" y="15"/>
                      <a:pt x="32" y="14"/>
                    </a:cubicBezTo>
                    <a:cubicBezTo>
                      <a:pt x="23" y="13"/>
                      <a:pt x="15" y="3"/>
                      <a:pt x="15" y="3"/>
                    </a:cubicBezTo>
                    <a:cubicBezTo>
                      <a:pt x="13" y="0"/>
                      <a:pt x="11" y="1"/>
                      <a:pt x="11" y="5"/>
                    </a:cubicBezTo>
                    <a:cubicBezTo>
                      <a:pt x="0" y="110"/>
                      <a:pt x="0" y="110"/>
                      <a:pt x="0" y="110"/>
                    </a:cubicBezTo>
                    <a:cubicBezTo>
                      <a:pt x="0" y="113"/>
                      <a:pt x="2" y="117"/>
                      <a:pt x="5" y="118"/>
                    </a:cubicBezTo>
                    <a:cubicBezTo>
                      <a:pt x="35" y="123"/>
                      <a:pt x="35" y="123"/>
                      <a:pt x="35" y="123"/>
                    </a:cubicBezTo>
                    <a:cubicBezTo>
                      <a:pt x="38" y="122"/>
                      <a:pt x="41" y="118"/>
                      <a:pt x="42" y="114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6" name="Freeform 26"/>
              <p:cNvSpPr/>
              <p:nvPr/>
            </p:nvSpPr>
            <p:spPr bwMode="auto">
              <a:xfrm>
                <a:off x="2543080" y="1983420"/>
                <a:ext cx="190500" cy="80963"/>
              </a:xfrm>
              <a:custGeom>
                <a:avLst/>
                <a:gdLst>
                  <a:gd name="T0" fmla="*/ 43 w 45"/>
                  <a:gd name="T1" fmla="*/ 10 h 19"/>
                  <a:gd name="T2" fmla="*/ 45 w 45"/>
                  <a:gd name="T3" fmla="*/ 9 h 19"/>
                  <a:gd name="T4" fmla="*/ 41 w 45"/>
                  <a:gd name="T5" fmla="*/ 7 h 19"/>
                  <a:gd name="T6" fmla="*/ 21 w 45"/>
                  <a:gd name="T7" fmla="*/ 14 h 19"/>
                  <a:gd name="T8" fmla="*/ 4 w 45"/>
                  <a:gd name="T9" fmla="*/ 3 h 19"/>
                  <a:gd name="T10" fmla="*/ 0 w 45"/>
                  <a:gd name="T11" fmla="*/ 4 h 19"/>
                  <a:gd name="T12" fmla="*/ 2 w 45"/>
                  <a:gd name="T13" fmla="*/ 6 h 19"/>
                  <a:gd name="T14" fmla="*/ 21 w 45"/>
                  <a:gd name="T15" fmla="*/ 18 h 19"/>
                  <a:gd name="T16" fmla="*/ 43 w 45"/>
                  <a:gd name="T17" fmla="*/ 10 h 1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45" h="19">
                    <a:moveTo>
                      <a:pt x="43" y="10"/>
                    </a:moveTo>
                    <a:cubicBezTo>
                      <a:pt x="43" y="10"/>
                      <a:pt x="44" y="9"/>
                      <a:pt x="45" y="9"/>
                    </a:cubicBezTo>
                    <a:cubicBezTo>
                      <a:pt x="45" y="6"/>
                      <a:pt x="43" y="5"/>
                      <a:pt x="41" y="7"/>
                    </a:cubicBezTo>
                    <a:cubicBezTo>
                      <a:pt x="41" y="7"/>
                      <a:pt x="31" y="15"/>
                      <a:pt x="21" y="14"/>
                    </a:cubicBezTo>
                    <a:cubicBezTo>
                      <a:pt x="12" y="13"/>
                      <a:pt x="4" y="3"/>
                      <a:pt x="4" y="3"/>
                    </a:cubicBezTo>
                    <a:cubicBezTo>
                      <a:pt x="2" y="0"/>
                      <a:pt x="0" y="1"/>
                      <a:pt x="0" y="4"/>
                    </a:cubicBezTo>
                    <a:cubicBezTo>
                      <a:pt x="0" y="4"/>
                      <a:pt x="1" y="5"/>
                      <a:pt x="2" y="6"/>
                    </a:cubicBezTo>
                    <a:cubicBezTo>
                      <a:pt x="2" y="6"/>
                      <a:pt x="11" y="17"/>
                      <a:pt x="21" y="18"/>
                    </a:cubicBezTo>
                    <a:cubicBezTo>
                      <a:pt x="31" y="19"/>
                      <a:pt x="43" y="10"/>
                      <a:pt x="43" y="10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7" name="Freeform 27"/>
              <p:cNvSpPr/>
              <p:nvPr/>
            </p:nvSpPr>
            <p:spPr bwMode="auto">
              <a:xfrm>
                <a:off x="2509743" y="2483483"/>
                <a:ext cx="147638" cy="169863"/>
              </a:xfrm>
              <a:custGeom>
                <a:avLst/>
                <a:gdLst>
                  <a:gd name="T0" fmla="*/ 35 w 35"/>
                  <a:gd name="T1" fmla="*/ 4 h 40"/>
                  <a:gd name="T2" fmla="*/ 16 w 35"/>
                  <a:gd name="T3" fmla="*/ 9 h 40"/>
                  <a:gd name="T4" fmla="*/ 0 w 35"/>
                  <a:gd name="T5" fmla="*/ 0 h 40"/>
                  <a:gd name="T6" fmla="*/ 35 w 35"/>
                  <a:gd name="T7" fmla="*/ 4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</a:cxnLst>
                <a:rect l="0" t="0" r="r" b="b"/>
                <a:pathLst>
                  <a:path w="35" h="40">
                    <a:moveTo>
                      <a:pt x="35" y="4"/>
                    </a:moveTo>
                    <a:cubicBezTo>
                      <a:pt x="29" y="8"/>
                      <a:pt x="23" y="10"/>
                      <a:pt x="16" y="9"/>
                    </a:cubicBezTo>
                    <a:cubicBezTo>
                      <a:pt x="10" y="8"/>
                      <a:pt x="4" y="5"/>
                      <a:pt x="0" y="0"/>
                    </a:cubicBezTo>
                    <a:cubicBezTo>
                      <a:pt x="3" y="39"/>
                      <a:pt x="23" y="40"/>
                      <a:pt x="35" y="4"/>
                    </a:cubicBezTo>
                  </a:path>
                </a:pathLst>
              </a:custGeom>
              <a:solidFill>
                <a:srgbClr val="666666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8" name="Freeform 28"/>
              <p:cNvSpPr/>
              <p:nvPr/>
            </p:nvSpPr>
            <p:spPr bwMode="auto">
              <a:xfrm>
                <a:off x="2492280" y="2437445"/>
                <a:ext cx="185738" cy="92075"/>
              </a:xfrm>
              <a:custGeom>
                <a:avLst/>
                <a:gdLst>
                  <a:gd name="T0" fmla="*/ 39 w 44"/>
                  <a:gd name="T1" fmla="*/ 16 h 22"/>
                  <a:gd name="T2" fmla="*/ 44 w 44"/>
                  <a:gd name="T3" fmla="*/ 10 h 22"/>
                  <a:gd name="T4" fmla="*/ 40 w 44"/>
                  <a:gd name="T5" fmla="*/ 7 h 22"/>
                  <a:gd name="T6" fmla="*/ 21 w 44"/>
                  <a:gd name="T7" fmla="*/ 13 h 22"/>
                  <a:gd name="T8" fmla="*/ 4 w 44"/>
                  <a:gd name="T9" fmla="*/ 3 h 22"/>
                  <a:gd name="T10" fmla="*/ 0 w 44"/>
                  <a:gd name="T11" fmla="*/ 2 h 22"/>
                  <a:gd name="T12" fmla="*/ 3 w 44"/>
                  <a:gd name="T13" fmla="*/ 12 h 22"/>
                  <a:gd name="T14" fmla="*/ 20 w 44"/>
                  <a:gd name="T15" fmla="*/ 21 h 22"/>
                  <a:gd name="T16" fmla="*/ 39 w 44"/>
                  <a:gd name="T17" fmla="*/ 16 h 2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44" h="22">
                    <a:moveTo>
                      <a:pt x="39" y="16"/>
                    </a:moveTo>
                    <a:cubicBezTo>
                      <a:pt x="42" y="14"/>
                      <a:pt x="44" y="11"/>
                      <a:pt x="44" y="10"/>
                    </a:cubicBezTo>
                    <a:cubicBezTo>
                      <a:pt x="44" y="8"/>
                      <a:pt x="43" y="5"/>
                      <a:pt x="40" y="7"/>
                    </a:cubicBezTo>
                    <a:cubicBezTo>
                      <a:pt x="40" y="7"/>
                      <a:pt x="30" y="14"/>
                      <a:pt x="21" y="13"/>
                    </a:cubicBezTo>
                    <a:cubicBezTo>
                      <a:pt x="12" y="12"/>
                      <a:pt x="4" y="3"/>
                      <a:pt x="4" y="3"/>
                    </a:cubicBezTo>
                    <a:cubicBezTo>
                      <a:pt x="2" y="1"/>
                      <a:pt x="0" y="0"/>
                      <a:pt x="0" y="2"/>
                    </a:cubicBezTo>
                    <a:cubicBezTo>
                      <a:pt x="0" y="4"/>
                      <a:pt x="1" y="10"/>
                      <a:pt x="3" y="12"/>
                    </a:cubicBezTo>
                    <a:cubicBezTo>
                      <a:pt x="3" y="12"/>
                      <a:pt x="12" y="20"/>
                      <a:pt x="20" y="21"/>
                    </a:cubicBezTo>
                    <a:cubicBezTo>
                      <a:pt x="29" y="22"/>
                      <a:pt x="39" y="16"/>
                      <a:pt x="39" y="16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9" name="Freeform 30"/>
              <p:cNvSpPr/>
              <p:nvPr/>
            </p:nvSpPr>
            <p:spPr bwMode="auto">
              <a:xfrm>
                <a:off x="2624043" y="1508758"/>
                <a:ext cx="122238" cy="114300"/>
              </a:xfrm>
              <a:custGeom>
                <a:avLst/>
                <a:gdLst>
                  <a:gd name="T0" fmla="*/ 1 w 29"/>
                  <a:gd name="T1" fmla="*/ 17 h 27"/>
                  <a:gd name="T2" fmla="*/ 13 w 29"/>
                  <a:gd name="T3" fmla="*/ 1 h 27"/>
                  <a:gd name="T4" fmla="*/ 29 w 29"/>
                  <a:gd name="T5" fmla="*/ 15 h 27"/>
                  <a:gd name="T6" fmla="*/ 29 w 29"/>
                  <a:gd name="T7" fmla="*/ 20 h 27"/>
                  <a:gd name="T8" fmla="*/ 14 w 29"/>
                  <a:gd name="T9" fmla="*/ 26 h 27"/>
                  <a:gd name="T10" fmla="*/ 1 w 29"/>
                  <a:gd name="T11" fmla="*/ 17 h 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29" h="27">
                    <a:moveTo>
                      <a:pt x="1" y="17"/>
                    </a:moveTo>
                    <a:cubicBezTo>
                      <a:pt x="1" y="12"/>
                      <a:pt x="5" y="0"/>
                      <a:pt x="13" y="1"/>
                    </a:cubicBezTo>
                    <a:cubicBezTo>
                      <a:pt x="20" y="2"/>
                      <a:pt x="28" y="11"/>
                      <a:pt x="29" y="15"/>
                    </a:cubicBezTo>
                    <a:cubicBezTo>
                      <a:pt x="29" y="16"/>
                      <a:pt x="29" y="19"/>
                      <a:pt x="29" y="20"/>
                    </a:cubicBezTo>
                    <a:cubicBezTo>
                      <a:pt x="29" y="24"/>
                      <a:pt x="22" y="27"/>
                      <a:pt x="14" y="26"/>
                    </a:cubicBezTo>
                    <a:cubicBezTo>
                      <a:pt x="6" y="25"/>
                      <a:pt x="0" y="21"/>
                      <a:pt x="1" y="17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30" name="Freeform 32"/>
              <p:cNvSpPr/>
              <p:nvPr/>
            </p:nvSpPr>
            <p:spPr bwMode="auto">
              <a:xfrm>
                <a:off x="2627218" y="1369058"/>
                <a:ext cx="123825" cy="236538"/>
              </a:xfrm>
              <a:custGeom>
                <a:avLst/>
                <a:gdLst>
                  <a:gd name="T0" fmla="*/ 1 w 29"/>
                  <a:gd name="T1" fmla="*/ 43 h 56"/>
                  <a:gd name="T2" fmla="*/ 0 w 29"/>
                  <a:gd name="T3" fmla="*/ 46 h 56"/>
                  <a:gd name="T4" fmla="*/ 13 w 29"/>
                  <a:gd name="T5" fmla="*/ 55 h 56"/>
                  <a:gd name="T6" fmla="*/ 28 w 29"/>
                  <a:gd name="T7" fmla="*/ 49 h 56"/>
                  <a:gd name="T8" fmla="*/ 28 w 29"/>
                  <a:gd name="T9" fmla="*/ 46 h 56"/>
                  <a:gd name="T10" fmla="*/ 20 w 29"/>
                  <a:gd name="T11" fmla="*/ 0 h 56"/>
                  <a:gd name="T12" fmla="*/ 1 w 29"/>
                  <a:gd name="T13" fmla="*/ 43 h 5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29" h="56">
                    <a:moveTo>
                      <a:pt x="1" y="43"/>
                    </a:moveTo>
                    <a:cubicBezTo>
                      <a:pt x="1" y="44"/>
                      <a:pt x="0" y="45"/>
                      <a:pt x="0" y="46"/>
                    </a:cubicBezTo>
                    <a:cubicBezTo>
                      <a:pt x="0" y="50"/>
                      <a:pt x="6" y="54"/>
                      <a:pt x="13" y="55"/>
                    </a:cubicBezTo>
                    <a:cubicBezTo>
                      <a:pt x="21" y="56"/>
                      <a:pt x="28" y="53"/>
                      <a:pt x="28" y="49"/>
                    </a:cubicBezTo>
                    <a:cubicBezTo>
                      <a:pt x="29" y="48"/>
                      <a:pt x="28" y="47"/>
                      <a:pt x="28" y="46"/>
                    </a:cubicBezTo>
                    <a:cubicBezTo>
                      <a:pt x="20" y="0"/>
                      <a:pt x="20" y="0"/>
                      <a:pt x="20" y="0"/>
                    </a:cubicBezTo>
                    <a:lnTo>
                      <a:pt x="1" y="43"/>
                    </a:lnTo>
                    <a:close/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31" name="Freeform 33"/>
              <p:cNvSpPr/>
              <p:nvPr/>
            </p:nvSpPr>
            <p:spPr bwMode="auto">
              <a:xfrm>
                <a:off x="2695480" y="1364295"/>
                <a:ext cx="25400" cy="50800"/>
              </a:xfrm>
              <a:custGeom>
                <a:avLst/>
                <a:gdLst>
                  <a:gd name="T0" fmla="*/ 3 w 6"/>
                  <a:gd name="T1" fmla="*/ 12 h 12"/>
                  <a:gd name="T2" fmla="*/ 6 w 6"/>
                  <a:gd name="T3" fmla="*/ 11 h 12"/>
                  <a:gd name="T4" fmla="*/ 4 w 6"/>
                  <a:gd name="T5" fmla="*/ 1 h 12"/>
                  <a:gd name="T6" fmla="*/ 0 w 6"/>
                  <a:gd name="T7" fmla="*/ 11 h 12"/>
                  <a:gd name="T8" fmla="*/ 3 w 6"/>
                  <a:gd name="T9" fmla="*/ 12 h 1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12">
                    <a:moveTo>
                      <a:pt x="3" y="12"/>
                    </a:moveTo>
                    <a:cubicBezTo>
                      <a:pt x="4" y="12"/>
                      <a:pt x="5" y="12"/>
                      <a:pt x="6" y="11"/>
                    </a:cubicBezTo>
                    <a:cubicBezTo>
                      <a:pt x="6" y="11"/>
                      <a:pt x="6" y="1"/>
                      <a:pt x="4" y="1"/>
                    </a:cubicBezTo>
                    <a:cubicBezTo>
                      <a:pt x="2" y="0"/>
                      <a:pt x="0" y="11"/>
                      <a:pt x="0" y="11"/>
                    </a:cubicBezTo>
                    <a:cubicBezTo>
                      <a:pt x="1" y="11"/>
                      <a:pt x="1" y="11"/>
                      <a:pt x="3" y="12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4" name="Freeform 34"/>
              <p:cNvSpPr/>
              <p:nvPr/>
            </p:nvSpPr>
            <p:spPr bwMode="auto">
              <a:xfrm>
                <a:off x="2165255" y="2016758"/>
                <a:ext cx="781050" cy="877888"/>
              </a:xfrm>
              <a:custGeom>
                <a:avLst/>
                <a:gdLst>
                  <a:gd name="T0" fmla="*/ 123 w 492"/>
                  <a:gd name="T1" fmla="*/ 553 h 553"/>
                  <a:gd name="T2" fmla="*/ 0 w 492"/>
                  <a:gd name="T3" fmla="*/ 0 h 553"/>
                  <a:gd name="T4" fmla="*/ 492 w 492"/>
                  <a:gd name="T5" fmla="*/ 0 h 553"/>
                  <a:gd name="T6" fmla="*/ 377 w 492"/>
                  <a:gd name="T7" fmla="*/ 550 h 553"/>
                  <a:gd name="T8" fmla="*/ 123 w 492"/>
                  <a:gd name="T9" fmla="*/ 553 h 55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492" h="553">
                    <a:moveTo>
                      <a:pt x="123" y="553"/>
                    </a:moveTo>
                    <a:lnTo>
                      <a:pt x="0" y="0"/>
                    </a:lnTo>
                    <a:lnTo>
                      <a:pt x="492" y="0"/>
                    </a:lnTo>
                    <a:lnTo>
                      <a:pt x="377" y="550"/>
                    </a:lnTo>
                    <a:lnTo>
                      <a:pt x="123" y="553"/>
                    </a:lnTo>
                    <a:close/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6" name="Freeform 36"/>
              <p:cNvSpPr/>
              <p:nvPr/>
            </p:nvSpPr>
            <p:spPr bwMode="auto">
              <a:xfrm>
                <a:off x="2144618" y="1996120"/>
                <a:ext cx="822325" cy="919163"/>
              </a:xfrm>
              <a:custGeom>
                <a:avLst/>
                <a:gdLst>
                  <a:gd name="T0" fmla="*/ 51 w 194"/>
                  <a:gd name="T1" fmla="*/ 212 h 217"/>
                  <a:gd name="T2" fmla="*/ 55 w 194"/>
                  <a:gd name="T3" fmla="*/ 211 h 217"/>
                  <a:gd name="T4" fmla="*/ 11 w 194"/>
                  <a:gd name="T5" fmla="*/ 9 h 217"/>
                  <a:gd name="T6" fmla="*/ 183 w 194"/>
                  <a:gd name="T7" fmla="*/ 9 h 217"/>
                  <a:gd name="T8" fmla="*/ 143 w 194"/>
                  <a:gd name="T9" fmla="*/ 206 h 217"/>
                  <a:gd name="T10" fmla="*/ 51 w 194"/>
                  <a:gd name="T11" fmla="*/ 207 h 217"/>
                  <a:gd name="T12" fmla="*/ 51 w 194"/>
                  <a:gd name="T13" fmla="*/ 212 h 217"/>
                  <a:gd name="T14" fmla="*/ 55 w 194"/>
                  <a:gd name="T15" fmla="*/ 211 h 217"/>
                  <a:gd name="T16" fmla="*/ 51 w 194"/>
                  <a:gd name="T17" fmla="*/ 212 h 217"/>
                  <a:gd name="T18" fmla="*/ 51 w 194"/>
                  <a:gd name="T19" fmla="*/ 217 h 217"/>
                  <a:gd name="T20" fmla="*/ 147 w 194"/>
                  <a:gd name="T21" fmla="*/ 216 h 217"/>
                  <a:gd name="T22" fmla="*/ 151 w 194"/>
                  <a:gd name="T23" fmla="*/ 212 h 217"/>
                  <a:gd name="T24" fmla="*/ 193 w 194"/>
                  <a:gd name="T25" fmla="*/ 6 h 217"/>
                  <a:gd name="T26" fmla="*/ 192 w 194"/>
                  <a:gd name="T27" fmla="*/ 2 h 217"/>
                  <a:gd name="T28" fmla="*/ 189 w 194"/>
                  <a:gd name="T29" fmla="*/ 0 h 217"/>
                  <a:gd name="T30" fmla="*/ 5 w 194"/>
                  <a:gd name="T31" fmla="*/ 0 h 217"/>
                  <a:gd name="T32" fmla="*/ 1 w 194"/>
                  <a:gd name="T33" fmla="*/ 2 h 217"/>
                  <a:gd name="T34" fmla="*/ 0 w 194"/>
                  <a:gd name="T35" fmla="*/ 6 h 217"/>
                  <a:gd name="T36" fmla="*/ 46 w 194"/>
                  <a:gd name="T37" fmla="*/ 213 h 217"/>
                  <a:gd name="T38" fmla="*/ 51 w 194"/>
                  <a:gd name="T39" fmla="*/ 217 h 217"/>
                  <a:gd name="T40" fmla="*/ 51 w 194"/>
                  <a:gd name="T41" fmla="*/ 212 h 2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</a:cxnLst>
                <a:rect l="0" t="0" r="r" b="b"/>
                <a:pathLst>
                  <a:path w="194" h="217">
                    <a:moveTo>
                      <a:pt x="51" y="212"/>
                    </a:moveTo>
                    <a:cubicBezTo>
                      <a:pt x="55" y="211"/>
                      <a:pt x="55" y="211"/>
                      <a:pt x="55" y="211"/>
                    </a:cubicBezTo>
                    <a:cubicBezTo>
                      <a:pt x="11" y="9"/>
                      <a:pt x="11" y="9"/>
                      <a:pt x="11" y="9"/>
                    </a:cubicBezTo>
                    <a:cubicBezTo>
                      <a:pt x="183" y="9"/>
                      <a:pt x="183" y="9"/>
                      <a:pt x="183" y="9"/>
                    </a:cubicBezTo>
                    <a:cubicBezTo>
                      <a:pt x="143" y="206"/>
                      <a:pt x="143" y="206"/>
                      <a:pt x="143" y="206"/>
                    </a:cubicBezTo>
                    <a:cubicBezTo>
                      <a:pt x="51" y="207"/>
                      <a:pt x="51" y="207"/>
                      <a:pt x="51" y="207"/>
                    </a:cubicBezTo>
                    <a:cubicBezTo>
                      <a:pt x="51" y="212"/>
                      <a:pt x="51" y="212"/>
                      <a:pt x="51" y="212"/>
                    </a:cubicBezTo>
                    <a:cubicBezTo>
                      <a:pt x="55" y="211"/>
                      <a:pt x="55" y="211"/>
                      <a:pt x="55" y="211"/>
                    </a:cubicBezTo>
                    <a:cubicBezTo>
                      <a:pt x="51" y="212"/>
                      <a:pt x="51" y="212"/>
                      <a:pt x="51" y="212"/>
                    </a:cubicBezTo>
                    <a:cubicBezTo>
                      <a:pt x="51" y="217"/>
                      <a:pt x="51" y="217"/>
                      <a:pt x="51" y="217"/>
                    </a:cubicBezTo>
                    <a:cubicBezTo>
                      <a:pt x="147" y="216"/>
                      <a:pt x="147" y="216"/>
                      <a:pt x="147" y="216"/>
                    </a:cubicBezTo>
                    <a:cubicBezTo>
                      <a:pt x="149" y="216"/>
                      <a:pt x="151" y="214"/>
                      <a:pt x="151" y="212"/>
                    </a:cubicBezTo>
                    <a:cubicBezTo>
                      <a:pt x="193" y="6"/>
                      <a:pt x="193" y="6"/>
                      <a:pt x="193" y="6"/>
                    </a:cubicBezTo>
                    <a:cubicBezTo>
                      <a:pt x="194" y="4"/>
                      <a:pt x="193" y="3"/>
                      <a:pt x="192" y="2"/>
                    </a:cubicBezTo>
                    <a:cubicBezTo>
                      <a:pt x="191" y="0"/>
                      <a:pt x="190" y="0"/>
                      <a:pt x="189" y="0"/>
                    </a:cubicBezTo>
                    <a:cubicBezTo>
                      <a:pt x="5" y="0"/>
                      <a:pt x="5" y="0"/>
                      <a:pt x="5" y="0"/>
                    </a:cubicBezTo>
                    <a:cubicBezTo>
                      <a:pt x="4" y="0"/>
                      <a:pt x="2" y="0"/>
                      <a:pt x="1" y="2"/>
                    </a:cubicBezTo>
                    <a:cubicBezTo>
                      <a:pt x="1" y="3"/>
                      <a:pt x="0" y="4"/>
                      <a:pt x="0" y="6"/>
                    </a:cubicBezTo>
                    <a:cubicBezTo>
                      <a:pt x="46" y="213"/>
                      <a:pt x="46" y="213"/>
                      <a:pt x="46" y="213"/>
                    </a:cubicBezTo>
                    <a:cubicBezTo>
                      <a:pt x="47" y="215"/>
                      <a:pt x="48" y="217"/>
                      <a:pt x="51" y="217"/>
                    </a:cubicBezTo>
                    <a:cubicBezTo>
                      <a:pt x="51" y="212"/>
                      <a:pt x="51" y="212"/>
                      <a:pt x="51" y="212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7" name="Freeform 37"/>
              <p:cNvSpPr>
                <a:spLocks noEditPoints="1"/>
              </p:cNvSpPr>
              <p:nvPr/>
            </p:nvSpPr>
            <p:spPr bwMode="auto">
              <a:xfrm>
                <a:off x="2144618" y="2000883"/>
                <a:ext cx="411163" cy="911225"/>
              </a:xfrm>
              <a:custGeom>
                <a:avLst/>
                <a:gdLst>
                  <a:gd name="T0" fmla="*/ 97 w 97"/>
                  <a:gd name="T1" fmla="*/ 215 h 215"/>
                  <a:gd name="T2" fmla="*/ 70 w 97"/>
                  <a:gd name="T3" fmla="*/ 215 h 215"/>
                  <a:gd name="T4" fmla="*/ 97 w 97"/>
                  <a:gd name="T5" fmla="*/ 215 h 215"/>
                  <a:gd name="T6" fmla="*/ 97 w 97"/>
                  <a:gd name="T7" fmla="*/ 215 h 215"/>
                  <a:gd name="T8" fmla="*/ 0 w 97"/>
                  <a:gd name="T9" fmla="*/ 3 h 215"/>
                  <a:gd name="T10" fmla="*/ 0 w 97"/>
                  <a:gd name="T11" fmla="*/ 5 h 215"/>
                  <a:gd name="T12" fmla="*/ 46 w 97"/>
                  <a:gd name="T13" fmla="*/ 212 h 215"/>
                  <a:gd name="T14" fmla="*/ 46 w 97"/>
                  <a:gd name="T15" fmla="*/ 213 h 215"/>
                  <a:gd name="T16" fmla="*/ 46 w 97"/>
                  <a:gd name="T17" fmla="*/ 212 h 215"/>
                  <a:gd name="T18" fmla="*/ 0 w 97"/>
                  <a:gd name="T19" fmla="*/ 5 h 215"/>
                  <a:gd name="T20" fmla="*/ 0 w 97"/>
                  <a:gd name="T21" fmla="*/ 3 h 215"/>
                  <a:gd name="T22" fmla="*/ 2 w 97"/>
                  <a:gd name="T23" fmla="*/ 0 h 215"/>
                  <a:gd name="T24" fmla="*/ 1 w 97"/>
                  <a:gd name="T25" fmla="*/ 1 h 215"/>
                  <a:gd name="T26" fmla="*/ 1 w 97"/>
                  <a:gd name="T27" fmla="*/ 1 h 215"/>
                  <a:gd name="T28" fmla="*/ 1 w 97"/>
                  <a:gd name="T29" fmla="*/ 1 h 215"/>
                  <a:gd name="T30" fmla="*/ 2 w 97"/>
                  <a:gd name="T31" fmla="*/ 0 h 2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</a:cxnLst>
                <a:rect l="0" t="0" r="r" b="b"/>
                <a:pathLst>
                  <a:path w="97" h="215">
                    <a:moveTo>
                      <a:pt x="97" y="215"/>
                    </a:moveTo>
                    <a:cubicBezTo>
                      <a:pt x="70" y="215"/>
                      <a:pt x="70" y="215"/>
                      <a:pt x="70" y="215"/>
                    </a:cubicBezTo>
                    <a:cubicBezTo>
                      <a:pt x="97" y="215"/>
                      <a:pt x="97" y="215"/>
                      <a:pt x="97" y="215"/>
                    </a:cubicBezTo>
                    <a:cubicBezTo>
                      <a:pt x="97" y="215"/>
                      <a:pt x="97" y="215"/>
                      <a:pt x="97" y="215"/>
                    </a:cubicBezTo>
                    <a:moveTo>
                      <a:pt x="0" y="3"/>
                    </a:moveTo>
                    <a:cubicBezTo>
                      <a:pt x="0" y="4"/>
                      <a:pt x="0" y="4"/>
                      <a:pt x="0" y="5"/>
                    </a:cubicBezTo>
                    <a:cubicBezTo>
                      <a:pt x="46" y="212"/>
                      <a:pt x="46" y="212"/>
                      <a:pt x="46" y="212"/>
                    </a:cubicBezTo>
                    <a:cubicBezTo>
                      <a:pt x="46" y="212"/>
                      <a:pt x="46" y="212"/>
                      <a:pt x="46" y="213"/>
                    </a:cubicBezTo>
                    <a:cubicBezTo>
                      <a:pt x="46" y="212"/>
                      <a:pt x="46" y="212"/>
                      <a:pt x="46" y="212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4"/>
                      <a:pt x="0" y="4"/>
                      <a:pt x="0" y="3"/>
                    </a:cubicBezTo>
                    <a:moveTo>
                      <a:pt x="2" y="0"/>
                    </a:move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2" y="0"/>
                    </a:cubicBezTo>
                  </a:path>
                </a:pathLst>
              </a:custGeom>
              <a:solidFill>
                <a:srgbClr val="E5E5E5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8" name="Freeform 38"/>
              <p:cNvSpPr/>
              <p:nvPr/>
            </p:nvSpPr>
            <p:spPr bwMode="auto">
              <a:xfrm>
                <a:off x="2190655" y="2034220"/>
                <a:ext cx="365125" cy="839788"/>
              </a:xfrm>
              <a:custGeom>
                <a:avLst/>
                <a:gdLst>
                  <a:gd name="T0" fmla="*/ 230 w 230"/>
                  <a:gd name="T1" fmla="*/ 0 h 529"/>
                  <a:gd name="T2" fmla="*/ 0 w 230"/>
                  <a:gd name="T3" fmla="*/ 0 h 529"/>
                  <a:gd name="T4" fmla="*/ 118 w 230"/>
                  <a:gd name="T5" fmla="*/ 529 h 529"/>
                  <a:gd name="T6" fmla="*/ 230 w 230"/>
                  <a:gd name="T7" fmla="*/ 529 h 529"/>
                  <a:gd name="T8" fmla="*/ 230 w 230"/>
                  <a:gd name="T9" fmla="*/ 0 h 5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230" h="529">
                    <a:moveTo>
                      <a:pt x="230" y="0"/>
                    </a:moveTo>
                    <a:lnTo>
                      <a:pt x="0" y="0"/>
                    </a:lnTo>
                    <a:lnTo>
                      <a:pt x="118" y="529"/>
                    </a:lnTo>
                    <a:lnTo>
                      <a:pt x="230" y="529"/>
                    </a:lnTo>
                    <a:lnTo>
                      <a:pt x="230" y="0"/>
                    </a:lnTo>
                    <a:close/>
                  </a:path>
                </a:pathLst>
              </a:custGeom>
              <a:solidFill>
                <a:srgbClr val="D0CFD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9" name="Freeform 39"/>
              <p:cNvSpPr/>
              <p:nvPr/>
            </p:nvSpPr>
            <p:spPr bwMode="auto">
              <a:xfrm>
                <a:off x="2190655" y="2034220"/>
                <a:ext cx="365125" cy="839788"/>
              </a:xfrm>
              <a:custGeom>
                <a:avLst/>
                <a:gdLst>
                  <a:gd name="T0" fmla="*/ 230 w 230"/>
                  <a:gd name="T1" fmla="*/ 0 h 529"/>
                  <a:gd name="T2" fmla="*/ 0 w 230"/>
                  <a:gd name="T3" fmla="*/ 0 h 529"/>
                  <a:gd name="T4" fmla="*/ 118 w 230"/>
                  <a:gd name="T5" fmla="*/ 529 h 529"/>
                  <a:gd name="T6" fmla="*/ 230 w 230"/>
                  <a:gd name="T7" fmla="*/ 529 h 529"/>
                  <a:gd name="T8" fmla="*/ 230 w 230"/>
                  <a:gd name="T9" fmla="*/ 0 h 5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230" h="529">
                    <a:moveTo>
                      <a:pt x="230" y="0"/>
                    </a:moveTo>
                    <a:lnTo>
                      <a:pt x="0" y="0"/>
                    </a:lnTo>
                    <a:lnTo>
                      <a:pt x="118" y="529"/>
                    </a:lnTo>
                    <a:lnTo>
                      <a:pt x="230" y="529"/>
                    </a:lnTo>
                    <a:lnTo>
                      <a:pt x="230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30" name="Freeform 40"/>
              <p:cNvSpPr/>
              <p:nvPr/>
            </p:nvSpPr>
            <p:spPr bwMode="auto">
              <a:xfrm>
                <a:off x="2144618" y="1996120"/>
                <a:ext cx="411163" cy="919163"/>
              </a:xfrm>
              <a:custGeom>
                <a:avLst/>
                <a:gdLst>
                  <a:gd name="T0" fmla="*/ 97 w 97"/>
                  <a:gd name="T1" fmla="*/ 0 h 217"/>
                  <a:gd name="T2" fmla="*/ 5 w 97"/>
                  <a:gd name="T3" fmla="*/ 0 h 217"/>
                  <a:gd name="T4" fmla="*/ 2 w 97"/>
                  <a:gd name="T5" fmla="*/ 1 h 217"/>
                  <a:gd name="T6" fmla="*/ 1 w 97"/>
                  <a:gd name="T7" fmla="*/ 2 h 217"/>
                  <a:gd name="T8" fmla="*/ 1 w 97"/>
                  <a:gd name="T9" fmla="*/ 2 h 217"/>
                  <a:gd name="T10" fmla="*/ 0 w 97"/>
                  <a:gd name="T11" fmla="*/ 4 h 217"/>
                  <a:gd name="T12" fmla="*/ 0 w 97"/>
                  <a:gd name="T13" fmla="*/ 6 h 217"/>
                  <a:gd name="T14" fmla="*/ 46 w 97"/>
                  <a:gd name="T15" fmla="*/ 213 h 217"/>
                  <a:gd name="T16" fmla="*/ 46 w 97"/>
                  <a:gd name="T17" fmla="*/ 214 h 217"/>
                  <a:gd name="T18" fmla="*/ 51 w 97"/>
                  <a:gd name="T19" fmla="*/ 217 h 217"/>
                  <a:gd name="T20" fmla="*/ 51 w 97"/>
                  <a:gd name="T21" fmla="*/ 217 h 217"/>
                  <a:gd name="T22" fmla="*/ 70 w 97"/>
                  <a:gd name="T23" fmla="*/ 216 h 217"/>
                  <a:gd name="T24" fmla="*/ 97 w 97"/>
                  <a:gd name="T25" fmla="*/ 216 h 217"/>
                  <a:gd name="T26" fmla="*/ 97 w 97"/>
                  <a:gd name="T27" fmla="*/ 207 h 217"/>
                  <a:gd name="T28" fmla="*/ 55 w 97"/>
                  <a:gd name="T29" fmla="*/ 207 h 217"/>
                  <a:gd name="T30" fmla="*/ 11 w 97"/>
                  <a:gd name="T31" fmla="*/ 9 h 217"/>
                  <a:gd name="T32" fmla="*/ 97 w 97"/>
                  <a:gd name="T33" fmla="*/ 9 h 217"/>
                  <a:gd name="T34" fmla="*/ 97 w 97"/>
                  <a:gd name="T35" fmla="*/ 0 h 2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</a:cxnLst>
                <a:rect l="0" t="0" r="r" b="b"/>
                <a:pathLst>
                  <a:path w="97" h="217">
                    <a:moveTo>
                      <a:pt x="9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4" y="0"/>
                      <a:pt x="2" y="0"/>
                      <a:pt x="2" y="1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1" y="2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6"/>
                    </a:cubicBezTo>
                    <a:cubicBezTo>
                      <a:pt x="46" y="213"/>
                      <a:pt x="46" y="213"/>
                      <a:pt x="46" y="213"/>
                    </a:cubicBezTo>
                    <a:cubicBezTo>
                      <a:pt x="46" y="213"/>
                      <a:pt x="46" y="213"/>
                      <a:pt x="46" y="214"/>
                    </a:cubicBezTo>
                    <a:cubicBezTo>
                      <a:pt x="47" y="215"/>
                      <a:pt x="49" y="217"/>
                      <a:pt x="51" y="217"/>
                    </a:cubicBezTo>
                    <a:cubicBezTo>
                      <a:pt x="51" y="217"/>
                      <a:pt x="51" y="217"/>
                      <a:pt x="51" y="217"/>
                    </a:cubicBezTo>
                    <a:cubicBezTo>
                      <a:pt x="70" y="216"/>
                      <a:pt x="70" y="216"/>
                      <a:pt x="70" y="216"/>
                    </a:cubicBezTo>
                    <a:cubicBezTo>
                      <a:pt x="97" y="216"/>
                      <a:pt x="97" y="216"/>
                      <a:pt x="97" y="216"/>
                    </a:cubicBezTo>
                    <a:cubicBezTo>
                      <a:pt x="97" y="207"/>
                      <a:pt x="97" y="207"/>
                      <a:pt x="97" y="207"/>
                    </a:cubicBezTo>
                    <a:cubicBezTo>
                      <a:pt x="55" y="207"/>
                      <a:pt x="55" y="207"/>
                      <a:pt x="55" y="207"/>
                    </a:cubicBezTo>
                    <a:cubicBezTo>
                      <a:pt x="11" y="9"/>
                      <a:pt x="11" y="9"/>
                      <a:pt x="11" y="9"/>
                    </a:cubicBezTo>
                    <a:cubicBezTo>
                      <a:pt x="97" y="9"/>
                      <a:pt x="97" y="9"/>
                      <a:pt x="97" y="9"/>
                    </a:cubicBezTo>
                    <a:cubicBezTo>
                      <a:pt x="97" y="0"/>
                      <a:pt x="97" y="0"/>
                      <a:pt x="97" y="0"/>
                    </a:cubicBezTo>
                  </a:path>
                </a:pathLst>
              </a:custGeom>
              <a:solidFill>
                <a:srgbClr val="D0CFD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150" name="文本框 149"/>
          <p:cNvSpPr txBox="1"/>
          <p:nvPr/>
        </p:nvSpPr>
        <p:spPr>
          <a:xfrm>
            <a:off x="2196335" y="4401580"/>
            <a:ext cx="8213758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60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扁平教育教学培训总结</a:t>
            </a:r>
          </a:p>
        </p:txBody>
      </p:sp>
      <p:cxnSp>
        <p:nvCxnSpPr>
          <p:cNvPr id="151" name="直接连接符 150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6096983" y="1718776"/>
            <a:ext cx="0" cy="774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文本框 151"/>
          <p:cNvSpPr txBox="1"/>
          <p:nvPr/>
        </p:nvSpPr>
        <p:spPr>
          <a:xfrm>
            <a:off x="4105511" y="5701588"/>
            <a:ext cx="379142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2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适用于教师公开课培训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 advClick="0" advTm="0">
        <p15:prstTrans prst="drap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37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900" decel="100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500"/>
                            </p:stCondLst>
                            <p:childTnLst>
                              <p:par>
                                <p:cTn id="16" presetID="3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800" decel="100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750" fill="hold"/>
                                        <p:tgtEl>
                                          <p:spTgt spid="1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750" fill="hold"/>
                                        <p:tgtEl>
                                          <p:spTgt spid="1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3500"/>
                            </p:stCondLst>
                            <p:childTnLst>
                              <p:par>
                                <p:cTn id="30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3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4000"/>
                            </p:stCondLst>
                            <p:childTnLst>
                              <p:par>
                                <p:cTn id="34" presetID="2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000"/>
                            </p:stCondLst>
                            <p:childTnLst>
                              <p:par>
                                <p:cTn id="4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500"/>
                            </p:stCondLst>
                            <p:childTnLst>
                              <p:par>
                                <p:cTn id="49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51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52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53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5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6650"/>
                            </p:stCondLst>
                            <p:childTnLst>
                              <p:par>
                                <p:cTn id="56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58" dur="500"/>
                                        <p:tgtEl>
                                          <p:spTgt spid="1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7150"/>
                            </p:stCondLst>
                            <p:childTnLst>
                              <p:par>
                                <p:cTn id="60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10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3" dur="1000" fill="hold"/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900" decel="100000" fill="hold"/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2" grpId="0" animBg="1"/>
      <p:bldP spid="150" grpId="0"/>
      <p:bldP spid="152" grpId="0"/>
    </p:bld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88" name="矩形 87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9" name="矩形 88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90" name="矩形 89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91" name="矩形 90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组合 85"/>
          <p:cNvGrpSpPr/>
          <p:nvPr/>
        </p:nvGrpSpPr>
        <p:grpSpPr>
          <a:xfrm>
            <a:off x="3575874" y="2022956"/>
            <a:ext cx="5043690" cy="4835044"/>
            <a:chOff x="3575874" y="2022956"/>
            <a:chExt cx="5043690" cy="4835044"/>
          </a:xfrm>
        </p:grpSpPr>
        <p:grpSp>
          <p:nvGrpSpPr>
            <p:cNvPr id="87" name="组合 86"/>
            <p:cNvGrpSpPr/>
            <p:nvPr/>
          </p:nvGrpSpPr>
          <p:grpSpPr>
            <a:xfrm>
              <a:off x="3575874" y="2022956"/>
              <a:ext cx="5043690" cy="4835044"/>
              <a:chOff x="819226" y="1310805"/>
              <a:chExt cx="5393315" cy="5170206"/>
            </a:xfrm>
          </p:grpSpPr>
          <p:sp>
            <p:nvSpPr>
              <p:cNvPr id="96" name="任意多边形 95"/>
              <p:cNvSpPr/>
              <p:nvPr/>
            </p:nvSpPr>
            <p:spPr>
              <a:xfrm>
                <a:off x="1242204" y="1310805"/>
                <a:ext cx="2639683" cy="1492779"/>
              </a:xfrm>
              <a:custGeom>
                <a:avLst/>
                <a:gdLst>
                  <a:gd name="connsiteX0" fmla="*/ 2182483 w 2639683"/>
                  <a:gd name="connsiteY0" fmla="*/ 1440611 h 1449238"/>
                  <a:gd name="connsiteX1" fmla="*/ 0 w 2639683"/>
                  <a:gd name="connsiteY1" fmla="*/ 1440611 h 1449238"/>
                  <a:gd name="connsiteX2" fmla="*/ 750498 w 2639683"/>
                  <a:gd name="connsiteY2" fmla="*/ 207034 h 1449238"/>
                  <a:gd name="connsiteX3" fmla="*/ 940279 w 2639683"/>
                  <a:gd name="connsiteY3" fmla="*/ 293298 h 1449238"/>
                  <a:gd name="connsiteX4" fmla="*/ 1043796 w 2639683"/>
                  <a:gd name="connsiteY4" fmla="*/ 526211 h 1449238"/>
                  <a:gd name="connsiteX5" fmla="*/ 992038 w 2639683"/>
                  <a:gd name="connsiteY5" fmla="*/ 258793 h 1449238"/>
                  <a:gd name="connsiteX6" fmla="*/ 1570007 w 2639683"/>
                  <a:gd name="connsiteY6" fmla="*/ 0 h 1449238"/>
                  <a:gd name="connsiteX7" fmla="*/ 2639683 w 2639683"/>
                  <a:gd name="connsiteY7" fmla="*/ 1449238 h 1449238"/>
                  <a:gd name="connsiteX8" fmla="*/ 2441275 w 2639683"/>
                  <a:gd name="connsiteY8" fmla="*/ 1449238 h 1449238"/>
                  <a:gd name="connsiteX9" fmla="*/ 1457864 w 2639683"/>
                  <a:gd name="connsiteY9" fmla="*/ 138023 h 1449238"/>
                  <a:gd name="connsiteX10" fmla="*/ 1190445 w 2639683"/>
                  <a:gd name="connsiteY10" fmla="*/ 276045 h 1449238"/>
                  <a:gd name="connsiteX11" fmla="*/ 1207698 w 2639683"/>
                  <a:gd name="connsiteY11" fmla="*/ 672861 h 1449238"/>
                  <a:gd name="connsiteX12" fmla="*/ 2182483 w 2639683"/>
                  <a:gd name="connsiteY12" fmla="*/ 1440611 h 1449238"/>
                  <a:gd name="connsiteX0-1" fmla="*/ 2182483 w 2639683"/>
                  <a:gd name="connsiteY0-2" fmla="*/ 1440611 h 1449238"/>
                  <a:gd name="connsiteX1-3" fmla="*/ 0 w 2639683"/>
                  <a:gd name="connsiteY1-4" fmla="*/ 1440611 h 1449238"/>
                  <a:gd name="connsiteX2-5" fmla="*/ 750498 w 2639683"/>
                  <a:gd name="connsiteY2-6" fmla="*/ 207034 h 1449238"/>
                  <a:gd name="connsiteX3-7" fmla="*/ 940279 w 2639683"/>
                  <a:gd name="connsiteY3-8" fmla="*/ 293298 h 1449238"/>
                  <a:gd name="connsiteX4-9" fmla="*/ 1043796 w 2639683"/>
                  <a:gd name="connsiteY4-10" fmla="*/ 526211 h 1449238"/>
                  <a:gd name="connsiteX5-11" fmla="*/ 992038 w 2639683"/>
                  <a:gd name="connsiteY5-12" fmla="*/ 258793 h 1449238"/>
                  <a:gd name="connsiteX6-13" fmla="*/ 1570007 w 2639683"/>
                  <a:gd name="connsiteY6-14" fmla="*/ 0 h 1449238"/>
                  <a:gd name="connsiteX7-15" fmla="*/ 2639683 w 2639683"/>
                  <a:gd name="connsiteY7-16" fmla="*/ 1449238 h 1449238"/>
                  <a:gd name="connsiteX8-17" fmla="*/ 2441275 w 2639683"/>
                  <a:gd name="connsiteY8-18" fmla="*/ 1449238 h 1449238"/>
                  <a:gd name="connsiteX9-19" fmla="*/ 1457864 w 2639683"/>
                  <a:gd name="connsiteY9-20" fmla="*/ 138023 h 1449238"/>
                  <a:gd name="connsiteX10-21" fmla="*/ 1190445 w 2639683"/>
                  <a:gd name="connsiteY10-22" fmla="*/ 276045 h 1449238"/>
                  <a:gd name="connsiteX11-23" fmla="*/ 1207698 w 2639683"/>
                  <a:gd name="connsiteY11-24" fmla="*/ 672861 h 1449238"/>
                  <a:gd name="connsiteX12-25" fmla="*/ 2182483 w 2639683"/>
                  <a:gd name="connsiteY12-26" fmla="*/ 1440611 h 1449238"/>
                  <a:gd name="connsiteX0-27" fmla="*/ 2182483 w 2639683"/>
                  <a:gd name="connsiteY0-28" fmla="*/ 1440611 h 1449238"/>
                  <a:gd name="connsiteX1-29" fmla="*/ 0 w 2639683"/>
                  <a:gd name="connsiteY1-30" fmla="*/ 1440611 h 1449238"/>
                  <a:gd name="connsiteX2-31" fmla="*/ 750498 w 2639683"/>
                  <a:gd name="connsiteY2-32" fmla="*/ 207034 h 1449238"/>
                  <a:gd name="connsiteX3-33" fmla="*/ 940279 w 2639683"/>
                  <a:gd name="connsiteY3-34" fmla="*/ 293298 h 1449238"/>
                  <a:gd name="connsiteX4-35" fmla="*/ 1043796 w 2639683"/>
                  <a:gd name="connsiteY4-36" fmla="*/ 526211 h 1449238"/>
                  <a:gd name="connsiteX5-37" fmla="*/ 992038 w 2639683"/>
                  <a:gd name="connsiteY5-38" fmla="*/ 258793 h 1449238"/>
                  <a:gd name="connsiteX6-39" fmla="*/ 1570007 w 2639683"/>
                  <a:gd name="connsiteY6-40" fmla="*/ 0 h 1449238"/>
                  <a:gd name="connsiteX7-41" fmla="*/ 2639683 w 2639683"/>
                  <a:gd name="connsiteY7-42" fmla="*/ 1449238 h 1449238"/>
                  <a:gd name="connsiteX8-43" fmla="*/ 2441275 w 2639683"/>
                  <a:gd name="connsiteY8-44" fmla="*/ 1449238 h 1449238"/>
                  <a:gd name="connsiteX9-45" fmla="*/ 1457864 w 2639683"/>
                  <a:gd name="connsiteY9-46" fmla="*/ 138023 h 1449238"/>
                  <a:gd name="connsiteX10-47" fmla="*/ 1190445 w 2639683"/>
                  <a:gd name="connsiteY10-48" fmla="*/ 276045 h 1449238"/>
                  <a:gd name="connsiteX11-49" fmla="*/ 1207698 w 2639683"/>
                  <a:gd name="connsiteY11-50" fmla="*/ 672861 h 1449238"/>
                  <a:gd name="connsiteX12-51" fmla="*/ 2182483 w 2639683"/>
                  <a:gd name="connsiteY12-52" fmla="*/ 1440611 h 1449238"/>
                  <a:gd name="connsiteX0-53" fmla="*/ 2182483 w 2639683"/>
                  <a:gd name="connsiteY0-54" fmla="*/ 1440611 h 1449238"/>
                  <a:gd name="connsiteX1-55" fmla="*/ 0 w 2639683"/>
                  <a:gd name="connsiteY1-56" fmla="*/ 1440611 h 1449238"/>
                  <a:gd name="connsiteX2-57" fmla="*/ 750498 w 2639683"/>
                  <a:gd name="connsiteY2-58" fmla="*/ 207034 h 1449238"/>
                  <a:gd name="connsiteX3-59" fmla="*/ 940279 w 2639683"/>
                  <a:gd name="connsiteY3-60" fmla="*/ 293298 h 1449238"/>
                  <a:gd name="connsiteX4-61" fmla="*/ 1043796 w 2639683"/>
                  <a:gd name="connsiteY4-62" fmla="*/ 526211 h 1449238"/>
                  <a:gd name="connsiteX5-63" fmla="*/ 992038 w 2639683"/>
                  <a:gd name="connsiteY5-64" fmla="*/ 258793 h 1449238"/>
                  <a:gd name="connsiteX6-65" fmla="*/ 1570007 w 2639683"/>
                  <a:gd name="connsiteY6-66" fmla="*/ 0 h 1449238"/>
                  <a:gd name="connsiteX7-67" fmla="*/ 2639683 w 2639683"/>
                  <a:gd name="connsiteY7-68" fmla="*/ 1449238 h 1449238"/>
                  <a:gd name="connsiteX8-69" fmla="*/ 2441275 w 2639683"/>
                  <a:gd name="connsiteY8-70" fmla="*/ 1449238 h 1449238"/>
                  <a:gd name="connsiteX9-71" fmla="*/ 1457864 w 2639683"/>
                  <a:gd name="connsiteY9-72" fmla="*/ 138023 h 1449238"/>
                  <a:gd name="connsiteX10-73" fmla="*/ 1190445 w 2639683"/>
                  <a:gd name="connsiteY10-74" fmla="*/ 276045 h 1449238"/>
                  <a:gd name="connsiteX11-75" fmla="*/ 1207698 w 2639683"/>
                  <a:gd name="connsiteY11-76" fmla="*/ 672861 h 1449238"/>
                  <a:gd name="connsiteX12-77" fmla="*/ 2182483 w 2639683"/>
                  <a:gd name="connsiteY12-78" fmla="*/ 1440611 h 1449238"/>
                  <a:gd name="connsiteX0-79" fmla="*/ 2182483 w 2639683"/>
                  <a:gd name="connsiteY0-80" fmla="*/ 1440611 h 1449238"/>
                  <a:gd name="connsiteX1-81" fmla="*/ 0 w 2639683"/>
                  <a:gd name="connsiteY1-82" fmla="*/ 1440611 h 1449238"/>
                  <a:gd name="connsiteX2-83" fmla="*/ 750498 w 2639683"/>
                  <a:gd name="connsiteY2-84" fmla="*/ 207034 h 1449238"/>
                  <a:gd name="connsiteX3-85" fmla="*/ 940279 w 2639683"/>
                  <a:gd name="connsiteY3-86" fmla="*/ 293298 h 1449238"/>
                  <a:gd name="connsiteX4-87" fmla="*/ 1043796 w 2639683"/>
                  <a:gd name="connsiteY4-88" fmla="*/ 526211 h 1449238"/>
                  <a:gd name="connsiteX5-89" fmla="*/ 992038 w 2639683"/>
                  <a:gd name="connsiteY5-90" fmla="*/ 258793 h 1449238"/>
                  <a:gd name="connsiteX6-91" fmla="*/ 1570007 w 2639683"/>
                  <a:gd name="connsiteY6-92" fmla="*/ 0 h 1449238"/>
                  <a:gd name="connsiteX7-93" fmla="*/ 2639683 w 2639683"/>
                  <a:gd name="connsiteY7-94" fmla="*/ 1449238 h 1449238"/>
                  <a:gd name="connsiteX8-95" fmla="*/ 2441275 w 2639683"/>
                  <a:gd name="connsiteY8-96" fmla="*/ 1449238 h 1449238"/>
                  <a:gd name="connsiteX9-97" fmla="*/ 1457864 w 2639683"/>
                  <a:gd name="connsiteY9-98" fmla="*/ 138023 h 1449238"/>
                  <a:gd name="connsiteX10-99" fmla="*/ 1190445 w 2639683"/>
                  <a:gd name="connsiteY10-100" fmla="*/ 276045 h 1449238"/>
                  <a:gd name="connsiteX11-101" fmla="*/ 1207698 w 2639683"/>
                  <a:gd name="connsiteY11-102" fmla="*/ 672861 h 1449238"/>
                  <a:gd name="connsiteX12-103" fmla="*/ 2182483 w 2639683"/>
                  <a:gd name="connsiteY12-104" fmla="*/ 1440611 h 1449238"/>
                  <a:gd name="connsiteX0-105" fmla="*/ 2182483 w 2639683"/>
                  <a:gd name="connsiteY0-106" fmla="*/ 1440611 h 1449238"/>
                  <a:gd name="connsiteX1-107" fmla="*/ 0 w 2639683"/>
                  <a:gd name="connsiteY1-108" fmla="*/ 1440611 h 1449238"/>
                  <a:gd name="connsiteX2-109" fmla="*/ 750498 w 2639683"/>
                  <a:gd name="connsiteY2-110" fmla="*/ 207034 h 1449238"/>
                  <a:gd name="connsiteX3-111" fmla="*/ 940279 w 2639683"/>
                  <a:gd name="connsiteY3-112" fmla="*/ 293298 h 1449238"/>
                  <a:gd name="connsiteX4-113" fmla="*/ 1043796 w 2639683"/>
                  <a:gd name="connsiteY4-114" fmla="*/ 526211 h 1449238"/>
                  <a:gd name="connsiteX5-115" fmla="*/ 992038 w 2639683"/>
                  <a:gd name="connsiteY5-116" fmla="*/ 258793 h 1449238"/>
                  <a:gd name="connsiteX6-117" fmla="*/ 1570007 w 2639683"/>
                  <a:gd name="connsiteY6-118" fmla="*/ 0 h 1449238"/>
                  <a:gd name="connsiteX7-119" fmla="*/ 2639683 w 2639683"/>
                  <a:gd name="connsiteY7-120" fmla="*/ 1449238 h 1449238"/>
                  <a:gd name="connsiteX8-121" fmla="*/ 2441275 w 2639683"/>
                  <a:gd name="connsiteY8-122" fmla="*/ 1449238 h 1449238"/>
                  <a:gd name="connsiteX9-123" fmla="*/ 1457864 w 2639683"/>
                  <a:gd name="connsiteY9-124" fmla="*/ 138023 h 1449238"/>
                  <a:gd name="connsiteX10-125" fmla="*/ 1190445 w 2639683"/>
                  <a:gd name="connsiteY10-126" fmla="*/ 276045 h 1449238"/>
                  <a:gd name="connsiteX11-127" fmla="*/ 1207698 w 2639683"/>
                  <a:gd name="connsiteY11-128" fmla="*/ 672861 h 1449238"/>
                  <a:gd name="connsiteX12-129" fmla="*/ 2182483 w 2639683"/>
                  <a:gd name="connsiteY12-130" fmla="*/ 1440611 h 1449238"/>
                  <a:gd name="connsiteX0-131" fmla="*/ 2182483 w 2639683"/>
                  <a:gd name="connsiteY0-132" fmla="*/ 1440611 h 1449238"/>
                  <a:gd name="connsiteX1-133" fmla="*/ 0 w 2639683"/>
                  <a:gd name="connsiteY1-134" fmla="*/ 1440611 h 1449238"/>
                  <a:gd name="connsiteX2-135" fmla="*/ 750498 w 2639683"/>
                  <a:gd name="connsiteY2-136" fmla="*/ 207034 h 1449238"/>
                  <a:gd name="connsiteX3-137" fmla="*/ 940279 w 2639683"/>
                  <a:gd name="connsiteY3-138" fmla="*/ 293298 h 1449238"/>
                  <a:gd name="connsiteX4-139" fmla="*/ 1043796 w 2639683"/>
                  <a:gd name="connsiteY4-140" fmla="*/ 526211 h 1449238"/>
                  <a:gd name="connsiteX5-141" fmla="*/ 992038 w 2639683"/>
                  <a:gd name="connsiteY5-142" fmla="*/ 258793 h 1449238"/>
                  <a:gd name="connsiteX6-143" fmla="*/ 1570007 w 2639683"/>
                  <a:gd name="connsiteY6-144" fmla="*/ 0 h 1449238"/>
                  <a:gd name="connsiteX7-145" fmla="*/ 2639683 w 2639683"/>
                  <a:gd name="connsiteY7-146" fmla="*/ 1449238 h 1449238"/>
                  <a:gd name="connsiteX8-147" fmla="*/ 2441275 w 2639683"/>
                  <a:gd name="connsiteY8-148" fmla="*/ 1449238 h 1449238"/>
                  <a:gd name="connsiteX9-149" fmla="*/ 1457864 w 2639683"/>
                  <a:gd name="connsiteY9-150" fmla="*/ 138023 h 1449238"/>
                  <a:gd name="connsiteX10-151" fmla="*/ 1190445 w 2639683"/>
                  <a:gd name="connsiteY10-152" fmla="*/ 276045 h 1449238"/>
                  <a:gd name="connsiteX11-153" fmla="*/ 1207698 w 2639683"/>
                  <a:gd name="connsiteY11-154" fmla="*/ 672861 h 1449238"/>
                  <a:gd name="connsiteX12-155" fmla="*/ 2182483 w 2639683"/>
                  <a:gd name="connsiteY12-156" fmla="*/ 1440611 h 1449238"/>
                  <a:gd name="connsiteX0-157" fmla="*/ 2182483 w 2639683"/>
                  <a:gd name="connsiteY0-158" fmla="*/ 1440611 h 1449238"/>
                  <a:gd name="connsiteX1-159" fmla="*/ 0 w 2639683"/>
                  <a:gd name="connsiteY1-160" fmla="*/ 1440611 h 1449238"/>
                  <a:gd name="connsiteX2-161" fmla="*/ 750498 w 2639683"/>
                  <a:gd name="connsiteY2-162" fmla="*/ 207034 h 1449238"/>
                  <a:gd name="connsiteX3-163" fmla="*/ 940279 w 2639683"/>
                  <a:gd name="connsiteY3-164" fmla="*/ 293298 h 1449238"/>
                  <a:gd name="connsiteX4-165" fmla="*/ 1043796 w 2639683"/>
                  <a:gd name="connsiteY4-166" fmla="*/ 526211 h 1449238"/>
                  <a:gd name="connsiteX5-167" fmla="*/ 992038 w 2639683"/>
                  <a:gd name="connsiteY5-168" fmla="*/ 258793 h 1449238"/>
                  <a:gd name="connsiteX6-169" fmla="*/ 1570007 w 2639683"/>
                  <a:gd name="connsiteY6-170" fmla="*/ 0 h 1449238"/>
                  <a:gd name="connsiteX7-171" fmla="*/ 2639683 w 2639683"/>
                  <a:gd name="connsiteY7-172" fmla="*/ 1449238 h 1449238"/>
                  <a:gd name="connsiteX8-173" fmla="*/ 2441275 w 2639683"/>
                  <a:gd name="connsiteY8-174" fmla="*/ 1449238 h 1449238"/>
                  <a:gd name="connsiteX9-175" fmla="*/ 1457864 w 2639683"/>
                  <a:gd name="connsiteY9-176" fmla="*/ 138023 h 1449238"/>
                  <a:gd name="connsiteX10-177" fmla="*/ 1190445 w 2639683"/>
                  <a:gd name="connsiteY10-178" fmla="*/ 276045 h 1449238"/>
                  <a:gd name="connsiteX11-179" fmla="*/ 1207698 w 2639683"/>
                  <a:gd name="connsiteY11-180" fmla="*/ 672861 h 1449238"/>
                  <a:gd name="connsiteX12-181" fmla="*/ 2182483 w 2639683"/>
                  <a:gd name="connsiteY12-182" fmla="*/ 1440611 h 1449238"/>
                  <a:gd name="connsiteX0-183" fmla="*/ 2182483 w 2639683"/>
                  <a:gd name="connsiteY0-184" fmla="*/ 1484152 h 1492779"/>
                  <a:gd name="connsiteX1-185" fmla="*/ 0 w 2639683"/>
                  <a:gd name="connsiteY1-186" fmla="*/ 1484152 h 1492779"/>
                  <a:gd name="connsiteX2-187" fmla="*/ 750498 w 2639683"/>
                  <a:gd name="connsiteY2-188" fmla="*/ 250575 h 1492779"/>
                  <a:gd name="connsiteX3-189" fmla="*/ 940279 w 2639683"/>
                  <a:gd name="connsiteY3-190" fmla="*/ 336839 h 1492779"/>
                  <a:gd name="connsiteX4-191" fmla="*/ 1043796 w 2639683"/>
                  <a:gd name="connsiteY4-192" fmla="*/ 569752 h 1492779"/>
                  <a:gd name="connsiteX5-193" fmla="*/ 992038 w 2639683"/>
                  <a:gd name="connsiteY5-194" fmla="*/ 302334 h 1492779"/>
                  <a:gd name="connsiteX6-195" fmla="*/ 1570007 w 2639683"/>
                  <a:gd name="connsiteY6-196" fmla="*/ 43541 h 1492779"/>
                  <a:gd name="connsiteX7-197" fmla="*/ 2639683 w 2639683"/>
                  <a:gd name="connsiteY7-198" fmla="*/ 1492779 h 1492779"/>
                  <a:gd name="connsiteX8-199" fmla="*/ 2441275 w 2639683"/>
                  <a:gd name="connsiteY8-200" fmla="*/ 1492779 h 1492779"/>
                  <a:gd name="connsiteX9-201" fmla="*/ 1457864 w 2639683"/>
                  <a:gd name="connsiteY9-202" fmla="*/ 181564 h 1492779"/>
                  <a:gd name="connsiteX10-203" fmla="*/ 1190445 w 2639683"/>
                  <a:gd name="connsiteY10-204" fmla="*/ 319586 h 1492779"/>
                  <a:gd name="connsiteX11-205" fmla="*/ 1207698 w 2639683"/>
                  <a:gd name="connsiteY11-206" fmla="*/ 716402 h 1492779"/>
                  <a:gd name="connsiteX12-207" fmla="*/ 2182483 w 2639683"/>
                  <a:gd name="connsiteY12-208" fmla="*/ 1484152 h 1492779"/>
                  <a:gd name="connsiteX0-209" fmla="*/ 2182483 w 2639683"/>
                  <a:gd name="connsiteY0-210" fmla="*/ 1484152 h 1492779"/>
                  <a:gd name="connsiteX1-211" fmla="*/ 0 w 2639683"/>
                  <a:gd name="connsiteY1-212" fmla="*/ 1484152 h 1492779"/>
                  <a:gd name="connsiteX2-213" fmla="*/ 750498 w 2639683"/>
                  <a:gd name="connsiteY2-214" fmla="*/ 250575 h 1492779"/>
                  <a:gd name="connsiteX3-215" fmla="*/ 940279 w 2639683"/>
                  <a:gd name="connsiteY3-216" fmla="*/ 336839 h 1492779"/>
                  <a:gd name="connsiteX4-217" fmla="*/ 1043796 w 2639683"/>
                  <a:gd name="connsiteY4-218" fmla="*/ 569752 h 1492779"/>
                  <a:gd name="connsiteX5-219" fmla="*/ 992038 w 2639683"/>
                  <a:gd name="connsiteY5-220" fmla="*/ 302334 h 1492779"/>
                  <a:gd name="connsiteX6-221" fmla="*/ 1570007 w 2639683"/>
                  <a:gd name="connsiteY6-222" fmla="*/ 43541 h 1492779"/>
                  <a:gd name="connsiteX7-223" fmla="*/ 2639683 w 2639683"/>
                  <a:gd name="connsiteY7-224" fmla="*/ 1492779 h 1492779"/>
                  <a:gd name="connsiteX8-225" fmla="*/ 2441275 w 2639683"/>
                  <a:gd name="connsiteY8-226" fmla="*/ 1492779 h 1492779"/>
                  <a:gd name="connsiteX9-227" fmla="*/ 1457864 w 2639683"/>
                  <a:gd name="connsiteY9-228" fmla="*/ 181564 h 1492779"/>
                  <a:gd name="connsiteX10-229" fmla="*/ 1190445 w 2639683"/>
                  <a:gd name="connsiteY10-230" fmla="*/ 319586 h 1492779"/>
                  <a:gd name="connsiteX11-231" fmla="*/ 1207698 w 2639683"/>
                  <a:gd name="connsiteY11-232" fmla="*/ 716402 h 1492779"/>
                  <a:gd name="connsiteX12-233" fmla="*/ 2182483 w 2639683"/>
                  <a:gd name="connsiteY12-234" fmla="*/ 1484152 h 1492779"/>
                  <a:gd name="connsiteX0-235" fmla="*/ 2182483 w 2639683"/>
                  <a:gd name="connsiteY0-236" fmla="*/ 1484152 h 1492779"/>
                  <a:gd name="connsiteX1-237" fmla="*/ 0 w 2639683"/>
                  <a:gd name="connsiteY1-238" fmla="*/ 1484152 h 1492779"/>
                  <a:gd name="connsiteX2-239" fmla="*/ 750498 w 2639683"/>
                  <a:gd name="connsiteY2-240" fmla="*/ 250575 h 1492779"/>
                  <a:gd name="connsiteX3-241" fmla="*/ 940279 w 2639683"/>
                  <a:gd name="connsiteY3-242" fmla="*/ 336839 h 1492779"/>
                  <a:gd name="connsiteX4-243" fmla="*/ 1043796 w 2639683"/>
                  <a:gd name="connsiteY4-244" fmla="*/ 569752 h 1492779"/>
                  <a:gd name="connsiteX5-245" fmla="*/ 992038 w 2639683"/>
                  <a:gd name="connsiteY5-246" fmla="*/ 302334 h 1492779"/>
                  <a:gd name="connsiteX6-247" fmla="*/ 1570007 w 2639683"/>
                  <a:gd name="connsiteY6-248" fmla="*/ 43541 h 1492779"/>
                  <a:gd name="connsiteX7-249" fmla="*/ 2639683 w 2639683"/>
                  <a:gd name="connsiteY7-250" fmla="*/ 1492779 h 1492779"/>
                  <a:gd name="connsiteX8-251" fmla="*/ 2441275 w 2639683"/>
                  <a:gd name="connsiteY8-252" fmla="*/ 1492779 h 1492779"/>
                  <a:gd name="connsiteX9-253" fmla="*/ 1457864 w 2639683"/>
                  <a:gd name="connsiteY9-254" fmla="*/ 181564 h 1492779"/>
                  <a:gd name="connsiteX10-255" fmla="*/ 1190445 w 2639683"/>
                  <a:gd name="connsiteY10-256" fmla="*/ 319586 h 1492779"/>
                  <a:gd name="connsiteX11-257" fmla="*/ 1207698 w 2639683"/>
                  <a:gd name="connsiteY11-258" fmla="*/ 716402 h 1492779"/>
                  <a:gd name="connsiteX12-259" fmla="*/ 2182483 w 2639683"/>
                  <a:gd name="connsiteY12-260" fmla="*/ 1484152 h 1492779"/>
                  <a:gd name="connsiteX0-261" fmla="*/ 2182483 w 2639683"/>
                  <a:gd name="connsiteY0-262" fmla="*/ 1484152 h 1492779"/>
                  <a:gd name="connsiteX1-263" fmla="*/ 0 w 2639683"/>
                  <a:gd name="connsiteY1-264" fmla="*/ 1484152 h 1492779"/>
                  <a:gd name="connsiteX2-265" fmla="*/ 750498 w 2639683"/>
                  <a:gd name="connsiteY2-266" fmla="*/ 250575 h 1492779"/>
                  <a:gd name="connsiteX3-267" fmla="*/ 940279 w 2639683"/>
                  <a:gd name="connsiteY3-268" fmla="*/ 336839 h 1492779"/>
                  <a:gd name="connsiteX4-269" fmla="*/ 1043796 w 2639683"/>
                  <a:gd name="connsiteY4-270" fmla="*/ 569752 h 1492779"/>
                  <a:gd name="connsiteX5-271" fmla="*/ 992038 w 2639683"/>
                  <a:gd name="connsiteY5-272" fmla="*/ 302334 h 1492779"/>
                  <a:gd name="connsiteX6-273" fmla="*/ 1570007 w 2639683"/>
                  <a:gd name="connsiteY6-274" fmla="*/ 43541 h 1492779"/>
                  <a:gd name="connsiteX7-275" fmla="*/ 2639683 w 2639683"/>
                  <a:gd name="connsiteY7-276" fmla="*/ 1492779 h 1492779"/>
                  <a:gd name="connsiteX8-277" fmla="*/ 2441275 w 2639683"/>
                  <a:gd name="connsiteY8-278" fmla="*/ 1492779 h 1492779"/>
                  <a:gd name="connsiteX9-279" fmla="*/ 1457864 w 2639683"/>
                  <a:gd name="connsiteY9-280" fmla="*/ 181564 h 1492779"/>
                  <a:gd name="connsiteX10-281" fmla="*/ 1190445 w 2639683"/>
                  <a:gd name="connsiteY10-282" fmla="*/ 319586 h 1492779"/>
                  <a:gd name="connsiteX11-283" fmla="*/ 1207698 w 2639683"/>
                  <a:gd name="connsiteY11-284" fmla="*/ 716402 h 1492779"/>
                  <a:gd name="connsiteX12-285" fmla="*/ 2182483 w 2639683"/>
                  <a:gd name="connsiteY12-286" fmla="*/ 1484152 h 1492779"/>
                  <a:gd name="connsiteX0-287" fmla="*/ 2182483 w 2639683"/>
                  <a:gd name="connsiteY0-288" fmla="*/ 1484152 h 1492779"/>
                  <a:gd name="connsiteX1-289" fmla="*/ 0 w 2639683"/>
                  <a:gd name="connsiteY1-290" fmla="*/ 1484152 h 1492779"/>
                  <a:gd name="connsiteX2-291" fmla="*/ 750498 w 2639683"/>
                  <a:gd name="connsiteY2-292" fmla="*/ 250575 h 1492779"/>
                  <a:gd name="connsiteX3-293" fmla="*/ 940279 w 2639683"/>
                  <a:gd name="connsiteY3-294" fmla="*/ 336839 h 1492779"/>
                  <a:gd name="connsiteX4-295" fmla="*/ 1043796 w 2639683"/>
                  <a:gd name="connsiteY4-296" fmla="*/ 569752 h 1492779"/>
                  <a:gd name="connsiteX5-297" fmla="*/ 992038 w 2639683"/>
                  <a:gd name="connsiteY5-298" fmla="*/ 302334 h 1492779"/>
                  <a:gd name="connsiteX6-299" fmla="*/ 1570007 w 2639683"/>
                  <a:gd name="connsiteY6-300" fmla="*/ 43541 h 1492779"/>
                  <a:gd name="connsiteX7-301" fmla="*/ 2639683 w 2639683"/>
                  <a:gd name="connsiteY7-302" fmla="*/ 1492779 h 1492779"/>
                  <a:gd name="connsiteX8-303" fmla="*/ 2441275 w 2639683"/>
                  <a:gd name="connsiteY8-304" fmla="*/ 1492779 h 1492779"/>
                  <a:gd name="connsiteX9-305" fmla="*/ 1457864 w 2639683"/>
                  <a:gd name="connsiteY9-306" fmla="*/ 181564 h 1492779"/>
                  <a:gd name="connsiteX10-307" fmla="*/ 1190445 w 2639683"/>
                  <a:gd name="connsiteY10-308" fmla="*/ 319586 h 1492779"/>
                  <a:gd name="connsiteX11-309" fmla="*/ 1207698 w 2639683"/>
                  <a:gd name="connsiteY11-310" fmla="*/ 716402 h 1492779"/>
                  <a:gd name="connsiteX12-311" fmla="*/ 2182483 w 2639683"/>
                  <a:gd name="connsiteY12-312" fmla="*/ 1484152 h 1492779"/>
                  <a:gd name="connsiteX0-313" fmla="*/ 2182483 w 2639683"/>
                  <a:gd name="connsiteY0-314" fmla="*/ 1484152 h 1492779"/>
                  <a:gd name="connsiteX1-315" fmla="*/ 0 w 2639683"/>
                  <a:gd name="connsiteY1-316" fmla="*/ 1484152 h 1492779"/>
                  <a:gd name="connsiteX2-317" fmla="*/ 750498 w 2639683"/>
                  <a:gd name="connsiteY2-318" fmla="*/ 250575 h 1492779"/>
                  <a:gd name="connsiteX3-319" fmla="*/ 940279 w 2639683"/>
                  <a:gd name="connsiteY3-320" fmla="*/ 336839 h 1492779"/>
                  <a:gd name="connsiteX4-321" fmla="*/ 1043796 w 2639683"/>
                  <a:gd name="connsiteY4-322" fmla="*/ 569752 h 1492779"/>
                  <a:gd name="connsiteX5-323" fmla="*/ 992038 w 2639683"/>
                  <a:gd name="connsiteY5-324" fmla="*/ 302334 h 1492779"/>
                  <a:gd name="connsiteX6-325" fmla="*/ 1570007 w 2639683"/>
                  <a:gd name="connsiteY6-326" fmla="*/ 43541 h 1492779"/>
                  <a:gd name="connsiteX7-327" fmla="*/ 2639683 w 2639683"/>
                  <a:gd name="connsiteY7-328" fmla="*/ 1492779 h 1492779"/>
                  <a:gd name="connsiteX8-329" fmla="*/ 2441275 w 2639683"/>
                  <a:gd name="connsiteY8-330" fmla="*/ 1492779 h 1492779"/>
                  <a:gd name="connsiteX9-331" fmla="*/ 1457864 w 2639683"/>
                  <a:gd name="connsiteY9-332" fmla="*/ 181564 h 1492779"/>
                  <a:gd name="connsiteX10-333" fmla="*/ 1190445 w 2639683"/>
                  <a:gd name="connsiteY10-334" fmla="*/ 319586 h 1492779"/>
                  <a:gd name="connsiteX11-335" fmla="*/ 1207698 w 2639683"/>
                  <a:gd name="connsiteY11-336" fmla="*/ 716402 h 1492779"/>
                  <a:gd name="connsiteX12-337" fmla="*/ 2182483 w 2639683"/>
                  <a:gd name="connsiteY12-338" fmla="*/ 1484152 h 1492779"/>
                  <a:gd name="connsiteX0-339" fmla="*/ 2182483 w 2639683"/>
                  <a:gd name="connsiteY0-340" fmla="*/ 1484152 h 1492779"/>
                  <a:gd name="connsiteX1-341" fmla="*/ 0 w 2639683"/>
                  <a:gd name="connsiteY1-342" fmla="*/ 1484152 h 1492779"/>
                  <a:gd name="connsiteX2-343" fmla="*/ 750498 w 2639683"/>
                  <a:gd name="connsiteY2-344" fmla="*/ 250575 h 1492779"/>
                  <a:gd name="connsiteX3-345" fmla="*/ 940279 w 2639683"/>
                  <a:gd name="connsiteY3-346" fmla="*/ 336839 h 1492779"/>
                  <a:gd name="connsiteX4-347" fmla="*/ 1043796 w 2639683"/>
                  <a:gd name="connsiteY4-348" fmla="*/ 569752 h 1492779"/>
                  <a:gd name="connsiteX5-349" fmla="*/ 992038 w 2639683"/>
                  <a:gd name="connsiteY5-350" fmla="*/ 302334 h 1492779"/>
                  <a:gd name="connsiteX6-351" fmla="*/ 1570007 w 2639683"/>
                  <a:gd name="connsiteY6-352" fmla="*/ 43541 h 1492779"/>
                  <a:gd name="connsiteX7-353" fmla="*/ 2639683 w 2639683"/>
                  <a:gd name="connsiteY7-354" fmla="*/ 1492779 h 1492779"/>
                  <a:gd name="connsiteX8-355" fmla="*/ 2441275 w 2639683"/>
                  <a:gd name="connsiteY8-356" fmla="*/ 1492779 h 1492779"/>
                  <a:gd name="connsiteX9-357" fmla="*/ 1457864 w 2639683"/>
                  <a:gd name="connsiteY9-358" fmla="*/ 181564 h 1492779"/>
                  <a:gd name="connsiteX10-359" fmla="*/ 1190445 w 2639683"/>
                  <a:gd name="connsiteY10-360" fmla="*/ 319586 h 1492779"/>
                  <a:gd name="connsiteX11-361" fmla="*/ 1207698 w 2639683"/>
                  <a:gd name="connsiteY11-362" fmla="*/ 716402 h 1492779"/>
                  <a:gd name="connsiteX12-363" fmla="*/ 2182483 w 2639683"/>
                  <a:gd name="connsiteY12-364" fmla="*/ 1484152 h 1492779"/>
                  <a:gd name="connsiteX0-365" fmla="*/ 2182483 w 2639683"/>
                  <a:gd name="connsiteY0-366" fmla="*/ 1484152 h 1492779"/>
                  <a:gd name="connsiteX1-367" fmla="*/ 0 w 2639683"/>
                  <a:gd name="connsiteY1-368" fmla="*/ 1484152 h 1492779"/>
                  <a:gd name="connsiteX2-369" fmla="*/ 750498 w 2639683"/>
                  <a:gd name="connsiteY2-370" fmla="*/ 250575 h 1492779"/>
                  <a:gd name="connsiteX3-371" fmla="*/ 940279 w 2639683"/>
                  <a:gd name="connsiteY3-372" fmla="*/ 336839 h 1492779"/>
                  <a:gd name="connsiteX4-373" fmla="*/ 1043796 w 2639683"/>
                  <a:gd name="connsiteY4-374" fmla="*/ 569752 h 1492779"/>
                  <a:gd name="connsiteX5-375" fmla="*/ 992038 w 2639683"/>
                  <a:gd name="connsiteY5-376" fmla="*/ 302334 h 1492779"/>
                  <a:gd name="connsiteX6-377" fmla="*/ 1570007 w 2639683"/>
                  <a:gd name="connsiteY6-378" fmla="*/ 43541 h 1492779"/>
                  <a:gd name="connsiteX7-379" fmla="*/ 2639683 w 2639683"/>
                  <a:gd name="connsiteY7-380" fmla="*/ 1492779 h 1492779"/>
                  <a:gd name="connsiteX8-381" fmla="*/ 2441275 w 2639683"/>
                  <a:gd name="connsiteY8-382" fmla="*/ 1492779 h 1492779"/>
                  <a:gd name="connsiteX9-383" fmla="*/ 1457864 w 2639683"/>
                  <a:gd name="connsiteY9-384" fmla="*/ 181564 h 1492779"/>
                  <a:gd name="connsiteX10-385" fmla="*/ 1190445 w 2639683"/>
                  <a:gd name="connsiteY10-386" fmla="*/ 319586 h 1492779"/>
                  <a:gd name="connsiteX11-387" fmla="*/ 1207698 w 2639683"/>
                  <a:gd name="connsiteY11-388" fmla="*/ 716402 h 1492779"/>
                  <a:gd name="connsiteX12-389" fmla="*/ 2182483 w 2639683"/>
                  <a:gd name="connsiteY12-390" fmla="*/ 1484152 h 1492779"/>
                  <a:gd name="connsiteX0-391" fmla="*/ 2182483 w 2639683"/>
                  <a:gd name="connsiteY0-392" fmla="*/ 1484152 h 1492779"/>
                  <a:gd name="connsiteX1-393" fmla="*/ 0 w 2639683"/>
                  <a:gd name="connsiteY1-394" fmla="*/ 1484152 h 1492779"/>
                  <a:gd name="connsiteX2-395" fmla="*/ 750498 w 2639683"/>
                  <a:gd name="connsiteY2-396" fmla="*/ 250575 h 1492779"/>
                  <a:gd name="connsiteX3-397" fmla="*/ 940279 w 2639683"/>
                  <a:gd name="connsiteY3-398" fmla="*/ 336839 h 1492779"/>
                  <a:gd name="connsiteX4-399" fmla="*/ 1043796 w 2639683"/>
                  <a:gd name="connsiteY4-400" fmla="*/ 569752 h 1492779"/>
                  <a:gd name="connsiteX5-401" fmla="*/ 992038 w 2639683"/>
                  <a:gd name="connsiteY5-402" fmla="*/ 302334 h 1492779"/>
                  <a:gd name="connsiteX6-403" fmla="*/ 1570007 w 2639683"/>
                  <a:gd name="connsiteY6-404" fmla="*/ 43541 h 1492779"/>
                  <a:gd name="connsiteX7-405" fmla="*/ 2639683 w 2639683"/>
                  <a:gd name="connsiteY7-406" fmla="*/ 1492779 h 1492779"/>
                  <a:gd name="connsiteX8-407" fmla="*/ 2441275 w 2639683"/>
                  <a:gd name="connsiteY8-408" fmla="*/ 1492779 h 1492779"/>
                  <a:gd name="connsiteX9-409" fmla="*/ 1457864 w 2639683"/>
                  <a:gd name="connsiteY9-410" fmla="*/ 181564 h 1492779"/>
                  <a:gd name="connsiteX10-411" fmla="*/ 1190445 w 2639683"/>
                  <a:gd name="connsiteY10-412" fmla="*/ 319586 h 1492779"/>
                  <a:gd name="connsiteX11-413" fmla="*/ 1207698 w 2639683"/>
                  <a:gd name="connsiteY11-414" fmla="*/ 716402 h 1492779"/>
                  <a:gd name="connsiteX12-415" fmla="*/ 2182483 w 2639683"/>
                  <a:gd name="connsiteY12-416" fmla="*/ 1484152 h 1492779"/>
                  <a:gd name="connsiteX0-417" fmla="*/ 2182483 w 2639683"/>
                  <a:gd name="connsiteY0-418" fmla="*/ 1484152 h 1492779"/>
                  <a:gd name="connsiteX1-419" fmla="*/ 0 w 2639683"/>
                  <a:gd name="connsiteY1-420" fmla="*/ 1484152 h 1492779"/>
                  <a:gd name="connsiteX2-421" fmla="*/ 750498 w 2639683"/>
                  <a:gd name="connsiteY2-422" fmla="*/ 250575 h 1492779"/>
                  <a:gd name="connsiteX3-423" fmla="*/ 940279 w 2639683"/>
                  <a:gd name="connsiteY3-424" fmla="*/ 336839 h 1492779"/>
                  <a:gd name="connsiteX4-425" fmla="*/ 1043796 w 2639683"/>
                  <a:gd name="connsiteY4-426" fmla="*/ 569752 h 1492779"/>
                  <a:gd name="connsiteX5-427" fmla="*/ 992038 w 2639683"/>
                  <a:gd name="connsiteY5-428" fmla="*/ 302334 h 1492779"/>
                  <a:gd name="connsiteX6-429" fmla="*/ 1570007 w 2639683"/>
                  <a:gd name="connsiteY6-430" fmla="*/ 43541 h 1492779"/>
                  <a:gd name="connsiteX7-431" fmla="*/ 2639683 w 2639683"/>
                  <a:gd name="connsiteY7-432" fmla="*/ 1492779 h 1492779"/>
                  <a:gd name="connsiteX8-433" fmla="*/ 2441275 w 2639683"/>
                  <a:gd name="connsiteY8-434" fmla="*/ 1492779 h 1492779"/>
                  <a:gd name="connsiteX9-435" fmla="*/ 1457864 w 2639683"/>
                  <a:gd name="connsiteY9-436" fmla="*/ 181564 h 1492779"/>
                  <a:gd name="connsiteX10-437" fmla="*/ 1190445 w 2639683"/>
                  <a:gd name="connsiteY10-438" fmla="*/ 319586 h 1492779"/>
                  <a:gd name="connsiteX11-439" fmla="*/ 1207698 w 2639683"/>
                  <a:gd name="connsiteY11-440" fmla="*/ 716402 h 1492779"/>
                  <a:gd name="connsiteX12-441" fmla="*/ 2182483 w 2639683"/>
                  <a:gd name="connsiteY12-442" fmla="*/ 1484152 h 1492779"/>
                  <a:gd name="connsiteX0-443" fmla="*/ 2182483 w 2639683"/>
                  <a:gd name="connsiteY0-444" fmla="*/ 1484152 h 1492779"/>
                  <a:gd name="connsiteX1-445" fmla="*/ 0 w 2639683"/>
                  <a:gd name="connsiteY1-446" fmla="*/ 1484152 h 1492779"/>
                  <a:gd name="connsiteX2-447" fmla="*/ 750498 w 2639683"/>
                  <a:gd name="connsiteY2-448" fmla="*/ 250575 h 1492779"/>
                  <a:gd name="connsiteX3-449" fmla="*/ 940279 w 2639683"/>
                  <a:gd name="connsiteY3-450" fmla="*/ 336839 h 1492779"/>
                  <a:gd name="connsiteX4-451" fmla="*/ 1043796 w 2639683"/>
                  <a:gd name="connsiteY4-452" fmla="*/ 569752 h 1492779"/>
                  <a:gd name="connsiteX5-453" fmla="*/ 992038 w 2639683"/>
                  <a:gd name="connsiteY5-454" fmla="*/ 302334 h 1492779"/>
                  <a:gd name="connsiteX6-455" fmla="*/ 1570007 w 2639683"/>
                  <a:gd name="connsiteY6-456" fmla="*/ 43541 h 1492779"/>
                  <a:gd name="connsiteX7-457" fmla="*/ 2639683 w 2639683"/>
                  <a:gd name="connsiteY7-458" fmla="*/ 1492779 h 1492779"/>
                  <a:gd name="connsiteX8-459" fmla="*/ 2441275 w 2639683"/>
                  <a:gd name="connsiteY8-460" fmla="*/ 1492779 h 1492779"/>
                  <a:gd name="connsiteX9-461" fmla="*/ 1457864 w 2639683"/>
                  <a:gd name="connsiteY9-462" fmla="*/ 181564 h 1492779"/>
                  <a:gd name="connsiteX10-463" fmla="*/ 1190445 w 2639683"/>
                  <a:gd name="connsiteY10-464" fmla="*/ 319586 h 1492779"/>
                  <a:gd name="connsiteX11-465" fmla="*/ 1207698 w 2639683"/>
                  <a:gd name="connsiteY11-466" fmla="*/ 716402 h 1492779"/>
                  <a:gd name="connsiteX12-467" fmla="*/ 2182483 w 2639683"/>
                  <a:gd name="connsiteY12-468" fmla="*/ 1484152 h 1492779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  <a:cxn ang="0">
                    <a:pos x="connsiteX11-23" y="connsiteY11-24"/>
                  </a:cxn>
                  <a:cxn ang="0">
                    <a:pos x="connsiteX12-25" y="connsiteY12-26"/>
                  </a:cxn>
                </a:cxnLst>
                <a:rect l="l" t="t" r="r" b="b"/>
                <a:pathLst>
                  <a:path w="2639683" h="1492779">
                    <a:moveTo>
                      <a:pt x="2182483" y="1484152"/>
                    </a:moveTo>
                    <a:lnTo>
                      <a:pt x="0" y="1484152"/>
                    </a:lnTo>
                    <a:lnTo>
                      <a:pt x="750498" y="250575"/>
                    </a:lnTo>
                    <a:cubicBezTo>
                      <a:pt x="784795" y="204854"/>
                      <a:pt x="885294" y="246021"/>
                      <a:pt x="940279" y="336839"/>
                    </a:cubicBezTo>
                    <a:lnTo>
                      <a:pt x="1043796" y="569752"/>
                    </a:lnTo>
                    <a:cubicBezTo>
                      <a:pt x="1038956" y="472338"/>
                      <a:pt x="984466" y="337685"/>
                      <a:pt x="992038" y="302334"/>
                    </a:cubicBezTo>
                    <a:cubicBezTo>
                      <a:pt x="1027467" y="54706"/>
                      <a:pt x="1273912" y="-72936"/>
                      <a:pt x="1570007" y="43541"/>
                    </a:cubicBezTo>
                    <a:cubicBezTo>
                      <a:pt x="1992767" y="249403"/>
                      <a:pt x="2485864" y="906261"/>
                      <a:pt x="2639683" y="1492779"/>
                    </a:cubicBezTo>
                    <a:lnTo>
                      <a:pt x="2441275" y="1492779"/>
                    </a:lnTo>
                    <a:cubicBezTo>
                      <a:pt x="2270698" y="972956"/>
                      <a:pt x="1814631" y="395208"/>
                      <a:pt x="1457864" y="181564"/>
                    </a:cubicBezTo>
                    <a:cubicBezTo>
                      <a:pt x="1364587" y="132407"/>
                      <a:pt x="1147183" y="240478"/>
                      <a:pt x="1190445" y="319586"/>
                    </a:cubicBezTo>
                    <a:cubicBezTo>
                      <a:pt x="1278947" y="464271"/>
                      <a:pt x="1297111" y="633781"/>
                      <a:pt x="1207698" y="716402"/>
                    </a:cubicBezTo>
                    <a:cubicBezTo>
                      <a:pt x="1532626" y="972319"/>
                      <a:pt x="1940306" y="1232373"/>
                      <a:pt x="2182483" y="1484152"/>
                    </a:cubicBezTo>
                    <a:close/>
                  </a:path>
                </a:pathLst>
              </a:custGeom>
              <a:solidFill>
                <a:srgbClr val="E0454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7" name="任意多边形 96"/>
              <p:cNvSpPr/>
              <p:nvPr/>
            </p:nvSpPr>
            <p:spPr>
              <a:xfrm>
                <a:off x="819226" y="2871464"/>
                <a:ext cx="1998450" cy="1419182"/>
              </a:xfrm>
              <a:custGeom>
                <a:avLst/>
                <a:gdLst>
                  <a:gd name="connsiteX0" fmla="*/ 1994302 w 1994302"/>
                  <a:gd name="connsiteY0" fmla="*/ 1369531 h 1419182"/>
                  <a:gd name="connsiteX1" fmla="*/ 1994302 w 1994302"/>
                  <a:gd name="connsiteY1" fmla="*/ 0 h 1419182"/>
                  <a:gd name="connsiteX2" fmla="*/ 368242 w 1994302"/>
                  <a:gd name="connsiteY2" fmla="*/ 0 h 1419182"/>
                  <a:gd name="connsiteX3" fmla="*/ 0 w 1994302"/>
                  <a:gd name="connsiteY3" fmla="*/ 604084 h 1419182"/>
                  <a:gd name="connsiteX4" fmla="*/ 190327 w 1994302"/>
                  <a:gd name="connsiteY4" fmla="*/ 703385 h 1419182"/>
                  <a:gd name="connsiteX5" fmla="*/ 438581 w 1994302"/>
                  <a:gd name="connsiteY5" fmla="*/ 728210 h 1419182"/>
                  <a:gd name="connsiteX6" fmla="*/ 215153 w 1994302"/>
                  <a:gd name="connsiteY6" fmla="*/ 765448 h 1419182"/>
                  <a:gd name="connsiteX7" fmla="*/ 190327 w 1994302"/>
                  <a:gd name="connsiteY7" fmla="*/ 1419182 h 1419182"/>
                  <a:gd name="connsiteX8" fmla="*/ 550295 w 1994302"/>
                  <a:gd name="connsiteY8" fmla="*/ 1419182 h 1419182"/>
                  <a:gd name="connsiteX9" fmla="*/ 285491 w 1994302"/>
                  <a:gd name="connsiteY9" fmla="*/ 935088 h 1419182"/>
                  <a:gd name="connsiteX10" fmla="*/ 641321 w 1994302"/>
                  <a:gd name="connsiteY10" fmla="*/ 790274 h 1419182"/>
                  <a:gd name="connsiteX11" fmla="*/ 1994302 w 1994302"/>
                  <a:gd name="connsiteY11" fmla="*/ 1369531 h 1419182"/>
                  <a:gd name="connsiteX0-1" fmla="*/ 1998450 w 1998450"/>
                  <a:gd name="connsiteY0-2" fmla="*/ 1369531 h 1419182"/>
                  <a:gd name="connsiteX1-3" fmla="*/ 1998450 w 1998450"/>
                  <a:gd name="connsiteY1-4" fmla="*/ 0 h 1419182"/>
                  <a:gd name="connsiteX2-5" fmla="*/ 372390 w 1998450"/>
                  <a:gd name="connsiteY2-6" fmla="*/ 0 h 1419182"/>
                  <a:gd name="connsiteX3-7" fmla="*/ 4148 w 1998450"/>
                  <a:gd name="connsiteY3-8" fmla="*/ 604084 h 1419182"/>
                  <a:gd name="connsiteX4-9" fmla="*/ 194475 w 1998450"/>
                  <a:gd name="connsiteY4-10" fmla="*/ 703385 h 1419182"/>
                  <a:gd name="connsiteX5-11" fmla="*/ 442729 w 1998450"/>
                  <a:gd name="connsiteY5-12" fmla="*/ 728210 h 1419182"/>
                  <a:gd name="connsiteX6-13" fmla="*/ 219301 w 1998450"/>
                  <a:gd name="connsiteY6-14" fmla="*/ 765448 h 1419182"/>
                  <a:gd name="connsiteX7-15" fmla="*/ 194475 w 1998450"/>
                  <a:gd name="connsiteY7-16" fmla="*/ 1419182 h 1419182"/>
                  <a:gd name="connsiteX8-17" fmla="*/ 554443 w 1998450"/>
                  <a:gd name="connsiteY8-18" fmla="*/ 1419182 h 1419182"/>
                  <a:gd name="connsiteX9-19" fmla="*/ 289639 w 1998450"/>
                  <a:gd name="connsiteY9-20" fmla="*/ 935088 h 1419182"/>
                  <a:gd name="connsiteX10-21" fmla="*/ 645469 w 1998450"/>
                  <a:gd name="connsiteY10-22" fmla="*/ 790274 h 1419182"/>
                  <a:gd name="connsiteX11-23" fmla="*/ 1998450 w 1998450"/>
                  <a:gd name="connsiteY11-24" fmla="*/ 1369531 h 1419182"/>
                  <a:gd name="connsiteX0-25" fmla="*/ 1998450 w 1998450"/>
                  <a:gd name="connsiteY0-26" fmla="*/ 1369531 h 1419182"/>
                  <a:gd name="connsiteX1-27" fmla="*/ 1998450 w 1998450"/>
                  <a:gd name="connsiteY1-28" fmla="*/ 0 h 1419182"/>
                  <a:gd name="connsiteX2-29" fmla="*/ 372390 w 1998450"/>
                  <a:gd name="connsiteY2-30" fmla="*/ 0 h 1419182"/>
                  <a:gd name="connsiteX3-31" fmla="*/ 4148 w 1998450"/>
                  <a:gd name="connsiteY3-32" fmla="*/ 604084 h 1419182"/>
                  <a:gd name="connsiteX4-33" fmla="*/ 194475 w 1998450"/>
                  <a:gd name="connsiteY4-34" fmla="*/ 703385 h 1419182"/>
                  <a:gd name="connsiteX5-35" fmla="*/ 442729 w 1998450"/>
                  <a:gd name="connsiteY5-36" fmla="*/ 728210 h 1419182"/>
                  <a:gd name="connsiteX6-37" fmla="*/ 219301 w 1998450"/>
                  <a:gd name="connsiteY6-38" fmla="*/ 765448 h 1419182"/>
                  <a:gd name="connsiteX7-39" fmla="*/ 194475 w 1998450"/>
                  <a:gd name="connsiteY7-40" fmla="*/ 1419182 h 1419182"/>
                  <a:gd name="connsiteX8-41" fmla="*/ 554443 w 1998450"/>
                  <a:gd name="connsiteY8-42" fmla="*/ 1419182 h 1419182"/>
                  <a:gd name="connsiteX9-43" fmla="*/ 289639 w 1998450"/>
                  <a:gd name="connsiteY9-44" fmla="*/ 935088 h 1419182"/>
                  <a:gd name="connsiteX10-45" fmla="*/ 645469 w 1998450"/>
                  <a:gd name="connsiteY10-46" fmla="*/ 790274 h 1419182"/>
                  <a:gd name="connsiteX11-47" fmla="*/ 1998450 w 1998450"/>
                  <a:gd name="connsiteY11-48" fmla="*/ 1369531 h 1419182"/>
                  <a:gd name="connsiteX0-49" fmla="*/ 1998450 w 1998450"/>
                  <a:gd name="connsiteY0-50" fmla="*/ 1369531 h 1419182"/>
                  <a:gd name="connsiteX1-51" fmla="*/ 1998450 w 1998450"/>
                  <a:gd name="connsiteY1-52" fmla="*/ 0 h 1419182"/>
                  <a:gd name="connsiteX2-53" fmla="*/ 372390 w 1998450"/>
                  <a:gd name="connsiteY2-54" fmla="*/ 0 h 1419182"/>
                  <a:gd name="connsiteX3-55" fmla="*/ 4148 w 1998450"/>
                  <a:gd name="connsiteY3-56" fmla="*/ 604084 h 1419182"/>
                  <a:gd name="connsiteX4-57" fmla="*/ 194475 w 1998450"/>
                  <a:gd name="connsiteY4-58" fmla="*/ 703385 h 1419182"/>
                  <a:gd name="connsiteX5-59" fmla="*/ 442729 w 1998450"/>
                  <a:gd name="connsiteY5-60" fmla="*/ 728210 h 1419182"/>
                  <a:gd name="connsiteX6-61" fmla="*/ 219301 w 1998450"/>
                  <a:gd name="connsiteY6-62" fmla="*/ 765448 h 1419182"/>
                  <a:gd name="connsiteX7-63" fmla="*/ 194475 w 1998450"/>
                  <a:gd name="connsiteY7-64" fmla="*/ 1419182 h 1419182"/>
                  <a:gd name="connsiteX8-65" fmla="*/ 554443 w 1998450"/>
                  <a:gd name="connsiteY8-66" fmla="*/ 1419182 h 1419182"/>
                  <a:gd name="connsiteX9-67" fmla="*/ 289639 w 1998450"/>
                  <a:gd name="connsiteY9-68" fmla="*/ 935088 h 1419182"/>
                  <a:gd name="connsiteX10-69" fmla="*/ 645469 w 1998450"/>
                  <a:gd name="connsiteY10-70" fmla="*/ 790274 h 1419182"/>
                  <a:gd name="connsiteX11-71" fmla="*/ 1998450 w 1998450"/>
                  <a:gd name="connsiteY11-72" fmla="*/ 1369531 h 1419182"/>
                  <a:gd name="connsiteX0-73" fmla="*/ 1998450 w 1998450"/>
                  <a:gd name="connsiteY0-74" fmla="*/ 1369531 h 1419182"/>
                  <a:gd name="connsiteX1-75" fmla="*/ 1998450 w 1998450"/>
                  <a:gd name="connsiteY1-76" fmla="*/ 0 h 1419182"/>
                  <a:gd name="connsiteX2-77" fmla="*/ 372390 w 1998450"/>
                  <a:gd name="connsiteY2-78" fmla="*/ 0 h 1419182"/>
                  <a:gd name="connsiteX3-79" fmla="*/ 4148 w 1998450"/>
                  <a:gd name="connsiteY3-80" fmla="*/ 604084 h 1419182"/>
                  <a:gd name="connsiteX4-81" fmla="*/ 194475 w 1998450"/>
                  <a:gd name="connsiteY4-82" fmla="*/ 703385 h 1419182"/>
                  <a:gd name="connsiteX5-83" fmla="*/ 442729 w 1998450"/>
                  <a:gd name="connsiteY5-84" fmla="*/ 728210 h 1419182"/>
                  <a:gd name="connsiteX6-85" fmla="*/ 219301 w 1998450"/>
                  <a:gd name="connsiteY6-86" fmla="*/ 765448 h 1419182"/>
                  <a:gd name="connsiteX7-87" fmla="*/ 194475 w 1998450"/>
                  <a:gd name="connsiteY7-88" fmla="*/ 1419182 h 1419182"/>
                  <a:gd name="connsiteX8-89" fmla="*/ 554443 w 1998450"/>
                  <a:gd name="connsiteY8-90" fmla="*/ 1419182 h 1419182"/>
                  <a:gd name="connsiteX9-91" fmla="*/ 289639 w 1998450"/>
                  <a:gd name="connsiteY9-92" fmla="*/ 935088 h 1419182"/>
                  <a:gd name="connsiteX10-93" fmla="*/ 645469 w 1998450"/>
                  <a:gd name="connsiteY10-94" fmla="*/ 790274 h 1419182"/>
                  <a:gd name="connsiteX11-95" fmla="*/ 1998450 w 1998450"/>
                  <a:gd name="connsiteY11-96" fmla="*/ 1369531 h 1419182"/>
                  <a:gd name="connsiteX0-97" fmla="*/ 1998450 w 1998450"/>
                  <a:gd name="connsiteY0-98" fmla="*/ 1369531 h 1419182"/>
                  <a:gd name="connsiteX1-99" fmla="*/ 1998450 w 1998450"/>
                  <a:gd name="connsiteY1-100" fmla="*/ 0 h 1419182"/>
                  <a:gd name="connsiteX2-101" fmla="*/ 372390 w 1998450"/>
                  <a:gd name="connsiteY2-102" fmla="*/ 0 h 1419182"/>
                  <a:gd name="connsiteX3-103" fmla="*/ 4148 w 1998450"/>
                  <a:gd name="connsiteY3-104" fmla="*/ 604084 h 1419182"/>
                  <a:gd name="connsiteX4-105" fmla="*/ 194475 w 1998450"/>
                  <a:gd name="connsiteY4-106" fmla="*/ 703385 h 1419182"/>
                  <a:gd name="connsiteX5-107" fmla="*/ 442729 w 1998450"/>
                  <a:gd name="connsiteY5-108" fmla="*/ 728210 h 1419182"/>
                  <a:gd name="connsiteX6-109" fmla="*/ 219301 w 1998450"/>
                  <a:gd name="connsiteY6-110" fmla="*/ 765448 h 1419182"/>
                  <a:gd name="connsiteX7-111" fmla="*/ 194475 w 1998450"/>
                  <a:gd name="connsiteY7-112" fmla="*/ 1419182 h 1419182"/>
                  <a:gd name="connsiteX8-113" fmla="*/ 554443 w 1998450"/>
                  <a:gd name="connsiteY8-114" fmla="*/ 1419182 h 1419182"/>
                  <a:gd name="connsiteX9-115" fmla="*/ 289639 w 1998450"/>
                  <a:gd name="connsiteY9-116" fmla="*/ 935088 h 1419182"/>
                  <a:gd name="connsiteX10-117" fmla="*/ 645469 w 1998450"/>
                  <a:gd name="connsiteY10-118" fmla="*/ 790274 h 1419182"/>
                  <a:gd name="connsiteX11-119" fmla="*/ 1998450 w 1998450"/>
                  <a:gd name="connsiteY11-120" fmla="*/ 1369531 h 1419182"/>
                  <a:gd name="connsiteX0-121" fmla="*/ 1998450 w 1998450"/>
                  <a:gd name="connsiteY0-122" fmla="*/ 1369531 h 1419182"/>
                  <a:gd name="connsiteX1-123" fmla="*/ 1998450 w 1998450"/>
                  <a:gd name="connsiteY1-124" fmla="*/ 0 h 1419182"/>
                  <a:gd name="connsiteX2-125" fmla="*/ 372390 w 1998450"/>
                  <a:gd name="connsiteY2-126" fmla="*/ 0 h 1419182"/>
                  <a:gd name="connsiteX3-127" fmla="*/ 4148 w 1998450"/>
                  <a:gd name="connsiteY3-128" fmla="*/ 604084 h 1419182"/>
                  <a:gd name="connsiteX4-129" fmla="*/ 194475 w 1998450"/>
                  <a:gd name="connsiteY4-130" fmla="*/ 703385 h 1419182"/>
                  <a:gd name="connsiteX5-131" fmla="*/ 442729 w 1998450"/>
                  <a:gd name="connsiteY5-132" fmla="*/ 728210 h 1419182"/>
                  <a:gd name="connsiteX6-133" fmla="*/ 219301 w 1998450"/>
                  <a:gd name="connsiteY6-134" fmla="*/ 765448 h 1419182"/>
                  <a:gd name="connsiteX7-135" fmla="*/ 194475 w 1998450"/>
                  <a:gd name="connsiteY7-136" fmla="*/ 1419182 h 1419182"/>
                  <a:gd name="connsiteX8-137" fmla="*/ 554443 w 1998450"/>
                  <a:gd name="connsiteY8-138" fmla="*/ 1419182 h 1419182"/>
                  <a:gd name="connsiteX9-139" fmla="*/ 289639 w 1998450"/>
                  <a:gd name="connsiteY9-140" fmla="*/ 935088 h 1419182"/>
                  <a:gd name="connsiteX10-141" fmla="*/ 645469 w 1998450"/>
                  <a:gd name="connsiteY10-142" fmla="*/ 790274 h 1419182"/>
                  <a:gd name="connsiteX11-143" fmla="*/ 1998450 w 1998450"/>
                  <a:gd name="connsiteY11-144" fmla="*/ 1369531 h 1419182"/>
                  <a:gd name="connsiteX0-145" fmla="*/ 1998450 w 1998450"/>
                  <a:gd name="connsiteY0-146" fmla="*/ 1369531 h 1419182"/>
                  <a:gd name="connsiteX1-147" fmla="*/ 1998450 w 1998450"/>
                  <a:gd name="connsiteY1-148" fmla="*/ 0 h 1419182"/>
                  <a:gd name="connsiteX2-149" fmla="*/ 372390 w 1998450"/>
                  <a:gd name="connsiteY2-150" fmla="*/ 0 h 1419182"/>
                  <a:gd name="connsiteX3-151" fmla="*/ 4148 w 1998450"/>
                  <a:gd name="connsiteY3-152" fmla="*/ 604084 h 1419182"/>
                  <a:gd name="connsiteX4-153" fmla="*/ 194475 w 1998450"/>
                  <a:gd name="connsiteY4-154" fmla="*/ 703385 h 1419182"/>
                  <a:gd name="connsiteX5-155" fmla="*/ 442729 w 1998450"/>
                  <a:gd name="connsiteY5-156" fmla="*/ 728210 h 1419182"/>
                  <a:gd name="connsiteX6-157" fmla="*/ 219301 w 1998450"/>
                  <a:gd name="connsiteY6-158" fmla="*/ 765448 h 1419182"/>
                  <a:gd name="connsiteX7-159" fmla="*/ 194475 w 1998450"/>
                  <a:gd name="connsiteY7-160" fmla="*/ 1419182 h 1419182"/>
                  <a:gd name="connsiteX8-161" fmla="*/ 554443 w 1998450"/>
                  <a:gd name="connsiteY8-162" fmla="*/ 1419182 h 1419182"/>
                  <a:gd name="connsiteX9-163" fmla="*/ 289639 w 1998450"/>
                  <a:gd name="connsiteY9-164" fmla="*/ 935088 h 1419182"/>
                  <a:gd name="connsiteX10-165" fmla="*/ 645469 w 1998450"/>
                  <a:gd name="connsiteY10-166" fmla="*/ 790274 h 1419182"/>
                  <a:gd name="connsiteX11-167" fmla="*/ 1998450 w 1998450"/>
                  <a:gd name="connsiteY11-168" fmla="*/ 1369531 h 1419182"/>
                  <a:gd name="connsiteX0-169" fmla="*/ 1998450 w 1998450"/>
                  <a:gd name="connsiteY0-170" fmla="*/ 1369531 h 1419182"/>
                  <a:gd name="connsiteX1-171" fmla="*/ 1998450 w 1998450"/>
                  <a:gd name="connsiteY1-172" fmla="*/ 0 h 1419182"/>
                  <a:gd name="connsiteX2-173" fmla="*/ 372390 w 1998450"/>
                  <a:gd name="connsiteY2-174" fmla="*/ 0 h 1419182"/>
                  <a:gd name="connsiteX3-175" fmla="*/ 4148 w 1998450"/>
                  <a:gd name="connsiteY3-176" fmla="*/ 604084 h 1419182"/>
                  <a:gd name="connsiteX4-177" fmla="*/ 194475 w 1998450"/>
                  <a:gd name="connsiteY4-178" fmla="*/ 703385 h 1419182"/>
                  <a:gd name="connsiteX5-179" fmla="*/ 442729 w 1998450"/>
                  <a:gd name="connsiteY5-180" fmla="*/ 728210 h 1419182"/>
                  <a:gd name="connsiteX6-181" fmla="*/ 219301 w 1998450"/>
                  <a:gd name="connsiteY6-182" fmla="*/ 765448 h 1419182"/>
                  <a:gd name="connsiteX7-183" fmla="*/ 194475 w 1998450"/>
                  <a:gd name="connsiteY7-184" fmla="*/ 1419182 h 1419182"/>
                  <a:gd name="connsiteX8-185" fmla="*/ 554443 w 1998450"/>
                  <a:gd name="connsiteY8-186" fmla="*/ 1419182 h 1419182"/>
                  <a:gd name="connsiteX9-187" fmla="*/ 289639 w 1998450"/>
                  <a:gd name="connsiteY9-188" fmla="*/ 935088 h 1419182"/>
                  <a:gd name="connsiteX10-189" fmla="*/ 645469 w 1998450"/>
                  <a:gd name="connsiteY10-190" fmla="*/ 790274 h 1419182"/>
                  <a:gd name="connsiteX11-191" fmla="*/ 1998450 w 1998450"/>
                  <a:gd name="connsiteY11-192" fmla="*/ 1369531 h 1419182"/>
                  <a:gd name="connsiteX0-193" fmla="*/ 1998450 w 1998450"/>
                  <a:gd name="connsiteY0-194" fmla="*/ 1369531 h 1419182"/>
                  <a:gd name="connsiteX1-195" fmla="*/ 1998450 w 1998450"/>
                  <a:gd name="connsiteY1-196" fmla="*/ 0 h 1419182"/>
                  <a:gd name="connsiteX2-197" fmla="*/ 372390 w 1998450"/>
                  <a:gd name="connsiteY2-198" fmla="*/ 0 h 1419182"/>
                  <a:gd name="connsiteX3-199" fmla="*/ 4148 w 1998450"/>
                  <a:gd name="connsiteY3-200" fmla="*/ 604084 h 1419182"/>
                  <a:gd name="connsiteX4-201" fmla="*/ 194475 w 1998450"/>
                  <a:gd name="connsiteY4-202" fmla="*/ 703385 h 1419182"/>
                  <a:gd name="connsiteX5-203" fmla="*/ 442729 w 1998450"/>
                  <a:gd name="connsiteY5-204" fmla="*/ 728210 h 1419182"/>
                  <a:gd name="connsiteX6-205" fmla="*/ 219301 w 1998450"/>
                  <a:gd name="connsiteY6-206" fmla="*/ 765448 h 1419182"/>
                  <a:gd name="connsiteX7-207" fmla="*/ 194475 w 1998450"/>
                  <a:gd name="connsiteY7-208" fmla="*/ 1419182 h 1419182"/>
                  <a:gd name="connsiteX8-209" fmla="*/ 554443 w 1998450"/>
                  <a:gd name="connsiteY8-210" fmla="*/ 1419182 h 1419182"/>
                  <a:gd name="connsiteX9-211" fmla="*/ 289639 w 1998450"/>
                  <a:gd name="connsiteY9-212" fmla="*/ 935088 h 1419182"/>
                  <a:gd name="connsiteX10-213" fmla="*/ 645469 w 1998450"/>
                  <a:gd name="connsiteY10-214" fmla="*/ 790274 h 1419182"/>
                  <a:gd name="connsiteX11-215" fmla="*/ 1998450 w 1998450"/>
                  <a:gd name="connsiteY11-216" fmla="*/ 1369531 h 1419182"/>
                  <a:gd name="connsiteX0-217" fmla="*/ 1998450 w 1998450"/>
                  <a:gd name="connsiteY0-218" fmla="*/ 1369531 h 1419182"/>
                  <a:gd name="connsiteX1-219" fmla="*/ 1998450 w 1998450"/>
                  <a:gd name="connsiteY1-220" fmla="*/ 0 h 1419182"/>
                  <a:gd name="connsiteX2-221" fmla="*/ 372390 w 1998450"/>
                  <a:gd name="connsiteY2-222" fmla="*/ 0 h 1419182"/>
                  <a:gd name="connsiteX3-223" fmla="*/ 4148 w 1998450"/>
                  <a:gd name="connsiteY3-224" fmla="*/ 604084 h 1419182"/>
                  <a:gd name="connsiteX4-225" fmla="*/ 194475 w 1998450"/>
                  <a:gd name="connsiteY4-226" fmla="*/ 703385 h 1419182"/>
                  <a:gd name="connsiteX5-227" fmla="*/ 442729 w 1998450"/>
                  <a:gd name="connsiteY5-228" fmla="*/ 728210 h 1419182"/>
                  <a:gd name="connsiteX6-229" fmla="*/ 219301 w 1998450"/>
                  <a:gd name="connsiteY6-230" fmla="*/ 765448 h 1419182"/>
                  <a:gd name="connsiteX7-231" fmla="*/ 194475 w 1998450"/>
                  <a:gd name="connsiteY7-232" fmla="*/ 1419182 h 1419182"/>
                  <a:gd name="connsiteX8-233" fmla="*/ 554443 w 1998450"/>
                  <a:gd name="connsiteY8-234" fmla="*/ 1419182 h 1419182"/>
                  <a:gd name="connsiteX9-235" fmla="*/ 289639 w 1998450"/>
                  <a:gd name="connsiteY9-236" fmla="*/ 935088 h 1419182"/>
                  <a:gd name="connsiteX10-237" fmla="*/ 645469 w 1998450"/>
                  <a:gd name="connsiteY10-238" fmla="*/ 790274 h 1419182"/>
                  <a:gd name="connsiteX11-239" fmla="*/ 1998450 w 1998450"/>
                  <a:gd name="connsiteY11-240" fmla="*/ 1369531 h 1419182"/>
                  <a:gd name="connsiteX0-241" fmla="*/ 1998450 w 1998450"/>
                  <a:gd name="connsiteY0-242" fmla="*/ 1369531 h 1419182"/>
                  <a:gd name="connsiteX1-243" fmla="*/ 1998450 w 1998450"/>
                  <a:gd name="connsiteY1-244" fmla="*/ 0 h 1419182"/>
                  <a:gd name="connsiteX2-245" fmla="*/ 372390 w 1998450"/>
                  <a:gd name="connsiteY2-246" fmla="*/ 0 h 1419182"/>
                  <a:gd name="connsiteX3-247" fmla="*/ 4148 w 1998450"/>
                  <a:gd name="connsiteY3-248" fmla="*/ 604084 h 1419182"/>
                  <a:gd name="connsiteX4-249" fmla="*/ 194475 w 1998450"/>
                  <a:gd name="connsiteY4-250" fmla="*/ 703385 h 1419182"/>
                  <a:gd name="connsiteX5-251" fmla="*/ 442729 w 1998450"/>
                  <a:gd name="connsiteY5-252" fmla="*/ 728210 h 1419182"/>
                  <a:gd name="connsiteX6-253" fmla="*/ 219301 w 1998450"/>
                  <a:gd name="connsiteY6-254" fmla="*/ 765448 h 1419182"/>
                  <a:gd name="connsiteX7-255" fmla="*/ 194475 w 1998450"/>
                  <a:gd name="connsiteY7-256" fmla="*/ 1419182 h 1419182"/>
                  <a:gd name="connsiteX8-257" fmla="*/ 554443 w 1998450"/>
                  <a:gd name="connsiteY8-258" fmla="*/ 1419182 h 1419182"/>
                  <a:gd name="connsiteX9-259" fmla="*/ 289639 w 1998450"/>
                  <a:gd name="connsiteY9-260" fmla="*/ 935088 h 1419182"/>
                  <a:gd name="connsiteX10-261" fmla="*/ 645469 w 1998450"/>
                  <a:gd name="connsiteY10-262" fmla="*/ 790274 h 1419182"/>
                  <a:gd name="connsiteX11-263" fmla="*/ 1998450 w 1998450"/>
                  <a:gd name="connsiteY11-264" fmla="*/ 1369531 h 1419182"/>
                  <a:gd name="connsiteX0-265" fmla="*/ 1998450 w 1998450"/>
                  <a:gd name="connsiteY0-266" fmla="*/ 1369531 h 1419182"/>
                  <a:gd name="connsiteX1-267" fmla="*/ 1998450 w 1998450"/>
                  <a:gd name="connsiteY1-268" fmla="*/ 0 h 1419182"/>
                  <a:gd name="connsiteX2-269" fmla="*/ 372390 w 1998450"/>
                  <a:gd name="connsiteY2-270" fmla="*/ 0 h 1419182"/>
                  <a:gd name="connsiteX3-271" fmla="*/ 4148 w 1998450"/>
                  <a:gd name="connsiteY3-272" fmla="*/ 604084 h 1419182"/>
                  <a:gd name="connsiteX4-273" fmla="*/ 194475 w 1998450"/>
                  <a:gd name="connsiteY4-274" fmla="*/ 703385 h 1419182"/>
                  <a:gd name="connsiteX5-275" fmla="*/ 442729 w 1998450"/>
                  <a:gd name="connsiteY5-276" fmla="*/ 728210 h 1419182"/>
                  <a:gd name="connsiteX6-277" fmla="*/ 219301 w 1998450"/>
                  <a:gd name="connsiteY6-278" fmla="*/ 765448 h 1419182"/>
                  <a:gd name="connsiteX7-279" fmla="*/ 194475 w 1998450"/>
                  <a:gd name="connsiteY7-280" fmla="*/ 1419182 h 1419182"/>
                  <a:gd name="connsiteX8-281" fmla="*/ 554443 w 1998450"/>
                  <a:gd name="connsiteY8-282" fmla="*/ 1419182 h 1419182"/>
                  <a:gd name="connsiteX9-283" fmla="*/ 289639 w 1998450"/>
                  <a:gd name="connsiteY9-284" fmla="*/ 935088 h 1419182"/>
                  <a:gd name="connsiteX10-285" fmla="*/ 645469 w 1998450"/>
                  <a:gd name="connsiteY10-286" fmla="*/ 790274 h 1419182"/>
                  <a:gd name="connsiteX11-287" fmla="*/ 1998450 w 1998450"/>
                  <a:gd name="connsiteY11-288" fmla="*/ 1369531 h 1419182"/>
                  <a:gd name="connsiteX0-289" fmla="*/ 1998450 w 1998450"/>
                  <a:gd name="connsiteY0-290" fmla="*/ 1369531 h 1419182"/>
                  <a:gd name="connsiteX1-291" fmla="*/ 1998450 w 1998450"/>
                  <a:gd name="connsiteY1-292" fmla="*/ 0 h 1419182"/>
                  <a:gd name="connsiteX2-293" fmla="*/ 372390 w 1998450"/>
                  <a:gd name="connsiteY2-294" fmla="*/ 0 h 1419182"/>
                  <a:gd name="connsiteX3-295" fmla="*/ 4148 w 1998450"/>
                  <a:gd name="connsiteY3-296" fmla="*/ 604084 h 1419182"/>
                  <a:gd name="connsiteX4-297" fmla="*/ 194475 w 1998450"/>
                  <a:gd name="connsiteY4-298" fmla="*/ 703385 h 1419182"/>
                  <a:gd name="connsiteX5-299" fmla="*/ 442729 w 1998450"/>
                  <a:gd name="connsiteY5-300" fmla="*/ 728210 h 1419182"/>
                  <a:gd name="connsiteX6-301" fmla="*/ 219301 w 1998450"/>
                  <a:gd name="connsiteY6-302" fmla="*/ 765448 h 1419182"/>
                  <a:gd name="connsiteX7-303" fmla="*/ 194475 w 1998450"/>
                  <a:gd name="connsiteY7-304" fmla="*/ 1419182 h 1419182"/>
                  <a:gd name="connsiteX8-305" fmla="*/ 554443 w 1998450"/>
                  <a:gd name="connsiteY8-306" fmla="*/ 1419182 h 1419182"/>
                  <a:gd name="connsiteX9-307" fmla="*/ 289639 w 1998450"/>
                  <a:gd name="connsiteY9-308" fmla="*/ 935088 h 1419182"/>
                  <a:gd name="connsiteX10-309" fmla="*/ 645469 w 1998450"/>
                  <a:gd name="connsiteY10-310" fmla="*/ 790274 h 1419182"/>
                  <a:gd name="connsiteX11-311" fmla="*/ 1998450 w 1998450"/>
                  <a:gd name="connsiteY11-312" fmla="*/ 1369531 h 1419182"/>
                  <a:gd name="connsiteX0-313" fmla="*/ 1998450 w 1998450"/>
                  <a:gd name="connsiteY0-314" fmla="*/ 1369531 h 1419182"/>
                  <a:gd name="connsiteX1-315" fmla="*/ 1998450 w 1998450"/>
                  <a:gd name="connsiteY1-316" fmla="*/ 0 h 1419182"/>
                  <a:gd name="connsiteX2-317" fmla="*/ 372390 w 1998450"/>
                  <a:gd name="connsiteY2-318" fmla="*/ 0 h 1419182"/>
                  <a:gd name="connsiteX3-319" fmla="*/ 4148 w 1998450"/>
                  <a:gd name="connsiteY3-320" fmla="*/ 604084 h 1419182"/>
                  <a:gd name="connsiteX4-321" fmla="*/ 194475 w 1998450"/>
                  <a:gd name="connsiteY4-322" fmla="*/ 703385 h 1419182"/>
                  <a:gd name="connsiteX5-323" fmla="*/ 442729 w 1998450"/>
                  <a:gd name="connsiteY5-324" fmla="*/ 728210 h 1419182"/>
                  <a:gd name="connsiteX6-325" fmla="*/ 219301 w 1998450"/>
                  <a:gd name="connsiteY6-326" fmla="*/ 765448 h 1419182"/>
                  <a:gd name="connsiteX7-327" fmla="*/ 194475 w 1998450"/>
                  <a:gd name="connsiteY7-328" fmla="*/ 1419182 h 1419182"/>
                  <a:gd name="connsiteX8-329" fmla="*/ 554443 w 1998450"/>
                  <a:gd name="connsiteY8-330" fmla="*/ 1419182 h 1419182"/>
                  <a:gd name="connsiteX9-331" fmla="*/ 289639 w 1998450"/>
                  <a:gd name="connsiteY9-332" fmla="*/ 935088 h 1419182"/>
                  <a:gd name="connsiteX10-333" fmla="*/ 645469 w 1998450"/>
                  <a:gd name="connsiteY10-334" fmla="*/ 790274 h 1419182"/>
                  <a:gd name="connsiteX11-335" fmla="*/ 1998450 w 1998450"/>
                  <a:gd name="connsiteY11-336" fmla="*/ 1369531 h 1419182"/>
                  <a:gd name="connsiteX0-337" fmla="*/ 1998450 w 1998450"/>
                  <a:gd name="connsiteY0-338" fmla="*/ 1369531 h 1419182"/>
                  <a:gd name="connsiteX1-339" fmla="*/ 1998450 w 1998450"/>
                  <a:gd name="connsiteY1-340" fmla="*/ 0 h 1419182"/>
                  <a:gd name="connsiteX2-341" fmla="*/ 372390 w 1998450"/>
                  <a:gd name="connsiteY2-342" fmla="*/ 0 h 1419182"/>
                  <a:gd name="connsiteX3-343" fmla="*/ 4148 w 1998450"/>
                  <a:gd name="connsiteY3-344" fmla="*/ 604084 h 1419182"/>
                  <a:gd name="connsiteX4-345" fmla="*/ 194475 w 1998450"/>
                  <a:gd name="connsiteY4-346" fmla="*/ 703385 h 1419182"/>
                  <a:gd name="connsiteX5-347" fmla="*/ 442729 w 1998450"/>
                  <a:gd name="connsiteY5-348" fmla="*/ 728210 h 1419182"/>
                  <a:gd name="connsiteX6-349" fmla="*/ 219301 w 1998450"/>
                  <a:gd name="connsiteY6-350" fmla="*/ 765448 h 1419182"/>
                  <a:gd name="connsiteX7-351" fmla="*/ 194475 w 1998450"/>
                  <a:gd name="connsiteY7-352" fmla="*/ 1419182 h 1419182"/>
                  <a:gd name="connsiteX8-353" fmla="*/ 554443 w 1998450"/>
                  <a:gd name="connsiteY8-354" fmla="*/ 1419182 h 1419182"/>
                  <a:gd name="connsiteX9-355" fmla="*/ 289639 w 1998450"/>
                  <a:gd name="connsiteY9-356" fmla="*/ 935088 h 1419182"/>
                  <a:gd name="connsiteX10-357" fmla="*/ 645469 w 1998450"/>
                  <a:gd name="connsiteY10-358" fmla="*/ 790274 h 1419182"/>
                  <a:gd name="connsiteX11-359" fmla="*/ 1998450 w 1998450"/>
                  <a:gd name="connsiteY11-360" fmla="*/ 1369531 h 1419182"/>
                  <a:gd name="connsiteX0-361" fmla="*/ 1998450 w 1998450"/>
                  <a:gd name="connsiteY0-362" fmla="*/ 1369531 h 1419182"/>
                  <a:gd name="connsiteX1-363" fmla="*/ 1998450 w 1998450"/>
                  <a:gd name="connsiteY1-364" fmla="*/ 0 h 1419182"/>
                  <a:gd name="connsiteX2-365" fmla="*/ 372390 w 1998450"/>
                  <a:gd name="connsiteY2-366" fmla="*/ 0 h 1419182"/>
                  <a:gd name="connsiteX3-367" fmla="*/ 4148 w 1998450"/>
                  <a:gd name="connsiteY3-368" fmla="*/ 604084 h 1419182"/>
                  <a:gd name="connsiteX4-369" fmla="*/ 194475 w 1998450"/>
                  <a:gd name="connsiteY4-370" fmla="*/ 703385 h 1419182"/>
                  <a:gd name="connsiteX5-371" fmla="*/ 442729 w 1998450"/>
                  <a:gd name="connsiteY5-372" fmla="*/ 728210 h 1419182"/>
                  <a:gd name="connsiteX6-373" fmla="*/ 219301 w 1998450"/>
                  <a:gd name="connsiteY6-374" fmla="*/ 765448 h 1419182"/>
                  <a:gd name="connsiteX7-375" fmla="*/ 194475 w 1998450"/>
                  <a:gd name="connsiteY7-376" fmla="*/ 1419182 h 1419182"/>
                  <a:gd name="connsiteX8-377" fmla="*/ 554443 w 1998450"/>
                  <a:gd name="connsiteY8-378" fmla="*/ 1419182 h 1419182"/>
                  <a:gd name="connsiteX9-379" fmla="*/ 289639 w 1998450"/>
                  <a:gd name="connsiteY9-380" fmla="*/ 935088 h 1419182"/>
                  <a:gd name="connsiteX10-381" fmla="*/ 645469 w 1998450"/>
                  <a:gd name="connsiteY10-382" fmla="*/ 790274 h 1419182"/>
                  <a:gd name="connsiteX11-383" fmla="*/ 1998450 w 1998450"/>
                  <a:gd name="connsiteY11-384" fmla="*/ 1369531 h 1419182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  <a:cxn ang="0">
                    <a:pos x="connsiteX11-23" y="connsiteY11-24"/>
                  </a:cxn>
                </a:cxnLst>
                <a:rect l="l" t="t" r="r" b="b"/>
                <a:pathLst>
                  <a:path w="1998450" h="1419182">
                    <a:moveTo>
                      <a:pt x="1998450" y="1369531"/>
                    </a:moveTo>
                    <a:lnTo>
                      <a:pt x="1998450" y="0"/>
                    </a:lnTo>
                    <a:lnTo>
                      <a:pt x="372390" y="0"/>
                    </a:lnTo>
                    <a:lnTo>
                      <a:pt x="4148" y="604084"/>
                    </a:lnTo>
                    <a:cubicBezTo>
                      <a:pt x="-27574" y="662010"/>
                      <a:pt x="131033" y="711661"/>
                      <a:pt x="194475" y="703385"/>
                    </a:cubicBezTo>
                    <a:cubicBezTo>
                      <a:pt x="273089" y="703384"/>
                      <a:pt x="359978" y="719935"/>
                      <a:pt x="442729" y="728210"/>
                    </a:cubicBezTo>
                    <a:cubicBezTo>
                      <a:pt x="368253" y="740623"/>
                      <a:pt x="293777" y="777860"/>
                      <a:pt x="219301" y="765448"/>
                    </a:cubicBezTo>
                    <a:cubicBezTo>
                      <a:pt x="70350" y="739243"/>
                      <a:pt x="-153080" y="1164033"/>
                      <a:pt x="194475" y="1419182"/>
                    </a:cubicBezTo>
                    <a:lnTo>
                      <a:pt x="554443" y="1419182"/>
                    </a:lnTo>
                    <a:cubicBezTo>
                      <a:pt x="209647" y="1369531"/>
                      <a:pt x="228954" y="930950"/>
                      <a:pt x="289639" y="935088"/>
                    </a:cubicBezTo>
                    <a:cubicBezTo>
                      <a:pt x="449625" y="961293"/>
                      <a:pt x="555821" y="925434"/>
                      <a:pt x="645469" y="790274"/>
                    </a:cubicBezTo>
                    <a:cubicBezTo>
                      <a:pt x="1096463" y="983360"/>
                      <a:pt x="1626070" y="1308847"/>
                      <a:pt x="1998450" y="1369531"/>
                    </a:cubicBezTo>
                    <a:close/>
                  </a:path>
                </a:pathLst>
              </a:custGeom>
              <a:solidFill>
                <a:srgbClr val="FDB52D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8" name="任意多边形 97"/>
              <p:cNvSpPr/>
              <p:nvPr/>
            </p:nvSpPr>
            <p:spPr>
              <a:xfrm>
                <a:off x="2871464" y="2875602"/>
                <a:ext cx="1170929" cy="1704673"/>
              </a:xfrm>
              <a:custGeom>
                <a:avLst/>
                <a:gdLst>
                  <a:gd name="connsiteX0" fmla="*/ 641322 w 1170929"/>
                  <a:gd name="connsiteY0" fmla="*/ 0 h 1704673"/>
                  <a:gd name="connsiteX1" fmla="*/ 0 w 1170929"/>
                  <a:gd name="connsiteY1" fmla="*/ 0 h 1704673"/>
                  <a:gd name="connsiteX2" fmla="*/ 0 w 1170929"/>
                  <a:gd name="connsiteY2" fmla="*/ 1390219 h 1704673"/>
                  <a:gd name="connsiteX3" fmla="*/ 277217 w 1170929"/>
                  <a:gd name="connsiteY3" fmla="*/ 1406769 h 1704673"/>
                  <a:gd name="connsiteX4" fmla="*/ 0 w 1170929"/>
                  <a:gd name="connsiteY4" fmla="*/ 1506070 h 1704673"/>
                  <a:gd name="connsiteX5" fmla="*/ 0 w 1170929"/>
                  <a:gd name="connsiteY5" fmla="*/ 1704673 h 1704673"/>
                  <a:gd name="connsiteX6" fmla="*/ 682697 w 1170929"/>
                  <a:gd name="connsiteY6" fmla="*/ 1423319 h 1704673"/>
                  <a:gd name="connsiteX7" fmla="*/ 740623 w 1170929"/>
                  <a:gd name="connsiteY7" fmla="*/ 1435732 h 1704673"/>
                  <a:gd name="connsiteX8" fmla="*/ 947501 w 1170929"/>
                  <a:gd name="connsiteY8" fmla="*/ 1535033 h 1704673"/>
                  <a:gd name="connsiteX9" fmla="*/ 1170929 w 1170929"/>
                  <a:gd name="connsiteY9" fmla="*/ 856474 h 1704673"/>
                  <a:gd name="connsiteX10" fmla="*/ 1108865 w 1170929"/>
                  <a:gd name="connsiteY10" fmla="*/ 728210 h 1704673"/>
                  <a:gd name="connsiteX11" fmla="*/ 1050940 w 1170929"/>
                  <a:gd name="connsiteY11" fmla="*/ 0 h 1704673"/>
                  <a:gd name="connsiteX12" fmla="*/ 856474 w 1170929"/>
                  <a:gd name="connsiteY12" fmla="*/ 0 h 1704673"/>
                  <a:gd name="connsiteX13" fmla="*/ 906125 w 1170929"/>
                  <a:gd name="connsiteY13" fmla="*/ 335142 h 1704673"/>
                  <a:gd name="connsiteX14" fmla="*/ 641322 w 1170929"/>
                  <a:gd name="connsiteY14" fmla="*/ 0 h 1704673"/>
                  <a:gd name="connsiteX0-1" fmla="*/ 641322 w 1170929"/>
                  <a:gd name="connsiteY0-2" fmla="*/ 0 h 1704673"/>
                  <a:gd name="connsiteX1-3" fmla="*/ 0 w 1170929"/>
                  <a:gd name="connsiteY1-4" fmla="*/ 0 h 1704673"/>
                  <a:gd name="connsiteX2-5" fmla="*/ 0 w 1170929"/>
                  <a:gd name="connsiteY2-6" fmla="*/ 1390219 h 1704673"/>
                  <a:gd name="connsiteX3-7" fmla="*/ 277217 w 1170929"/>
                  <a:gd name="connsiteY3-8" fmla="*/ 1406769 h 1704673"/>
                  <a:gd name="connsiteX4-9" fmla="*/ 0 w 1170929"/>
                  <a:gd name="connsiteY4-10" fmla="*/ 1506070 h 1704673"/>
                  <a:gd name="connsiteX5-11" fmla="*/ 0 w 1170929"/>
                  <a:gd name="connsiteY5-12" fmla="*/ 1704673 h 1704673"/>
                  <a:gd name="connsiteX6-13" fmla="*/ 682697 w 1170929"/>
                  <a:gd name="connsiteY6-14" fmla="*/ 1423319 h 1704673"/>
                  <a:gd name="connsiteX7-15" fmla="*/ 740623 w 1170929"/>
                  <a:gd name="connsiteY7-16" fmla="*/ 1435732 h 1704673"/>
                  <a:gd name="connsiteX8-17" fmla="*/ 947501 w 1170929"/>
                  <a:gd name="connsiteY8-18" fmla="*/ 1535033 h 1704673"/>
                  <a:gd name="connsiteX9-19" fmla="*/ 1170929 w 1170929"/>
                  <a:gd name="connsiteY9-20" fmla="*/ 856474 h 1704673"/>
                  <a:gd name="connsiteX10-21" fmla="*/ 1108865 w 1170929"/>
                  <a:gd name="connsiteY10-22" fmla="*/ 728210 h 1704673"/>
                  <a:gd name="connsiteX11-23" fmla="*/ 1050940 w 1170929"/>
                  <a:gd name="connsiteY11-24" fmla="*/ 0 h 1704673"/>
                  <a:gd name="connsiteX12-25" fmla="*/ 856474 w 1170929"/>
                  <a:gd name="connsiteY12-26" fmla="*/ 0 h 1704673"/>
                  <a:gd name="connsiteX13-27" fmla="*/ 906125 w 1170929"/>
                  <a:gd name="connsiteY13-28" fmla="*/ 335142 h 1704673"/>
                  <a:gd name="connsiteX14-29" fmla="*/ 641322 w 1170929"/>
                  <a:gd name="connsiteY14-30" fmla="*/ 0 h 1704673"/>
                  <a:gd name="connsiteX0-31" fmla="*/ 641322 w 1170929"/>
                  <a:gd name="connsiteY0-32" fmla="*/ 0 h 1704673"/>
                  <a:gd name="connsiteX1-33" fmla="*/ 0 w 1170929"/>
                  <a:gd name="connsiteY1-34" fmla="*/ 0 h 1704673"/>
                  <a:gd name="connsiteX2-35" fmla="*/ 0 w 1170929"/>
                  <a:gd name="connsiteY2-36" fmla="*/ 1390219 h 1704673"/>
                  <a:gd name="connsiteX3-37" fmla="*/ 277217 w 1170929"/>
                  <a:gd name="connsiteY3-38" fmla="*/ 1406769 h 1704673"/>
                  <a:gd name="connsiteX4-39" fmla="*/ 0 w 1170929"/>
                  <a:gd name="connsiteY4-40" fmla="*/ 1506070 h 1704673"/>
                  <a:gd name="connsiteX5-41" fmla="*/ 0 w 1170929"/>
                  <a:gd name="connsiteY5-42" fmla="*/ 1704673 h 1704673"/>
                  <a:gd name="connsiteX6-43" fmla="*/ 682697 w 1170929"/>
                  <a:gd name="connsiteY6-44" fmla="*/ 1423319 h 1704673"/>
                  <a:gd name="connsiteX7-45" fmla="*/ 740623 w 1170929"/>
                  <a:gd name="connsiteY7-46" fmla="*/ 1435732 h 1704673"/>
                  <a:gd name="connsiteX8-47" fmla="*/ 947501 w 1170929"/>
                  <a:gd name="connsiteY8-48" fmla="*/ 1535033 h 1704673"/>
                  <a:gd name="connsiteX9-49" fmla="*/ 1170929 w 1170929"/>
                  <a:gd name="connsiteY9-50" fmla="*/ 856474 h 1704673"/>
                  <a:gd name="connsiteX10-51" fmla="*/ 1108865 w 1170929"/>
                  <a:gd name="connsiteY10-52" fmla="*/ 728210 h 1704673"/>
                  <a:gd name="connsiteX11-53" fmla="*/ 1050940 w 1170929"/>
                  <a:gd name="connsiteY11-54" fmla="*/ 0 h 1704673"/>
                  <a:gd name="connsiteX12-55" fmla="*/ 856474 w 1170929"/>
                  <a:gd name="connsiteY12-56" fmla="*/ 0 h 1704673"/>
                  <a:gd name="connsiteX13-57" fmla="*/ 906125 w 1170929"/>
                  <a:gd name="connsiteY13-58" fmla="*/ 335142 h 1704673"/>
                  <a:gd name="connsiteX14-59" fmla="*/ 641322 w 1170929"/>
                  <a:gd name="connsiteY14-60" fmla="*/ 0 h 1704673"/>
                  <a:gd name="connsiteX0-61" fmla="*/ 641322 w 1170929"/>
                  <a:gd name="connsiteY0-62" fmla="*/ 0 h 1704673"/>
                  <a:gd name="connsiteX1-63" fmla="*/ 0 w 1170929"/>
                  <a:gd name="connsiteY1-64" fmla="*/ 0 h 1704673"/>
                  <a:gd name="connsiteX2-65" fmla="*/ 0 w 1170929"/>
                  <a:gd name="connsiteY2-66" fmla="*/ 1390219 h 1704673"/>
                  <a:gd name="connsiteX3-67" fmla="*/ 277217 w 1170929"/>
                  <a:gd name="connsiteY3-68" fmla="*/ 1406769 h 1704673"/>
                  <a:gd name="connsiteX4-69" fmla="*/ 0 w 1170929"/>
                  <a:gd name="connsiteY4-70" fmla="*/ 1506070 h 1704673"/>
                  <a:gd name="connsiteX5-71" fmla="*/ 0 w 1170929"/>
                  <a:gd name="connsiteY5-72" fmla="*/ 1704673 h 1704673"/>
                  <a:gd name="connsiteX6-73" fmla="*/ 682697 w 1170929"/>
                  <a:gd name="connsiteY6-74" fmla="*/ 1423319 h 1704673"/>
                  <a:gd name="connsiteX7-75" fmla="*/ 740623 w 1170929"/>
                  <a:gd name="connsiteY7-76" fmla="*/ 1435732 h 1704673"/>
                  <a:gd name="connsiteX8-77" fmla="*/ 947501 w 1170929"/>
                  <a:gd name="connsiteY8-78" fmla="*/ 1535033 h 1704673"/>
                  <a:gd name="connsiteX9-79" fmla="*/ 1170929 w 1170929"/>
                  <a:gd name="connsiteY9-80" fmla="*/ 856474 h 1704673"/>
                  <a:gd name="connsiteX10-81" fmla="*/ 1108865 w 1170929"/>
                  <a:gd name="connsiteY10-82" fmla="*/ 728210 h 1704673"/>
                  <a:gd name="connsiteX11-83" fmla="*/ 1050940 w 1170929"/>
                  <a:gd name="connsiteY11-84" fmla="*/ 0 h 1704673"/>
                  <a:gd name="connsiteX12-85" fmla="*/ 856474 w 1170929"/>
                  <a:gd name="connsiteY12-86" fmla="*/ 0 h 1704673"/>
                  <a:gd name="connsiteX13-87" fmla="*/ 906125 w 1170929"/>
                  <a:gd name="connsiteY13-88" fmla="*/ 335142 h 1704673"/>
                  <a:gd name="connsiteX14-89" fmla="*/ 641322 w 1170929"/>
                  <a:gd name="connsiteY14-90" fmla="*/ 0 h 1704673"/>
                  <a:gd name="connsiteX0-91" fmla="*/ 641322 w 1170929"/>
                  <a:gd name="connsiteY0-92" fmla="*/ 0 h 1704673"/>
                  <a:gd name="connsiteX1-93" fmla="*/ 0 w 1170929"/>
                  <a:gd name="connsiteY1-94" fmla="*/ 0 h 1704673"/>
                  <a:gd name="connsiteX2-95" fmla="*/ 0 w 1170929"/>
                  <a:gd name="connsiteY2-96" fmla="*/ 1390219 h 1704673"/>
                  <a:gd name="connsiteX3-97" fmla="*/ 277217 w 1170929"/>
                  <a:gd name="connsiteY3-98" fmla="*/ 1406769 h 1704673"/>
                  <a:gd name="connsiteX4-99" fmla="*/ 0 w 1170929"/>
                  <a:gd name="connsiteY4-100" fmla="*/ 1506070 h 1704673"/>
                  <a:gd name="connsiteX5-101" fmla="*/ 0 w 1170929"/>
                  <a:gd name="connsiteY5-102" fmla="*/ 1704673 h 1704673"/>
                  <a:gd name="connsiteX6-103" fmla="*/ 682697 w 1170929"/>
                  <a:gd name="connsiteY6-104" fmla="*/ 1423319 h 1704673"/>
                  <a:gd name="connsiteX7-105" fmla="*/ 740623 w 1170929"/>
                  <a:gd name="connsiteY7-106" fmla="*/ 1435732 h 1704673"/>
                  <a:gd name="connsiteX8-107" fmla="*/ 947501 w 1170929"/>
                  <a:gd name="connsiteY8-108" fmla="*/ 1535033 h 1704673"/>
                  <a:gd name="connsiteX9-109" fmla="*/ 1170929 w 1170929"/>
                  <a:gd name="connsiteY9-110" fmla="*/ 856474 h 1704673"/>
                  <a:gd name="connsiteX10-111" fmla="*/ 1108865 w 1170929"/>
                  <a:gd name="connsiteY10-112" fmla="*/ 728210 h 1704673"/>
                  <a:gd name="connsiteX11-113" fmla="*/ 1050940 w 1170929"/>
                  <a:gd name="connsiteY11-114" fmla="*/ 0 h 1704673"/>
                  <a:gd name="connsiteX12-115" fmla="*/ 856474 w 1170929"/>
                  <a:gd name="connsiteY12-116" fmla="*/ 0 h 1704673"/>
                  <a:gd name="connsiteX13-117" fmla="*/ 906125 w 1170929"/>
                  <a:gd name="connsiteY13-118" fmla="*/ 335142 h 1704673"/>
                  <a:gd name="connsiteX14-119" fmla="*/ 641322 w 1170929"/>
                  <a:gd name="connsiteY14-120" fmla="*/ 0 h 1704673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  <a:cxn ang="0">
                    <a:pos x="connsiteX11-23" y="connsiteY11-24"/>
                  </a:cxn>
                  <a:cxn ang="0">
                    <a:pos x="connsiteX12-25" y="connsiteY12-26"/>
                  </a:cxn>
                  <a:cxn ang="0">
                    <a:pos x="connsiteX13-27" y="connsiteY13-28"/>
                  </a:cxn>
                  <a:cxn ang="0">
                    <a:pos x="connsiteX14-29" y="connsiteY14-30"/>
                  </a:cxn>
                </a:cxnLst>
                <a:rect l="l" t="t" r="r" b="b"/>
                <a:pathLst>
                  <a:path w="1170929" h="1704673">
                    <a:moveTo>
                      <a:pt x="641322" y="0"/>
                    </a:moveTo>
                    <a:lnTo>
                      <a:pt x="0" y="0"/>
                    </a:lnTo>
                    <a:lnTo>
                      <a:pt x="0" y="1390219"/>
                    </a:lnTo>
                    <a:lnTo>
                      <a:pt x="277217" y="1406769"/>
                    </a:lnTo>
                    <a:lnTo>
                      <a:pt x="0" y="1506070"/>
                    </a:lnTo>
                    <a:lnTo>
                      <a:pt x="0" y="1704673"/>
                    </a:lnTo>
                    <a:cubicBezTo>
                      <a:pt x="260666" y="1635714"/>
                      <a:pt x="488232" y="1570892"/>
                      <a:pt x="682697" y="1423319"/>
                    </a:cubicBezTo>
                    <a:lnTo>
                      <a:pt x="740623" y="1435732"/>
                    </a:lnTo>
                    <a:lnTo>
                      <a:pt x="947501" y="1535033"/>
                    </a:lnTo>
                    <a:lnTo>
                      <a:pt x="1170929" y="856474"/>
                    </a:lnTo>
                    <a:lnTo>
                      <a:pt x="1108865" y="728210"/>
                    </a:lnTo>
                    <a:cubicBezTo>
                      <a:pt x="1130932" y="456510"/>
                      <a:pt x="1099210" y="238600"/>
                      <a:pt x="1050940" y="0"/>
                    </a:cubicBezTo>
                    <a:lnTo>
                      <a:pt x="856474" y="0"/>
                    </a:lnTo>
                    <a:lnTo>
                      <a:pt x="906125" y="335142"/>
                    </a:lnTo>
                    <a:lnTo>
                      <a:pt x="641322" y="0"/>
                    </a:lnTo>
                    <a:close/>
                  </a:path>
                </a:pathLst>
              </a:custGeom>
              <a:solidFill>
                <a:srgbClr val="12B19F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9" name="任意多边形 98"/>
              <p:cNvSpPr/>
              <p:nvPr/>
            </p:nvSpPr>
            <p:spPr>
              <a:xfrm>
                <a:off x="1143000" y="4356847"/>
                <a:ext cx="1667435" cy="267213"/>
              </a:xfrm>
              <a:custGeom>
                <a:avLst/>
                <a:gdLst>
                  <a:gd name="connsiteX0" fmla="*/ 1667435 w 1667435"/>
                  <a:gd name="connsiteY0" fmla="*/ 20171 h 235324"/>
                  <a:gd name="connsiteX1" fmla="*/ 1667435 w 1667435"/>
                  <a:gd name="connsiteY1" fmla="*/ 235324 h 235324"/>
                  <a:gd name="connsiteX2" fmla="*/ 0 w 1667435"/>
                  <a:gd name="connsiteY2" fmla="*/ 13447 h 235324"/>
                  <a:gd name="connsiteX3" fmla="*/ 484094 w 1667435"/>
                  <a:gd name="connsiteY3" fmla="*/ 0 h 235324"/>
                  <a:gd name="connsiteX4" fmla="*/ 1667435 w 1667435"/>
                  <a:gd name="connsiteY4" fmla="*/ 20171 h 235324"/>
                  <a:gd name="connsiteX0-1" fmla="*/ 1667435 w 1667435"/>
                  <a:gd name="connsiteY0-2" fmla="*/ 20171 h 235324"/>
                  <a:gd name="connsiteX1-3" fmla="*/ 1667435 w 1667435"/>
                  <a:gd name="connsiteY1-4" fmla="*/ 235324 h 235324"/>
                  <a:gd name="connsiteX2-5" fmla="*/ 0 w 1667435"/>
                  <a:gd name="connsiteY2-6" fmla="*/ 13447 h 235324"/>
                  <a:gd name="connsiteX3-7" fmla="*/ 484094 w 1667435"/>
                  <a:gd name="connsiteY3-8" fmla="*/ 0 h 235324"/>
                  <a:gd name="connsiteX4-9" fmla="*/ 1667435 w 1667435"/>
                  <a:gd name="connsiteY4-10" fmla="*/ 20171 h 235324"/>
                  <a:gd name="connsiteX0-11" fmla="*/ 1667435 w 1667435"/>
                  <a:gd name="connsiteY0-12" fmla="*/ 20171 h 267213"/>
                  <a:gd name="connsiteX1-13" fmla="*/ 1667435 w 1667435"/>
                  <a:gd name="connsiteY1-14" fmla="*/ 235324 h 267213"/>
                  <a:gd name="connsiteX2-15" fmla="*/ 0 w 1667435"/>
                  <a:gd name="connsiteY2-16" fmla="*/ 13447 h 267213"/>
                  <a:gd name="connsiteX3-17" fmla="*/ 484094 w 1667435"/>
                  <a:gd name="connsiteY3-18" fmla="*/ 0 h 267213"/>
                  <a:gd name="connsiteX4-19" fmla="*/ 1667435 w 1667435"/>
                  <a:gd name="connsiteY4-20" fmla="*/ 20171 h 267213"/>
                  <a:gd name="connsiteX0-21" fmla="*/ 1667435 w 1667435"/>
                  <a:gd name="connsiteY0-22" fmla="*/ 20171 h 267213"/>
                  <a:gd name="connsiteX1-23" fmla="*/ 1667435 w 1667435"/>
                  <a:gd name="connsiteY1-24" fmla="*/ 235324 h 267213"/>
                  <a:gd name="connsiteX2-25" fmla="*/ 0 w 1667435"/>
                  <a:gd name="connsiteY2-26" fmla="*/ 13447 h 267213"/>
                  <a:gd name="connsiteX3-27" fmla="*/ 484094 w 1667435"/>
                  <a:gd name="connsiteY3-28" fmla="*/ 0 h 267213"/>
                  <a:gd name="connsiteX4-29" fmla="*/ 1667435 w 1667435"/>
                  <a:gd name="connsiteY4-30" fmla="*/ 20171 h 267213"/>
                  <a:gd name="connsiteX0-31" fmla="*/ 1667435 w 1667435"/>
                  <a:gd name="connsiteY0-32" fmla="*/ 20171 h 267213"/>
                  <a:gd name="connsiteX1-33" fmla="*/ 1667435 w 1667435"/>
                  <a:gd name="connsiteY1-34" fmla="*/ 235324 h 267213"/>
                  <a:gd name="connsiteX2-35" fmla="*/ 0 w 1667435"/>
                  <a:gd name="connsiteY2-36" fmla="*/ 13447 h 267213"/>
                  <a:gd name="connsiteX3-37" fmla="*/ 484094 w 1667435"/>
                  <a:gd name="connsiteY3-38" fmla="*/ 0 h 267213"/>
                  <a:gd name="connsiteX4-39" fmla="*/ 1667435 w 1667435"/>
                  <a:gd name="connsiteY4-40" fmla="*/ 20171 h 267213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</a:cxnLst>
                <a:rect l="l" t="t" r="r" b="b"/>
                <a:pathLst>
                  <a:path w="1667435" h="267213">
                    <a:moveTo>
                      <a:pt x="1667435" y="20171"/>
                    </a:moveTo>
                    <a:lnTo>
                      <a:pt x="1667435" y="235324"/>
                    </a:lnTo>
                    <a:cubicBezTo>
                      <a:pt x="1151965" y="309282"/>
                      <a:pt x="502024" y="262218"/>
                      <a:pt x="0" y="13447"/>
                    </a:cubicBezTo>
                    <a:lnTo>
                      <a:pt x="484094" y="0"/>
                    </a:lnTo>
                    <a:cubicBezTo>
                      <a:pt x="824753" y="87406"/>
                      <a:pt x="1266264" y="80682"/>
                      <a:pt x="1667435" y="20171"/>
                    </a:cubicBezTo>
                    <a:close/>
                  </a:path>
                </a:pathLst>
              </a:custGeom>
              <a:solidFill>
                <a:srgbClr val="288DB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0" name="任意多边形 99"/>
              <p:cNvSpPr/>
              <p:nvPr/>
            </p:nvSpPr>
            <p:spPr>
              <a:xfrm>
                <a:off x="4578724" y="3951119"/>
                <a:ext cx="1633817" cy="2052993"/>
              </a:xfrm>
              <a:custGeom>
                <a:avLst/>
                <a:gdLst>
                  <a:gd name="connsiteX0" fmla="*/ 1633817 w 1633817"/>
                  <a:gd name="connsiteY0" fmla="*/ 282389 h 2050677"/>
                  <a:gd name="connsiteX1" fmla="*/ 1196788 w 1633817"/>
                  <a:gd name="connsiteY1" fmla="*/ 0 h 2050677"/>
                  <a:gd name="connsiteX2" fmla="*/ 1109382 w 1633817"/>
                  <a:gd name="connsiteY2" fmla="*/ 80683 h 2050677"/>
                  <a:gd name="connsiteX3" fmla="*/ 995082 w 1633817"/>
                  <a:gd name="connsiteY3" fmla="*/ 0 h 2050677"/>
                  <a:gd name="connsiteX4" fmla="*/ 470647 w 1633817"/>
                  <a:gd name="connsiteY4" fmla="*/ 336177 h 2050677"/>
                  <a:gd name="connsiteX5" fmla="*/ 0 w 1633817"/>
                  <a:gd name="connsiteY5" fmla="*/ 1573306 h 2050677"/>
                  <a:gd name="connsiteX6" fmla="*/ 147917 w 1633817"/>
                  <a:gd name="connsiteY6" fmla="*/ 1660712 h 2050677"/>
                  <a:gd name="connsiteX7" fmla="*/ 107576 w 1633817"/>
                  <a:gd name="connsiteY7" fmla="*/ 1721224 h 2050677"/>
                  <a:gd name="connsiteX8" fmla="*/ 141194 w 1633817"/>
                  <a:gd name="connsiteY8" fmla="*/ 1808630 h 2050677"/>
                  <a:gd name="connsiteX9" fmla="*/ 537882 w 1633817"/>
                  <a:gd name="connsiteY9" fmla="*/ 2050677 h 2050677"/>
                  <a:gd name="connsiteX10" fmla="*/ 1633817 w 1633817"/>
                  <a:gd name="connsiteY10" fmla="*/ 282389 h 2050677"/>
                  <a:gd name="connsiteX0-1" fmla="*/ 1633817 w 1633817"/>
                  <a:gd name="connsiteY0-2" fmla="*/ 284705 h 2052993"/>
                  <a:gd name="connsiteX1-3" fmla="*/ 1196788 w 1633817"/>
                  <a:gd name="connsiteY1-4" fmla="*/ 2316 h 2052993"/>
                  <a:gd name="connsiteX2-5" fmla="*/ 1109382 w 1633817"/>
                  <a:gd name="connsiteY2-6" fmla="*/ 82999 h 2052993"/>
                  <a:gd name="connsiteX3-7" fmla="*/ 995082 w 1633817"/>
                  <a:gd name="connsiteY3-8" fmla="*/ 2316 h 2052993"/>
                  <a:gd name="connsiteX4-9" fmla="*/ 470647 w 1633817"/>
                  <a:gd name="connsiteY4-10" fmla="*/ 338493 h 2052993"/>
                  <a:gd name="connsiteX5-11" fmla="*/ 0 w 1633817"/>
                  <a:gd name="connsiteY5-12" fmla="*/ 1575622 h 2052993"/>
                  <a:gd name="connsiteX6-13" fmla="*/ 147917 w 1633817"/>
                  <a:gd name="connsiteY6-14" fmla="*/ 1663028 h 2052993"/>
                  <a:gd name="connsiteX7-15" fmla="*/ 107576 w 1633817"/>
                  <a:gd name="connsiteY7-16" fmla="*/ 1723540 h 2052993"/>
                  <a:gd name="connsiteX8-17" fmla="*/ 141194 w 1633817"/>
                  <a:gd name="connsiteY8-18" fmla="*/ 1810946 h 2052993"/>
                  <a:gd name="connsiteX9-19" fmla="*/ 537882 w 1633817"/>
                  <a:gd name="connsiteY9-20" fmla="*/ 2052993 h 2052993"/>
                  <a:gd name="connsiteX10-21" fmla="*/ 1633817 w 1633817"/>
                  <a:gd name="connsiteY10-22" fmla="*/ 284705 h 2052993"/>
                  <a:gd name="connsiteX0-23" fmla="*/ 1633817 w 1633817"/>
                  <a:gd name="connsiteY0-24" fmla="*/ 284705 h 2052993"/>
                  <a:gd name="connsiteX1-25" fmla="*/ 1196788 w 1633817"/>
                  <a:gd name="connsiteY1-26" fmla="*/ 2316 h 2052993"/>
                  <a:gd name="connsiteX2-27" fmla="*/ 1109382 w 1633817"/>
                  <a:gd name="connsiteY2-28" fmla="*/ 82999 h 2052993"/>
                  <a:gd name="connsiteX3-29" fmla="*/ 995082 w 1633817"/>
                  <a:gd name="connsiteY3-30" fmla="*/ 2316 h 2052993"/>
                  <a:gd name="connsiteX4-31" fmla="*/ 470647 w 1633817"/>
                  <a:gd name="connsiteY4-32" fmla="*/ 338493 h 2052993"/>
                  <a:gd name="connsiteX5-33" fmla="*/ 0 w 1633817"/>
                  <a:gd name="connsiteY5-34" fmla="*/ 1575622 h 2052993"/>
                  <a:gd name="connsiteX6-35" fmla="*/ 147917 w 1633817"/>
                  <a:gd name="connsiteY6-36" fmla="*/ 1663028 h 2052993"/>
                  <a:gd name="connsiteX7-37" fmla="*/ 107576 w 1633817"/>
                  <a:gd name="connsiteY7-38" fmla="*/ 1723540 h 2052993"/>
                  <a:gd name="connsiteX8-39" fmla="*/ 141194 w 1633817"/>
                  <a:gd name="connsiteY8-40" fmla="*/ 1810946 h 2052993"/>
                  <a:gd name="connsiteX9-41" fmla="*/ 537882 w 1633817"/>
                  <a:gd name="connsiteY9-42" fmla="*/ 2052993 h 2052993"/>
                  <a:gd name="connsiteX10-43" fmla="*/ 1633817 w 1633817"/>
                  <a:gd name="connsiteY10-44" fmla="*/ 284705 h 2052993"/>
                  <a:gd name="connsiteX0-45" fmla="*/ 1633817 w 1633817"/>
                  <a:gd name="connsiteY0-46" fmla="*/ 284705 h 2052993"/>
                  <a:gd name="connsiteX1-47" fmla="*/ 1196788 w 1633817"/>
                  <a:gd name="connsiteY1-48" fmla="*/ 2316 h 2052993"/>
                  <a:gd name="connsiteX2-49" fmla="*/ 1109382 w 1633817"/>
                  <a:gd name="connsiteY2-50" fmla="*/ 82999 h 2052993"/>
                  <a:gd name="connsiteX3-51" fmla="*/ 995082 w 1633817"/>
                  <a:gd name="connsiteY3-52" fmla="*/ 2316 h 2052993"/>
                  <a:gd name="connsiteX4-53" fmla="*/ 470647 w 1633817"/>
                  <a:gd name="connsiteY4-54" fmla="*/ 338493 h 2052993"/>
                  <a:gd name="connsiteX5-55" fmla="*/ 0 w 1633817"/>
                  <a:gd name="connsiteY5-56" fmla="*/ 1575622 h 2052993"/>
                  <a:gd name="connsiteX6-57" fmla="*/ 147917 w 1633817"/>
                  <a:gd name="connsiteY6-58" fmla="*/ 1663028 h 2052993"/>
                  <a:gd name="connsiteX7-59" fmla="*/ 107576 w 1633817"/>
                  <a:gd name="connsiteY7-60" fmla="*/ 1723540 h 2052993"/>
                  <a:gd name="connsiteX8-61" fmla="*/ 141194 w 1633817"/>
                  <a:gd name="connsiteY8-62" fmla="*/ 1810946 h 2052993"/>
                  <a:gd name="connsiteX9-63" fmla="*/ 537882 w 1633817"/>
                  <a:gd name="connsiteY9-64" fmla="*/ 2052993 h 2052993"/>
                  <a:gd name="connsiteX10-65" fmla="*/ 1633817 w 1633817"/>
                  <a:gd name="connsiteY10-66" fmla="*/ 284705 h 2052993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</a:cxnLst>
                <a:rect l="l" t="t" r="r" b="b"/>
                <a:pathLst>
                  <a:path w="1633817" h="2052993">
                    <a:moveTo>
                      <a:pt x="1633817" y="284705"/>
                    </a:moveTo>
                    <a:lnTo>
                      <a:pt x="1196788" y="2316"/>
                    </a:lnTo>
                    <a:lnTo>
                      <a:pt x="1109382" y="82999"/>
                    </a:lnTo>
                    <a:lnTo>
                      <a:pt x="995082" y="2316"/>
                    </a:lnTo>
                    <a:cubicBezTo>
                      <a:pt x="954741" y="-26819"/>
                      <a:pt x="645459" y="226434"/>
                      <a:pt x="470647" y="338493"/>
                    </a:cubicBezTo>
                    <a:lnTo>
                      <a:pt x="0" y="1575622"/>
                    </a:lnTo>
                    <a:lnTo>
                      <a:pt x="147917" y="1663028"/>
                    </a:lnTo>
                    <a:lnTo>
                      <a:pt x="107576" y="1723540"/>
                    </a:lnTo>
                    <a:cubicBezTo>
                      <a:pt x="85445" y="1759819"/>
                      <a:pt x="103794" y="1784192"/>
                      <a:pt x="141194" y="1810946"/>
                    </a:cubicBezTo>
                    <a:lnTo>
                      <a:pt x="537882" y="2052993"/>
                    </a:lnTo>
                    <a:lnTo>
                      <a:pt x="1633817" y="284705"/>
                    </a:lnTo>
                    <a:close/>
                  </a:path>
                </a:pathLst>
              </a:custGeom>
              <a:solidFill>
                <a:srgbClr val="288DB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1" name="任意多边形 100"/>
              <p:cNvSpPr/>
              <p:nvPr/>
            </p:nvSpPr>
            <p:spPr>
              <a:xfrm>
                <a:off x="3196389" y="5269832"/>
                <a:ext cx="1499937" cy="1211179"/>
              </a:xfrm>
              <a:custGeom>
                <a:avLst/>
                <a:gdLst>
                  <a:gd name="connsiteX0" fmla="*/ 1375611 w 1499937"/>
                  <a:gd name="connsiteY0" fmla="*/ 1211179 h 1211179"/>
                  <a:gd name="connsiteX1" fmla="*/ 0 w 1499937"/>
                  <a:gd name="connsiteY1" fmla="*/ 1211179 h 1211179"/>
                  <a:gd name="connsiteX2" fmla="*/ 196516 w 1499937"/>
                  <a:gd name="connsiteY2" fmla="*/ 364957 h 1211179"/>
                  <a:gd name="connsiteX3" fmla="*/ 284748 w 1499937"/>
                  <a:gd name="connsiteY3" fmla="*/ 393031 h 1211179"/>
                  <a:gd name="connsiteX4" fmla="*/ 376990 w 1499937"/>
                  <a:gd name="connsiteY4" fmla="*/ 0 h 1211179"/>
                  <a:gd name="connsiteX5" fmla="*/ 1483895 w 1499937"/>
                  <a:gd name="connsiteY5" fmla="*/ 272715 h 1211179"/>
                  <a:gd name="connsiteX6" fmla="*/ 1395664 w 1499937"/>
                  <a:gd name="connsiteY6" fmla="*/ 649705 h 1211179"/>
                  <a:gd name="connsiteX7" fmla="*/ 1499937 w 1499937"/>
                  <a:gd name="connsiteY7" fmla="*/ 677779 h 1211179"/>
                  <a:gd name="connsiteX8" fmla="*/ 1375611 w 1499937"/>
                  <a:gd name="connsiteY8" fmla="*/ 1211179 h 1211179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</a:cxnLst>
                <a:rect l="l" t="t" r="r" b="b"/>
                <a:pathLst>
                  <a:path w="1499937" h="1211179">
                    <a:moveTo>
                      <a:pt x="1375611" y="1211179"/>
                    </a:moveTo>
                    <a:lnTo>
                      <a:pt x="0" y="1211179"/>
                    </a:lnTo>
                    <a:lnTo>
                      <a:pt x="196516" y="364957"/>
                    </a:lnTo>
                    <a:lnTo>
                      <a:pt x="284748" y="393031"/>
                    </a:lnTo>
                    <a:lnTo>
                      <a:pt x="376990" y="0"/>
                    </a:lnTo>
                    <a:lnTo>
                      <a:pt x="1483895" y="272715"/>
                    </a:lnTo>
                    <a:lnTo>
                      <a:pt x="1395664" y="649705"/>
                    </a:lnTo>
                    <a:lnTo>
                      <a:pt x="1499937" y="677779"/>
                    </a:lnTo>
                    <a:lnTo>
                      <a:pt x="1375611" y="1211179"/>
                    </a:lnTo>
                    <a:close/>
                  </a:path>
                </a:pathLst>
              </a:cu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2" name="任意多边形 101"/>
              <p:cNvSpPr/>
              <p:nvPr/>
            </p:nvSpPr>
            <p:spPr>
              <a:xfrm>
                <a:off x="3558115" y="3712735"/>
                <a:ext cx="1546298" cy="1801739"/>
              </a:xfrm>
              <a:custGeom>
                <a:avLst/>
                <a:gdLst>
                  <a:gd name="connsiteX0" fmla="*/ 0 w 1419726"/>
                  <a:gd name="connsiteY0" fmla="*/ 1503947 h 1728537"/>
                  <a:gd name="connsiteX1" fmla="*/ 4011 w 1419726"/>
                  <a:gd name="connsiteY1" fmla="*/ 1159042 h 1728537"/>
                  <a:gd name="connsiteX2" fmla="*/ 172453 w 1419726"/>
                  <a:gd name="connsiteY2" fmla="*/ 473242 h 1728537"/>
                  <a:gd name="connsiteX3" fmla="*/ 284747 w 1419726"/>
                  <a:gd name="connsiteY3" fmla="*/ 0 h 1728537"/>
                  <a:gd name="connsiteX4" fmla="*/ 609600 w 1419726"/>
                  <a:gd name="connsiteY4" fmla="*/ 84221 h 1728537"/>
                  <a:gd name="connsiteX5" fmla="*/ 898358 w 1419726"/>
                  <a:gd name="connsiteY5" fmla="*/ 112295 h 1728537"/>
                  <a:gd name="connsiteX6" fmla="*/ 1231232 w 1419726"/>
                  <a:gd name="connsiteY6" fmla="*/ 272716 h 1728537"/>
                  <a:gd name="connsiteX7" fmla="*/ 1419726 w 1419726"/>
                  <a:gd name="connsiteY7" fmla="*/ 473242 h 1728537"/>
                  <a:gd name="connsiteX8" fmla="*/ 1002632 w 1419726"/>
                  <a:gd name="connsiteY8" fmla="*/ 1499937 h 1728537"/>
                  <a:gd name="connsiteX9" fmla="*/ 910390 w 1419726"/>
                  <a:gd name="connsiteY9" fmla="*/ 1728537 h 1728537"/>
                  <a:gd name="connsiteX10" fmla="*/ 0 w 1419726"/>
                  <a:gd name="connsiteY10" fmla="*/ 1503947 h 1728537"/>
                  <a:gd name="connsiteX0-1" fmla="*/ 92673 w 1512399"/>
                  <a:gd name="connsiteY0-2" fmla="*/ 1503947 h 1728537"/>
                  <a:gd name="connsiteX1-3" fmla="*/ 96684 w 1512399"/>
                  <a:gd name="connsiteY1-4" fmla="*/ 1159042 h 1728537"/>
                  <a:gd name="connsiteX2-5" fmla="*/ 265126 w 1512399"/>
                  <a:gd name="connsiteY2-6" fmla="*/ 473242 h 1728537"/>
                  <a:gd name="connsiteX3-7" fmla="*/ 377420 w 1512399"/>
                  <a:gd name="connsiteY3-8" fmla="*/ 0 h 1728537"/>
                  <a:gd name="connsiteX4-9" fmla="*/ 702273 w 1512399"/>
                  <a:gd name="connsiteY4-10" fmla="*/ 84221 h 1728537"/>
                  <a:gd name="connsiteX5-11" fmla="*/ 991031 w 1512399"/>
                  <a:gd name="connsiteY5-12" fmla="*/ 112295 h 1728537"/>
                  <a:gd name="connsiteX6-13" fmla="*/ 1323905 w 1512399"/>
                  <a:gd name="connsiteY6-14" fmla="*/ 272716 h 1728537"/>
                  <a:gd name="connsiteX7-15" fmla="*/ 1512399 w 1512399"/>
                  <a:gd name="connsiteY7-16" fmla="*/ 473242 h 1728537"/>
                  <a:gd name="connsiteX8-17" fmla="*/ 1095305 w 1512399"/>
                  <a:gd name="connsiteY8-18" fmla="*/ 1499937 h 1728537"/>
                  <a:gd name="connsiteX9-19" fmla="*/ 1003063 w 1512399"/>
                  <a:gd name="connsiteY9-20" fmla="*/ 1728537 h 1728537"/>
                  <a:gd name="connsiteX10-21" fmla="*/ 92673 w 1512399"/>
                  <a:gd name="connsiteY10-22" fmla="*/ 1503947 h 1728537"/>
                  <a:gd name="connsiteX0-23" fmla="*/ 127992 w 1547718"/>
                  <a:gd name="connsiteY0-24" fmla="*/ 1503947 h 1728537"/>
                  <a:gd name="connsiteX1-25" fmla="*/ 132003 w 1547718"/>
                  <a:gd name="connsiteY1-26" fmla="*/ 1159042 h 1728537"/>
                  <a:gd name="connsiteX2-27" fmla="*/ 300445 w 1547718"/>
                  <a:gd name="connsiteY2-28" fmla="*/ 473242 h 1728537"/>
                  <a:gd name="connsiteX3-29" fmla="*/ 412739 w 1547718"/>
                  <a:gd name="connsiteY3-30" fmla="*/ 0 h 1728537"/>
                  <a:gd name="connsiteX4-31" fmla="*/ 737592 w 1547718"/>
                  <a:gd name="connsiteY4-32" fmla="*/ 84221 h 1728537"/>
                  <a:gd name="connsiteX5-33" fmla="*/ 1026350 w 1547718"/>
                  <a:gd name="connsiteY5-34" fmla="*/ 112295 h 1728537"/>
                  <a:gd name="connsiteX6-35" fmla="*/ 1359224 w 1547718"/>
                  <a:gd name="connsiteY6-36" fmla="*/ 272716 h 1728537"/>
                  <a:gd name="connsiteX7-37" fmla="*/ 1547718 w 1547718"/>
                  <a:gd name="connsiteY7-38" fmla="*/ 473242 h 1728537"/>
                  <a:gd name="connsiteX8-39" fmla="*/ 1130624 w 1547718"/>
                  <a:gd name="connsiteY8-40" fmla="*/ 1499937 h 1728537"/>
                  <a:gd name="connsiteX9-41" fmla="*/ 1038382 w 1547718"/>
                  <a:gd name="connsiteY9-42" fmla="*/ 1728537 h 1728537"/>
                  <a:gd name="connsiteX10-43" fmla="*/ 127992 w 1547718"/>
                  <a:gd name="connsiteY10-44" fmla="*/ 1503947 h 1728537"/>
                  <a:gd name="connsiteX0-45" fmla="*/ 115526 w 1535252"/>
                  <a:gd name="connsiteY0-46" fmla="*/ 1503947 h 1728537"/>
                  <a:gd name="connsiteX1-47" fmla="*/ 119537 w 1535252"/>
                  <a:gd name="connsiteY1-48" fmla="*/ 1159042 h 1728537"/>
                  <a:gd name="connsiteX2-49" fmla="*/ 287979 w 1535252"/>
                  <a:gd name="connsiteY2-50" fmla="*/ 473242 h 1728537"/>
                  <a:gd name="connsiteX3-51" fmla="*/ 400273 w 1535252"/>
                  <a:gd name="connsiteY3-52" fmla="*/ 0 h 1728537"/>
                  <a:gd name="connsiteX4-53" fmla="*/ 725126 w 1535252"/>
                  <a:gd name="connsiteY4-54" fmla="*/ 84221 h 1728537"/>
                  <a:gd name="connsiteX5-55" fmla="*/ 1013884 w 1535252"/>
                  <a:gd name="connsiteY5-56" fmla="*/ 112295 h 1728537"/>
                  <a:gd name="connsiteX6-57" fmla="*/ 1346758 w 1535252"/>
                  <a:gd name="connsiteY6-58" fmla="*/ 272716 h 1728537"/>
                  <a:gd name="connsiteX7-59" fmla="*/ 1535252 w 1535252"/>
                  <a:gd name="connsiteY7-60" fmla="*/ 473242 h 1728537"/>
                  <a:gd name="connsiteX8-61" fmla="*/ 1118158 w 1535252"/>
                  <a:gd name="connsiteY8-62" fmla="*/ 1499937 h 1728537"/>
                  <a:gd name="connsiteX9-63" fmla="*/ 1025916 w 1535252"/>
                  <a:gd name="connsiteY9-64" fmla="*/ 1728537 h 1728537"/>
                  <a:gd name="connsiteX10-65" fmla="*/ 115526 w 1535252"/>
                  <a:gd name="connsiteY10-66" fmla="*/ 1503947 h 1728537"/>
                  <a:gd name="connsiteX0-67" fmla="*/ 115526 w 1535252"/>
                  <a:gd name="connsiteY0-68" fmla="*/ 1548883 h 1773473"/>
                  <a:gd name="connsiteX1-69" fmla="*/ 119537 w 1535252"/>
                  <a:gd name="connsiteY1-70" fmla="*/ 1203978 h 1773473"/>
                  <a:gd name="connsiteX2-71" fmla="*/ 287979 w 1535252"/>
                  <a:gd name="connsiteY2-72" fmla="*/ 518178 h 1773473"/>
                  <a:gd name="connsiteX3-73" fmla="*/ 400273 w 1535252"/>
                  <a:gd name="connsiteY3-74" fmla="*/ 44936 h 1773473"/>
                  <a:gd name="connsiteX4-75" fmla="*/ 725126 w 1535252"/>
                  <a:gd name="connsiteY4-76" fmla="*/ 129157 h 1773473"/>
                  <a:gd name="connsiteX5-77" fmla="*/ 1013884 w 1535252"/>
                  <a:gd name="connsiteY5-78" fmla="*/ 157231 h 1773473"/>
                  <a:gd name="connsiteX6-79" fmla="*/ 1346758 w 1535252"/>
                  <a:gd name="connsiteY6-80" fmla="*/ 317652 h 1773473"/>
                  <a:gd name="connsiteX7-81" fmla="*/ 1535252 w 1535252"/>
                  <a:gd name="connsiteY7-82" fmla="*/ 518178 h 1773473"/>
                  <a:gd name="connsiteX8-83" fmla="*/ 1118158 w 1535252"/>
                  <a:gd name="connsiteY8-84" fmla="*/ 1544873 h 1773473"/>
                  <a:gd name="connsiteX9-85" fmla="*/ 1025916 w 1535252"/>
                  <a:gd name="connsiteY9-86" fmla="*/ 1773473 h 1773473"/>
                  <a:gd name="connsiteX10-87" fmla="*/ 115526 w 1535252"/>
                  <a:gd name="connsiteY10-88" fmla="*/ 1548883 h 1773473"/>
                  <a:gd name="connsiteX0-89" fmla="*/ 115526 w 1535252"/>
                  <a:gd name="connsiteY0-90" fmla="*/ 1577149 h 1801739"/>
                  <a:gd name="connsiteX1-91" fmla="*/ 119537 w 1535252"/>
                  <a:gd name="connsiteY1-92" fmla="*/ 1232244 h 1801739"/>
                  <a:gd name="connsiteX2-93" fmla="*/ 287979 w 1535252"/>
                  <a:gd name="connsiteY2-94" fmla="*/ 546444 h 1801739"/>
                  <a:gd name="connsiteX3-95" fmla="*/ 400273 w 1535252"/>
                  <a:gd name="connsiteY3-96" fmla="*/ 73202 h 1801739"/>
                  <a:gd name="connsiteX4-97" fmla="*/ 725126 w 1535252"/>
                  <a:gd name="connsiteY4-98" fmla="*/ 157423 h 1801739"/>
                  <a:gd name="connsiteX5-99" fmla="*/ 1013884 w 1535252"/>
                  <a:gd name="connsiteY5-100" fmla="*/ 185497 h 1801739"/>
                  <a:gd name="connsiteX6-101" fmla="*/ 1346758 w 1535252"/>
                  <a:gd name="connsiteY6-102" fmla="*/ 345918 h 1801739"/>
                  <a:gd name="connsiteX7-103" fmla="*/ 1535252 w 1535252"/>
                  <a:gd name="connsiteY7-104" fmla="*/ 546444 h 1801739"/>
                  <a:gd name="connsiteX8-105" fmla="*/ 1118158 w 1535252"/>
                  <a:gd name="connsiteY8-106" fmla="*/ 1573139 h 1801739"/>
                  <a:gd name="connsiteX9-107" fmla="*/ 1025916 w 1535252"/>
                  <a:gd name="connsiteY9-108" fmla="*/ 1801739 h 1801739"/>
                  <a:gd name="connsiteX10-109" fmla="*/ 115526 w 1535252"/>
                  <a:gd name="connsiteY10-110" fmla="*/ 1577149 h 1801739"/>
                  <a:gd name="connsiteX0-111" fmla="*/ 115526 w 1535252"/>
                  <a:gd name="connsiteY0-112" fmla="*/ 1577149 h 1801739"/>
                  <a:gd name="connsiteX1-113" fmla="*/ 119537 w 1535252"/>
                  <a:gd name="connsiteY1-114" fmla="*/ 1232244 h 1801739"/>
                  <a:gd name="connsiteX2-115" fmla="*/ 287979 w 1535252"/>
                  <a:gd name="connsiteY2-116" fmla="*/ 546444 h 1801739"/>
                  <a:gd name="connsiteX3-117" fmla="*/ 400273 w 1535252"/>
                  <a:gd name="connsiteY3-118" fmla="*/ 73202 h 1801739"/>
                  <a:gd name="connsiteX4-119" fmla="*/ 725126 w 1535252"/>
                  <a:gd name="connsiteY4-120" fmla="*/ 157423 h 1801739"/>
                  <a:gd name="connsiteX5-121" fmla="*/ 1013884 w 1535252"/>
                  <a:gd name="connsiteY5-122" fmla="*/ 185497 h 1801739"/>
                  <a:gd name="connsiteX6-123" fmla="*/ 1346758 w 1535252"/>
                  <a:gd name="connsiteY6-124" fmla="*/ 345918 h 1801739"/>
                  <a:gd name="connsiteX7-125" fmla="*/ 1535252 w 1535252"/>
                  <a:gd name="connsiteY7-126" fmla="*/ 546444 h 1801739"/>
                  <a:gd name="connsiteX8-127" fmla="*/ 1118158 w 1535252"/>
                  <a:gd name="connsiteY8-128" fmla="*/ 1573139 h 1801739"/>
                  <a:gd name="connsiteX9-129" fmla="*/ 1025916 w 1535252"/>
                  <a:gd name="connsiteY9-130" fmla="*/ 1801739 h 1801739"/>
                  <a:gd name="connsiteX10-131" fmla="*/ 115526 w 1535252"/>
                  <a:gd name="connsiteY10-132" fmla="*/ 1577149 h 1801739"/>
                  <a:gd name="connsiteX0-133" fmla="*/ 115526 w 1535252"/>
                  <a:gd name="connsiteY0-134" fmla="*/ 1577149 h 1801739"/>
                  <a:gd name="connsiteX1-135" fmla="*/ 119537 w 1535252"/>
                  <a:gd name="connsiteY1-136" fmla="*/ 1232244 h 1801739"/>
                  <a:gd name="connsiteX2-137" fmla="*/ 287979 w 1535252"/>
                  <a:gd name="connsiteY2-138" fmla="*/ 546444 h 1801739"/>
                  <a:gd name="connsiteX3-139" fmla="*/ 400273 w 1535252"/>
                  <a:gd name="connsiteY3-140" fmla="*/ 73202 h 1801739"/>
                  <a:gd name="connsiteX4-141" fmla="*/ 725126 w 1535252"/>
                  <a:gd name="connsiteY4-142" fmla="*/ 157423 h 1801739"/>
                  <a:gd name="connsiteX5-143" fmla="*/ 1013884 w 1535252"/>
                  <a:gd name="connsiteY5-144" fmla="*/ 185497 h 1801739"/>
                  <a:gd name="connsiteX6-145" fmla="*/ 1346758 w 1535252"/>
                  <a:gd name="connsiteY6-146" fmla="*/ 345918 h 1801739"/>
                  <a:gd name="connsiteX7-147" fmla="*/ 1535252 w 1535252"/>
                  <a:gd name="connsiteY7-148" fmla="*/ 546444 h 1801739"/>
                  <a:gd name="connsiteX8-149" fmla="*/ 1118158 w 1535252"/>
                  <a:gd name="connsiteY8-150" fmla="*/ 1573139 h 1801739"/>
                  <a:gd name="connsiteX9-151" fmla="*/ 1025916 w 1535252"/>
                  <a:gd name="connsiteY9-152" fmla="*/ 1801739 h 1801739"/>
                  <a:gd name="connsiteX10-153" fmla="*/ 115526 w 1535252"/>
                  <a:gd name="connsiteY10-154" fmla="*/ 1577149 h 1801739"/>
                  <a:gd name="connsiteX0-155" fmla="*/ 115526 w 1535252"/>
                  <a:gd name="connsiteY0-156" fmla="*/ 1577149 h 1801739"/>
                  <a:gd name="connsiteX1-157" fmla="*/ 119537 w 1535252"/>
                  <a:gd name="connsiteY1-158" fmla="*/ 1232244 h 1801739"/>
                  <a:gd name="connsiteX2-159" fmla="*/ 287979 w 1535252"/>
                  <a:gd name="connsiteY2-160" fmla="*/ 546444 h 1801739"/>
                  <a:gd name="connsiteX3-161" fmla="*/ 400273 w 1535252"/>
                  <a:gd name="connsiteY3-162" fmla="*/ 73202 h 1801739"/>
                  <a:gd name="connsiteX4-163" fmla="*/ 725126 w 1535252"/>
                  <a:gd name="connsiteY4-164" fmla="*/ 157423 h 1801739"/>
                  <a:gd name="connsiteX5-165" fmla="*/ 1013884 w 1535252"/>
                  <a:gd name="connsiteY5-166" fmla="*/ 185497 h 1801739"/>
                  <a:gd name="connsiteX6-167" fmla="*/ 1346758 w 1535252"/>
                  <a:gd name="connsiteY6-168" fmla="*/ 345918 h 1801739"/>
                  <a:gd name="connsiteX7-169" fmla="*/ 1535252 w 1535252"/>
                  <a:gd name="connsiteY7-170" fmla="*/ 546444 h 1801739"/>
                  <a:gd name="connsiteX8-171" fmla="*/ 1118158 w 1535252"/>
                  <a:gd name="connsiteY8-172" fmla="*/ 1573139 h 1801739"/>
                  <a:gd name="connsiteX9-173" fmla="*/ 1025916 w 1535252"/>
                  <a:gd name="connsiteY9-174" fmla="*/ 1801739 h 1801739"/>
                  <a:gd name="connsiteX10-175" fmla="*/ 115526 w 1535252"/>
                  <a:gd name="connsiteY10-176" fmla="*/ 1577149 h 1801739"/>
                  <a:gd name="connsiteX0-177" fmla="*/ 115526 w 1535252"/>
                  <a:gd name="connsiteY0-178" fmla="*/ 1577149 h 1801739"/>
                  <a:gd name="connsiteX1-179" fmla="*/ 119537 w 1535252"/>
                  <a:gd name="connsiteY1-180" fmla="*/ 1232244 h 1801739"/>
                  <a:gd name="connsiteX2-181" fmla="*/ 287979 w 1535252"/>
                  <a:gd name="connsiteY2-182" fmla="*/ 546444 h 1801739"/>
                  <a:gd name="connsiteX3-183" fmla="*/ 400273 w 1535252"/>
                  <a:gd name="connsiteY3-184" fmla="*/ 73202 h 1801739"/>
                  <a:gd name="connsiteX4-185" fmla="*/ 725126 w 1535252"/>
                  <a:gd name="connsiteY4-186" fmla="*/ 157423 h 1801739"/>
                  <a:gd name="connsiteX5-187" fmla="*/ 1013884 w 1535252"/>
                  <a:gd name="connsiteY5-188" fmla="*/ 185497 h 1801739"/>
                  <a:gd name="connsiteX6-189" fmla="*/ 1346758 w 1535252"/>
                  <a:gd name="connsiteY6-190" fmla="*/ 345918 h 1801739"/>
                  <a:gd name="connsiteX7-191" fmla="*/ 1535252 w 1535252"/>
                  <a:gd name="connsiteY7-192" fmla="*/ 546444 h 1801739"/>
                  <a:gd name="connsiteX8-193" fmla="*/ 1118158 w 1535252"/>
                  <a:gd name="connsiteY8-194" fmla="*/ 1573139 h 1801739"/>
                  <a:gd name="connsiteX9-195" fmla="*/ 1025916 w 1535252"/>
                  <a:gd name="connsiteY9-196" fmla="*/ 1801739 h 1801739"/>
                  <a:gd name="connsiteX10-197" fmla="*/ 115526 w 1535252"/>
                  <a:gd name="connsiteY10-198" fmla="*/ 1577149 h 1801739"/>
                  <a:gd name="connsiteX0-199" fmla="*/ 115526 w 1535252"/>
                  <a:gd name="connsiteY0-200" fmla="*/ 1577149 h 1801739"/>
                  <a:gd name="connsiteX1-201" fmla="*/ 119537 w 1535252"/>
                  <a:gd name="connsiteY1-202" fmla="*/ 1232244 h 1801739"/>
                  <a:gd name="connsiteX2-203" fmla="*/ 287979 w 1535252"/>
                  <a:gd name="connsiteY2-204" fmla="*/ 546444 h 1801739"/>
                  <a:gd name="connsiteX3-205" fmla="*/ 400273 w 1535252"/>
                  <a:gd name="connsiteY3-206" fmla="*/ 73202 h 1801739"/>
                  <a:gd name="connsiteX4-207" fmla="*/ 725126 w 1535252"/>
                  <a:gd name="connsiteY4-208" fmla="*/ 157423 h 1801739"/>
                  <a:gd name="connsiteX5-209" fmla="*/ 1013884 w 1535252"/>
                  <a:gd name="connsiteY5-210" fmla="*/ 185497 h 1801739"/>
                  <a:gd name="connsiteX6-211" fmla="*/ 1078053 w 1535252"/>
                  <a:gd name="connsiteY6-212" fmla="*/ 221591 h 1801739"/>
                  <a:gd name="connsiteX7-213" fmla="*/ 1346758 w 1535252"/>
                  <a:gd name="connsiteY7-214" fmla="*/ 345918 h 1801739"/>
                  <a:gd name="connsiteX8-215" fmla="*/ 1535252 w 1535252"/>
                  <a:gd name="connsiteY8-216" fmla="*/ 546444 h 1801739"/>
                  <a:gd name="connsiteX9-217" fmla="*/ 1118158 w 1535252"/>
                  <a:gd name="connsiteY9-218" fmla="*/ 1573139 h 1801739"/>
                  <a:gd name="connsiteX10-219" fmla="*/ 1025916 w 1535252"/>
                  <a:gd name="connsiteY10-220" fmla="*/ 1801739 h 1801739"/>
                  <a:gd name="connsiteX11" fmla="*/ 115526 w 1535252"/>
                  <a:gd name="connsiteY11" fmla="*/ 1577149 h 1801739"/>
                  <a:gd name="connsiteX0-221" fmla="*/ 115526 w 1535252"/>
                  <a:gd name="connsiteY0-222" fmla="*/ 1577149 h 1801739"/>
                  <a:gd name="connsiteX1-223" fmla="*/ 119537 w 1535252"/>
                  <a:gd name="connsiteY1-224" fmla="*/ 1232244 h 1801739"/>
                  <a:gd name="connsiteX2-225" fmla="*/ 287979 w 1535252"/>
                  <a:gd name="connsiteY2-226" fmla="*/ 546444 h 1801739"/>
                  <a:gd name="connsiteX3-227" fmla="*/ 400273 w 1535252"/>
                  <a:gd name="connsiteY3-228" fmla="*/ 73202 h 1801739"/>
                  <a:gd name="connsiteX4-229" fmla="*/ 725126 w 1535252"/>
                  <a:gd name="connsiteY4-230" fmla="*/ 157423 h 1801739"/>
                  <a:gd name="connsiteX5-231" fmla="*/ 1013884 w 1535252"/>
                  <a:gd name="connsiteY5-232" fmla="*/ 185497 h 1801739"/>
                  <a:gd name="connsiteX6-233" fmla="*/ 1078053 w 1535252"/>
                  <a:gd name="connsiteY6-234" fmla="*/ 221591 h 1801739"/>
                  <a:gd name="connsiteX7-235" fmla="*/ 1346758 w 1535252"/>
                  <a:gd name="connsiteY7-236" fmla="*/ 345918 h 1801739"/>
                  <a:gd name="connsiteX8-237" fmla="*/ 1535252 w 1535252"/>
                  <a:gd name="connsiteY8-238" fmla="*/ 546444 h 1801739"/>
                  <a:gd name="connsiteX9-239" fmla="*/ 1118158 w 1535252"/>
                  <a:gd name="connsiteY9-240" fmla="*/ 1573139 h 1801739"/>
                  <a:gd name="connsiteX10-241" fmla="*/ 1025916 w 1535252"/>
                  <a:gd name="connsiteY10-242" fmla="*/ 1801739 h 1801739"/>
                  <a:gd name="connsiteX11-243" fmla="*/ 115526 w 1535252"/>
                  <a:gd name="connsiteY11-244" fmla="*/ 1577149 h 1801739"/>
                  <a:gd name="connsiteX0-245" fmla="*/ 115526 w 1535252"/>
                  <a:gd name="connsiteY0-246" fmla="*/ 1577149 h 1801739"/>
                  <a:gd name="connsiteX1-247" fmla="*/ 119537 w 1535252"/>
                  <a:gd name="connsiteY1-248" fmla="*/ 1232244 h 1801739"/>
                  <a:gd name="connsiteX2-249" fmla="*/ 287979 w 1535252"/>
                  <a:gd name="connsiteY2-250" fmla="*/ 546444 h 1801739"/>
                  <a:gd name="connsiteX3-251" fmla="*/ 400273 w 1535252"/>
                  <a:gd name="connsiteY3-252" fmla="*/ 73202 h 1801739"/>
                  <a:gd name="connsiteX4-253" fmla="*/ 725126 w 1535252"/>
                  <a:gd name="connsiteY4-254" fmla="*/ 157423 h 1801739"/>
                  <a:gd name="connsiteX5-255" fmla="*/ 1013884 w 1535252"/>
                  <a:gd name="connsiteY5-256" fmla="*/ 185497 h 1801739"/>
                  <a:gd name="connsiteX6-257" fmla="*/ 1078053 w 1535252"/>
                  <a:gd name="connsiteY6-258" fmla="*/ 221591 h 1801739"/>
                  <a:gd name="connsiteX7-259" fmla="*/ 1346758 w 1535252"/>
                  <a:gd name="connsiteY7-260" fmla="*/ 345918 h 1801739"/>
                  <a:gd name="connsiteX8-261" fmla="*/ 1535252 w 1535252"/>
                  <a:gd name="connsiteY8-262" fmla="*/ 546444 h 1801739"/>
                  <a:gd name="connsiteX9-263" fmla="*/ 1118158 w 1535252"/>
                  <a:gd name="connsiteY9-264" fmla="*/ 1573139 h 1801739"/>
                  <a:gd name="connsiteX10-265" fmla="*/ 1025916 w 1535252"/>
                  <a:gd name="connsiteY10-266" fmla="*/ 1801739 h 1801739"/>
                  <a:gd name="connsiteX11-267" fmla="*/ 115526 w 1535252"/>
                  <a:gd name="connsiteY11-268" fmla="*/ 1577149 h 1801739"/>
                  <a:gd name="connsiteX0-269" fmla="*/ 115526 w 1535252"/>
                  <a:gd name="connsiteY0-270" fmla="*/ 1577149 h 1801739"/>
                  <a:gd name="connsiteX1-271" fmla="*/ 119537 w 1535252"/>
                  <a:gd name="connsiteY1-272" fmla="*/ 1232244 h 1801739"/>
                  <a:gd name="connsiteX2-273" fmla="*/ 287979 w 1535252"/>
                  <a:gd name="connsiteY2-274" fmla="*/ 546444 h 1801739"/>
                  <a:gd name="connsiteX3-275" fmla="*/ 400273 w 1535252"/>
                  <a:gd name="connsiteY3-276" fmla="*/ 73202 h 1801739"/>
                  <a:gd name="connsiteX4-277" fmla="*/ 725126 w 1535252"/>
                  <a:gd name="connsiteY4-278" fmla="*/ 157423 h 1801739"/>
                  <a:gd name="connsiteX5-279" fmla="*/ 1013884 w 1535252"/>
                  <a:gd name="connsiteY5-280" fmla="*/ 185497 h 1801739"/>
                  <a:gd name="connsiteX6-281" fmla="*/ 1078053 w 1535252"/>
                  <a:gd name="connsiteY6-282" fmla="*/ 221591 h 1801739"/>
                  <a:gd name="connsiteX7-283" fmla="*/ 1346758 w 1535252"/>
                  <a:gd name="connsiteY7-284" fmla="*/ 345918 h 1801739"/>
                  <a:gd name="connsiteX8-285" fmla="*/ 1535252 w 1535252"/>
                  <a:gd name="connsiteY8-286" fmla="*/ 546444 h 1801739"/>
                  <a:gd name="connsiteX9-287" fmla="*/ 1118158 w 1535252"/>
                  <a:gd name="connsiteY9-288" fmla="*/ 1573139 h 1801739"/>
                  <a:gd name="connsiteX10-289" fmla="*/ 1025916 w 1535252"/>
                  <a:gd name="connsiteY10-290" fmla="*/ 1801739 h 1801739"/>
                  <a:gd name="connsiteX11-291" fmla="*/ 115526 w 1535252"/>
                  <a:gd name="connsiteY11-292" fmla="*/ 1577149 h 1801739"/>
                  <a:gd name="connsiteX0-293" fmla="*/ 115526 w 1535252"/>
                  <a:gd name="connsiteY0-294" fmla="*/ 1577149 h 1801739"/>
                  <a:gd name="connsiteX1-295" fmla="*/ 119537 w 1535252"/>
                  <a:gd name="connsiteY1-296" fmla="*/ 1232244 h 1801739"/>
                  <a:gd name="connsiteX2-297" fmla="*/ 287979 w 1535252"/>
                  <a:gd name="connsiteY2-298" fmla="*/ 546444 h 1801739"/>
                  <a:gd name="connsiteX3-299" fmla="*/ 400273 w 1535252"/>
                  <a:gd name="connsiteY3-300" fmla="*/ 73202 h 1801739"/>
                  <a:gd name="connsiteX4-301" fmla="*/ 725126 w 1535252"/>
                  <a:gd name="connsiteY4-302" fmla="*/ 157423 h 1801739"/>
                  <a:gd name="connsiteX5-303" fmla="*/ 1013884 w 1535252"/>
                  <a:gd name="connsiteY5-304" fmla="*/ 185497 h 1801739"/>
                  <a:gd name="connsiteX6-305" fmla="*/ 1078053 w 1535252"/>
                  <a:gd name="connsiteY6-306" fmla="*/ 221591 h 1801739"/>
                  <a:gd name="connsiteX7-307" fmla="*/ 1346758 w 1535252"/>
                  <a:gd name="connsiteY7-308" fmla="*/ 345918 h 1801739"/>
                  <a:gd name="connsiteX8-309" fmla="*/ 1535252 w 1535252"/>
                  <a:gd name="connsiteY8-310" fmla="*/ 546444 h 1801739"/>
                  <a:gd name="connsiteX9-311" fmla="*/ 1118158 w 1535252"/>
                  <a:gd name="connsiteY9-312" fmla="*/ 1573139 h 1801739"/>
                  <a:gd name="connsiteX10-313" fmla="*/ 1025916 w 1535252"/>
                  <a:gd name="connsiteY10-314" fmla="*/ 1801739 h 1801739"/>
                  <a:gd name="connsiteX11-315" fmla="*/ 115526 w 1535252"/>
                  <a:gd name="connsiteY11-316" fmla="*/ 1577149 h 1801739"/>
                  <a:gd name="connsiteX0-317" fmla="*/ 115526 w 1546298"/>
                  <a:gd name="connsiteY0-318" fmla="*/ 1577149 h 1801739"/>
                  <a:gd name="connsiteX1-319" fmla="*/ 119537 w 1546298"/>
                  <a:gd name="connsiteY1-320" fmla="*/ 1232244 h 1801739"/>
                  <a:gd name="connsiteX2-321" fmla="*/ 287979 w 1546298"/>
                  <a:gd name="connsiteY2-322" fmla="*/ 546444 h 1801739"/>
                  <a:gd name="connsiteX3-323" fmla="*/ 400273 w 1546298"/>
                  <a:gd name="connsiteY3-324" fmla="*/ 73202 h 1801739"/>
                  <a:gd name="connsiteX4-325" fmla="*/ 725126 w 1546298"/>
                  <a:gd name="connsiteY4-326" fmla="*/ 157423 h 1801739"/>
                  <a:gd name="connsiteX5-327" fmla="*/ 1013884 w 1546298"/>
                  <a:gd name="connsiteY5-328" fmla="*/ 185497 h 1801739"/>
                  <a:gd name="connsiteX6-329" fmla="*/ 1078053 w 1546298"/>
                  <a:gd name="connsiteY6-330" fmla="*/ 221591 h 1801739"/>
                  <a:gd name="connsiteX7-331" fmla="*/ 1346758 w 1546298"/>
                  <a:gd name="connsiteY7-332" fmla="*/ 345918 h 1801739"/>
                  <a:gd name="connsiteX8-333" fmla="*/ 1535252 w 1546298"/>
                  <a:gd name="connsiteY8-334" fmla="*/ 546444 h 1801739"/>
                  <a:gd name="connsiteX9-335" fmla="*/ 1118158 w 1546298"/>
                  <a:gd name="connsiteY9-336" fmla="*/ 1573139 h 1801739"/>
                  <a:gd name="connsiteX10-337" fmla="*/ 1025916 w 1546298"/>
                  <a:gd name="connsiteY10-338" fmla="*/ 1801739 h 1801739"/>
                  <a:gd name="connsiteX11-339" fmla="*/ 115526 w 1546298"/>
                  <a:gd name="connsiteY11-340" fmla="*/ 1577149 h 1801739"/>
                </a:gdLst>
                <a:ahLst/>
                <a:cxnLst>
                  <a:cxn ang="0">
                    <a:pos x="connsiteX0-1" y="connsiteY0-2"/>
                  </a:cxn>
                  <a:cxn ang="0">
                    <a:pos x="connsiteX1-3" y="connsiteY1-4"/>
                  </a:cxn>
                  <a:cxn ang="0">
                    <a:pos x="connsiteX2-5" y="connsiteY2-6"/>
                  </a:cxn>
                  <a:cxn ang="0">
                    <a:pos x="connsiteX3-7" y="connsiteY3-8"/>
                  </a:cxn>
                  <a:cxn ang="0">
                    <a:pos x="connsiteX4-9" y="connsiteY4-10"/>
                  </a:cxn>
                  <a:cxn ang="0">
                    <a:pos x="connsiteX5-11" y="connsiteY5-12"/>
                  </a:cxn>
                  <a:cxn ang="0">
                    <a:pos x="connsiteX6-13" y="connsiteY6-14"/>
                  </a:cxn>
                  <a:cxn ang="0">
                    <a:pos x="connsiteX7-15" y="connsiteY7-16"/>
                  </a:cxn>
                  <a:cxn ang="0">
                    <a:pos x="connsiteX8-17" y="connsiteY8-18"/>
                  </a:cxn>
                  <a:cxn ang="0">
                    <a:pos x="connsiteX9-19" y="connsiteY9-20"/>
                  </a:cxn>
                  <a:cxn ang="0">
                    <a:pos x="connsiteX10-21" y="connsiteY10-22"/>
                  </a:cxn>
                  <a:cxn ang="0">
                    <a:pos x="connsiteX11-243" y="connsiteY11-244"/>
                  </a:cxn>
                </a:cxnLst>
                <a:rect l="l" t="t" r="r" b="b"/>
                <a:pathLst>
                  <a:path w="1546298" h="1801739">
                    <a:moveTo>
                      <a:pt x="115526" y="1577149"/>
                    </a:moveTo>
                    <a:lnTo>
                      <a:pt x="119537" y="1232244"/>
                    </a:lnTo>
                    <a:cubicBezTo>
                      <a:pt x="-125105" y="923434"/>
                      <a:pt x="43338" y="398055"/>
                      <a:pt x="287979" y="546444"/>
                    </a:cubicBezTo>
                    <a:lnTo>
                      <a:pt x="400273" y="73202"/>
                    </a:lnTo>
                    <a:cubicBezTo>
                      <a:pt x="432357" y="-55135"/>
                      <a:pt x="709084" y="-7009"/>
                      <a:pt x="725126" y="157423"/>
                    </a:cubicBezTo>
                    <a:cubicBezTo>
                      <a:pt x="829400" y="38444"/>
                      <a:pt x="977789" y="75876"/>
                      <a:pt x="1013884" y="185497"/>
                    </a:cubicBezTo>
                    <a:cubicBezTo>
                      <a:pt x="1072705" y="196192"/>
                      <a:pt x="1022574" y="194854"/>
                      <a:pt x="1078053" y="221591"/>
                    </a:cubicBezTo>
                    <a:cubicBezTo>
                      <a:pt x="1253848" y="148065"/>
                      <a:pt x="1326706" y="247660"/>
                      <a:pt x="1346758" y="345918"/>
                    </a:cubicBezTo>
                    <a:cubicBezTo>
                      <a:pt x="1545947" y="360623"/>
                      <a:pt x="1564663" y="419444"/>
                      <a:pt x="1535252" y="546444"/>
                    </a:cubicBezTo>
                    <a:lnTo>
                      <a:pt x="1118158" y="1573139"/>
                    </a:lnTo>
                    <a:lnTo>
                      <a:pt x="1025916" y="1801739"/>
                    </a:lnTo>
                    <a:lnTo>
                      <a:pt x="115526" y="1577149"/>
                    </a:lnTo>
                    <a:close/>
                  </a:path>
                </a:pathLst>
              </a:custGeom>
              <a:solidFill>
                <a:srgbClr val="F0A877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92" name="矩形 91"/>
            <p:cNvSpPr/>
            <p:nvPr/>
          </p:nvSpPr>
          <p:spPr>
            <a:xfrm>
              <a:off x="4264861" y="2640274"/>
              <a:ext cx="89051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32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32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93" name="矩形 92"/>
            <p:cNvSpPr/>
            <p:nvPr/>
          </p:nvSpPr>
          <p:spPr>
            <a:xfrm>
              <a:off x="4264861" y="3570162"/>
              <a:ext cx="89051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32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32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94" name="矩形 93"/>
            <p:cNvSpPr/>
            <p:nvPr/>
          </p:nvSpPr>
          <p:spPr>
            <a:xfrm>
              <a:off x="5549480" y="3823195"/>
              <a:ext cx="89051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32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32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95" name="矩形 94"/>
            <p:cNvSpPr/>
            <p:nvPr/>
          </p:nvSpPr>
          <p:spPr>
            <a:xfrm>
              <a:off x="7343533" y="5074655"/>
              <a:ext cx="890516" cy="5847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32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32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</p:grpSp>
      <p:sp>
        <p:nvSpPr>
          <p:cNvPr id="103" name="文本框 102"/>
          <p:cNvSpPr txBox="1"/>
          <p:nvPr/>
        </p:nvSpPr>
        <p:spPr>
          <a:xfrm>
            <a:off x="9147694" y="504069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4" name="文本框 103"/>
          <p:cNvSpPr txBox="1"/>
          <p:nvPr/>
        </p:nvSpPr>
        <p:spPr>
          <a:xfrm>
            <a:off x="1237683" y="187253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5" name="文本框 104"/>
          <p:cNvSpPr txBox="1"/>
          <p:nvPr/>
        </p:nvSpPr>
        <p:spPr>
          <a:xfrm>
            <a:off x="1237683" y="5040691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1600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6" name="文本框 105"/>
          <p:cNvSpPr txBox="1"/>
          <p:nvPr/>
        </p:nvSpPr>
        <p:spPr>
          <a:xfrm>
            <a:off x="9161715" y="187379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b="1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0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0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3" grpId="0"/>
      <p:bldP spid="104" grpId="0"/>
      <p:bldP spid="105" grpId="0"/>
      <p:bldP spid="106" grpId="0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椭圆 85" descr="e7d195523061f1c0deeec63e560781cfd59afb0ea006f2a87ABB68BF51EA6619813959095094C18C62A12F549504892A4AAA8C1554C6663626E05CA27F281A14E6983772AFC3FB97135759321DEA3D705820548C6D5B558CB74D6B1A9A8FE80592F580E910793838B5A23CCE154DCB655C46290C9413DEAF8F7E09F8417288109D9D0D15CF4A59B2EA25D9010A55BDE8"/>
          <p:cNvSpPr/>
          <p:nvPr/>
        </p:nvSpPr>
        <p:spPr>
          <a:xfrm>
            <a:off x="4343400" y="2415462"/>
            <a:ext cx="3486150" cy="3486150"/>
          </a:xfrm>
          <a:prstGeom prst="ellipse">
            <a:avLst/>
          </a:prstGeom>
          <a:blipFill rotWithShape="1">
            <a:blip r:embed="rId3"/>
            <a:stretch>
              <a:fillRect l="1" r="1"/>
            </a:stretch>
          </a:blipFill>
          <a:ln w="3175" cap="flat" cmpd="sng" algn="ctr">
            <a:noFill/>
            <a:prstDash val="solid"/>
          </a:ln>
          <a:effectLst/>
        </p:spPr>
        <p:txBody>
          <a:bodyPr anchor="ctr"/>
          <a:lstStyle/>
          <a:p>
            <a:pPr algn="ctr">
              <a:defRPr/>
            </a:pPr>
            <a:endParaRPr lang="zh-CN" altLang="en-US" sz="2000" b="1" kern="0" dirty="0">
              <a:solidFill>
                <a:sysClr val="window" lastClr="FFFFFF">
                  <a:lumMod val="95000"/>
                </a:sys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87" name="组合 86"/>
          <p:cNvGrpSpPr/>
          <p:nvPr/>
        </p:nvGrpSpPr>
        <p:grpSpPr>
          <a:xfrm>
            <a:off x="1328365" y="2407880"/>
            <a:ext cx="3831531" cy="1767876"/>
            <a:chOff x="1328365" y="2221270"/>
            <a:chExt cx="3831531" cy="1767876"/>
          </a:xfrm>
        </p:grpSpPr>
        <p:sp>
          <p:nvSpPr>
            <p:cNvPr id="88" name="任意多边形 87"/>
            <p:cNvSpPr/>
            <p:nvPr/>
          </p:nvSpPr>
          <p:spPr>
            <a:xfrm flipH="1">
              <a:off x="1328365" y="2221270"/>
              <a:ext cx="3831531" cy="1585632"/>
            </a:xfrm>
            <a:custGeom>
              <a:avLst/>
              <a:gdLst>
                <a:gd name="connsiteX0" fmla="*/ 665330 w 3831531"/>
                <a:gd name="connsiteY0" fmla="*/ 0 h 1585632"/>
                <a:gd name="connsiteX1" fmla="*/ 3831531 w 3831531"/>
                <a:gd name="connsiteY1" fmla="*/ 0 h 1585632"/>
                <a:gd name="connsiteX2" fmla="*/ 3831531 w 3831531"/>
                <a:gd name="connsiteY2" fmla="*/ 1584176 h 1585632"/>
                <a:gd name="connsiteX3" fmla="*/ 3166201 w 3831531"/>
                <a:gd name="connsiteY3" fmla="*/ 1584176 h 1585632"/>
                <a:gd name="connsiteX4" fmla="*/ 3166201 w 3831531"/>
                <a:gd name="connsiteY4" fmla="*/ 1585632 h 1585632"/>
                <a:gd name="connsiteX5" fmla="*/ 1053993 w 3831531"/>
                <a:gd name="connsiteY5" fmla="*/ 1585632 h 1585632"/>
                <a:gd name="connsiteX6" fmla="*/ 0 w 3831531"/>
                <a:gd name="connsiteY6" fmla="*/ 1456 h 1585632"/>
                <a:gd name="connsiteX7" fmla="*/ 667738 w 3831531"/>
                <a:gd name="connsiteY7" fmla="*/ 1456 h 15856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831531" h="1585632">
                  <a:moveTo>
                    <a:pt x="665330" y="0"/>
                  </a:moveTo>
                  <a:lnTo>
                    <a:pt x="3831531" y="0"/>
                  </a:lnTo>
                  <a:lnTo>
                    <a:pt x="3831531" y="1584176"/>
                  </a:lnTo>
                  <a:lnTo>
                    <a:pt x="3166201" y="1584176"/>
                  </a:lnTo>
                  <a:lnTo>
                    <a:pt x="3166201" y="1585632"/>
                  </a:lnTo>
                  <a:lnTo>
                    <a:pt x="1053993" y="1585632"/>
                  </a:lnTo>
                  <a:cubicBezTo>
                    <a:pt x="996594" y="895700"/>
                    <a:pt x="584367" y="306708"/>
                    <a:pt x="0" y="1456"/>
                  </a:cubicBezTo>
                  <a:lnTo>
                    <a:pt x="667738" y="1456"/>
                  </a:lnTo>
                  <a:close/>
                </a:path>
              </a:pathLst>
            </a:custGeom>
            <a:solidFill>
              <a:srgbClr val="288DBB"/>
            </a:solidFill>
            <a:ln w="3175" cap="flat" cmpd="sng" algn="ctr">
              <a:noFill/>
              <a:prstDash val="solid"/>
            </a:ln>
            <a:effectLst/>
          </p:spPr>
          <p:txBody>
            <a:bodyPr wrap="square" anchor="ctr">
              <a:noAutofit/>
            </a:bodyPr>
            <a:lstStyle/>
            <a:p>
              <a:pPr algn="ctr">
                <a:defRPr/>
              </a:pPr>
              <a:endParaRPr lang="zh-CN" altLang="en-US" sz="1200" kern="0" dirty="0">
                <a:solidFill>
                  <a:srgbClr val="4D4D4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89" name="文本框 88"/>
            <p:cNvSpPr txBox="1"/>
            <p:nvPr/>
          </p:nvSpPr>
          <p:spPr>
            <a:xfrm>
              <a:off x="1393314" y="2542596"/>
              <a:ext cx="2715808" cy="1446550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sz="2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sz="2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36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90" name="组合 89"/>
          <p:cNvGrpSpPr/>
          <p:nvPr/>
        </p:nvGrpSpPr>
        <p:grpSpPr>
          <a:xfrm>
            <a:off x="7005084" y="2402596"/>
            <a:ext cx="3831531" cy="1859093"/>
            <a:chOff x="7005084" y="2215986"/>
            <a:chExt cx="3831531" cy="1859093"/>
          </a:xfrm>
        </p:grpSpPr>
        <p:sp>
          <p:nvSpPr>
            <p:cNvPr id="91" name="任意多边形 90"/>
            <p:cNvSpPr/>
            <p:nvPr/>
          </p:nvSpPr>
          <p:spPr>
            <a:xfrm>
              <a:off x="7005084" y="2215986"/>
              <a:ext cx="3831531" cy="1585632"/>
            </a:xfrm>
            <a:custGeom>
              <a:avLst/>
              <a:gdLst>
                <a:gd name="connsiteX0" fmla="*/ 665330 w 3831531"/>
                <a:gd name="connsiteY0" fmla="*/ 0 h 1585632"/>
                <a:gd name="connsiteX1" fmla="*/ 3831531 w 3831531"/>
                <a:gd name="connsiteY1" fmla="*/ 0 h 1585632"/>
                <a:gd name="connsiteX2" fmla="*/ 3831531 w 3831531"/>
                <a:gd name="connsiteY2" fmla="*/ 1584176 h 1585632"/>
                <a:gd name="connsiteX3" fmla="*/ 3166201 w 3831531"/>
                <a:gd name="connsiteY3" fmla="*/ 1584176 h 1585632"/>
                <a:gd name="connsiteX4" fmla="*/ 3166201 w 3831531"/>
                <a:gd name="connsiteY4" fmla="*/ 1585632 h 1585632"/>
                <a:gd name="connsiteX5" fmla="*/ 1053993 w 3831531"/>
                <a:gd name="connsiteY5" fmla="*/ 1585632 h 1585632"/>
                <a:gd name="connsiteX6" fmla="*/ 0 w 3831531"/>
                <a:gd name="connsiteY6" fmla="*/ 1456 h 1585632"/>
                <a:gd name="connsiteX7" fmla="*/ 667738 w 3831531"/>
                <a:gd name="connsiteY7" fmla="*/ 1456 h 15856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831531" h="1585632">
                  <a:moveTo>
                    <a:pt x="665330" y="0"/>
                  </a:moveTo>
                  <a:lnTo>
                    <a:pt x="3831531" y="0"/>
                  </a:lnTo>
                  <a:lnTo>
                    <a:pt x="3831531" y="1584176"/>
                  </a:lnTo>
                  <a:lnTo>
                    <a:pt x="3166201" y="1584176"/>
                  </a:lnTo>
                  <a:lnTo>
                    <a:pt x="3166201" y="1585632"/>
                  </a:lnTo>
                  <a:lnTo>
                    <a:pt x="1053993" y="1585632"/>
                  </a:lnTo>
                  <a:cubicBezTo>
                    <a:pt x="996594" y="895700"/>
                    <a:pt x="584367" y="306708"/>
                    <a:pt x="0" y="1456"/>
                  </a:cubicBezTo>
                  <a:lnTo>
                    <a:pt x="667738" y="1456"/>
                  </a:lnTo>
                  <a:close/>
                </a:path>
              </a:pathLst>
            </a:custGeom>
            <a:solidFill>
              <a:srgbClr val="E04548"/>
            </a:solidFill>
            <a:ln w="3175" cap="flat" cmpd="sng" algn="ctr">
              <a:noFill/>
              <a:prstDash val="solid"/>
            </a:ln>
            <a:effectLst/>
          </p:spPr>
          <p:txBody>
            <a:bodyPr wrap="square" anchor="ctr">
              <a:noAutofit/>
            </a:bodyPr>
            <a:lstStyle/>
            <a:p>
              <a:pPr algn="ctr">
                <a:defRPr/>
              </a:pPr>
              <a:endParaRPr lang="zh-CN" altLang="en-US" sz="1200" kern="0" dirty="0">
                <a:solidFill>
                  <a:srgbClr val="4D4D4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2" name="文本框 91"/>
            <p:cNvSpPr txBox="1"/>
            <p:nvPr/>
          </p:nvSpPr>
          <p:spPr>
            <a:xfrm>
              <a:off x="8063828" y="2628529"/>
              <a:ext cx="2715808" cy="1446550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sz="2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sz="2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36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93" name="组合 92"/>
          <p:cNvGrpSpPr/>
          <p:nvPr/>
        </p:nvGrpSpPr>
        <p:grpSpPr>
          <a:xfrm>
            <a:off x="1336335" y="4312352"/>
            <a:ext cx="3831531" cy="1760294"/>
            <a:chOff x="1336335" y="4125742"/>
            <a:chExt cx="3831531" cy="1760294"/>
          </a:xfrm>
        </p:grpSpPr>
        <p:sp>
          <p:nvSpPr>
            <p:cNvPr id="94" name="任意多边形 93"/>
            <p:cNvSpPr/>
            <p:nvPr/>
          </p:nvSpPr>
          <p:spPr>
            <a:xfrm flipH="1" flipV="1">
              <a:off x="1336335" y="4125742"/>
              <a:ext cx="3831531" cy="1585632"/>
            </a:xfrm>
            <a:custGeom>
              <a:avLst/>
              <a:gdLst>
                <a:gd name="connsiteX0" fmla="*/ 665330 w 3831531"/>
                <a:gd name="connsiteY0" fmla="*/ 0 h 1585632"/>
                <a:gd name="connsiteX1" fmla="*/ 3831531 w 3831531"/>
                <a:gd name="connsiteY1" fmla="*/ 0 h 1585632"/>
                <a:gd name="connsiteX2" fmla="*/ 3831531 w 3831531"/>
                <a:gd name="connsiteY2" fmla="*/ 1584176 h 1585632"/>
                <a:gd name="connsiteX3" fmla="*/ 3166201 w 3831531"/>
                <a:gd name="connsiteY3" fmla="*/ 1584176 h 1585632"/>
                <a:gd name="connsiteX4" fmla="*/ 3166201 w 3831531"/>
                <a:gd name="connsiteY4" fmla="*/ 1585632 h 1585632"/>
                <a:gd name="connsiteX5" fmla="*/ 1053993 w 3831531"/>
                <a:gd name="connsiteY5" fmla="*/ 1585632 h 1585632"/>
                <a:gd name="connsiteX6" fmla="*/ 0 w 3831531"/>
                <a:gd name="connsiteY6" fmla="*/ 1456 h 1585632"/>
                <a:gd name="connsiteX7" fmla="*/ 667738 w 3831531"/>
                <a:gd name="connsiteY7" fmla="*/ 1456 h 15856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831531" h="1585632">
                  <a:moveTo>
                    <a:pt x="665330" y="0"/>
                  </a:moveTo>
                  <a:lnTo>
                    <a:pt x="3831531" y="0"/>
                  </a:lnTo>
                  <a:lnTo>
                    <a:pt x="3831531" y="1584176"/>
                  </a:lnTo>
                  <a:lnTo>
                    <a:pt x="3166201" y="1584176"/>
                  </a:lnTo>
                  <a:lnTo>
                    <a:pt x="3166201" y="1585632"/>
                  </a:lnTo>
                  <a:lnTo>
                    <a:pt x="1053993" y="1585632"/>
                  </a:lnTo>
                  <a:cubicBezTo>
                    <a:pt x="996594" y="895700"/>
                    <a:pt x="584367" y="306708"/>
                    <a:pt x="0" y="1456"/>
                  </a:cubicBezTo>
                  <a:lnTo>
                    <a:pt x="667738" y="1456"/>
                  </a:lnTo>
                  <a:close/>
                </a:path>
              </a:pathLst>
            </a:custGeom>
            <a:solidFill>
              <a:srgbClr val="12B19F"/>
            </a:solidFill>
            <a:ln w="3175" cap="flat" cmpd="sng" algn="ctr">
              <a:noFill/>
              <a:prstDash val="solid"/>
            </a:ln>
            <a:effectLst/>
          </p:spPr>
          <p:txBody>
            <a:bodyPr wrap="square" anchor="ctr">
              <a:noAutofit/>
            </a:bodyPr>
            <a:lstStyle/>
            <a:p>
              <a:pPr algn="ctr">
                <a:defRPr/>
              </a:pPr>
              <a:endParaRPr lang="zh-CN" altLang="en-US" sz="1200" kern="0" dirty="0">
                <a:solidFill>
                  <a:srgbClr val="4D4D4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5" name="文本框 94"/>
            <p:cNvSpPr txBox="1"/>
            <p:nvPr/>
          </p:nvSpPr>
          <p:spPr>
            <a:xfrm>
              <a:off x="1393314" y="4439486"/>
              <a:ext cx="2715808" cy="1446550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sz="2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sz="2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36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96" name="组合 95"/>
          <p:cNvGrpSpPr/>
          <p:nvPr/>
        </p:nvGrpSpPr>
        <p:grpSpPr>
          <a:xfrm>
            <a:off x="7040253" y="4314524"/>
            <a:ext cx="3831531" cy="1844055"/>
            <a:chOff x="7040253" y="4127914"/>
            <a:chExt cx="3831531" cy="1844055"/>
          </a:xfrm>
        </p:grpSpPr>
        <p:sp>
          <p:nvSpPr>
            <p:cNvPr id="97" name="任意多边形 96"/>
            <p:cNvSpPr/>
            <p:nvPr/>
          </p:nvSpPr>
          <p:spPr>
            <a:xfrm flipV="1">
              <a:off x="7040253" y="4127914"/>
              <a:ext cx="3831531" cy="1585632"/>
            </a:xfrm>
            <a:custGeom>
              <a:avLst/>
              <a:gdLst>
                <a:gd name="connsiteX0" fmla="*/ 665330 w 3831531"/>
                <a:gd name="connsiteY0" fmla="*/ 0 h 1585632"/>
                <a:gd name="connsiteX1" fmla="*/ 3831531 w 3831531"/>
                <a:gd name="connsiteY1" fmla="*/ 0 h 1585632"/>
                <a:gd name="connsiteX2" fmla="*/ 3831531 w 3831531"/>
                <a:gd name="connsiteY2" fmla="*/ 1584176 h 1585632"/>
                <a:gd name="connsiteX3" fmla="*/ 3166201 w 3831531"/>
                <a:gd name="connsiteY3" fmla="*/ 1584176 h 1585632"/>
                <a:gd name="connsiteX4" fmla="*/ 3166201 w 3831531"/>
                <a:gd name="connsiteY4" fmla="*/ 1585632 h 1585632"/>
                <a:gd name="connsiteX5" fmla="*/ 1053993 w 3831531"/>
                <a:gd name="connsiteY5" fmla="*/ 1585632 h 1585632"/>
                <a:gd name="connsiteX6" fmla="*/ 0 w 3831531"/>
                <a:gd name="connsiteY6" fmla="*/ 1456 h 1585632"/>
                <a:gd name="connsiteX7" fmla="*/ 667738 w 3831531"/>
                <a:gd name="connsiteY7" fmla="*/ 1456 h 15856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</a:cxnLst>
              <a:rect l="l" t="t" r="r" b="b"/>
              <a:pathLst>
                <a:path w="3831531" h="1585632">
                  <a:moveTo>
                    <a:pt x="665330" y="0"/>
                  </a:moveTo>
                  <a:lnTo>
                    <a:pt x="3831531" y="0"/>
                  </a:lnTo>
                  <a:lnTo>
                    <a:pt x="3831531" y="1584176"/>
                  </a:lnTo>
                  <a:lnTo>
                    <a:pt x="3166201" y="1584176"/>
                  </a:lnTo>
                  <a:lnTo>
                    <a:pt x="3166201" y="1585632"/>
                  </a:lnTo>
                  <a:lnTo>
                    <a:pt x="1053993" y="1585632"/>
                  </a:lnTo>
                  <a:cubicBezTo>
                    <a:pt x="996594" y="895700"/>
                    <a:pt x="584367" y="306708"/>
                    <a:pt x="0" y="1456"/>
                  </a:cubicBezTo>
                  <a:lnTo>
                    <a:pt x="667738" y="1456"/>
                  </a:lnTo>
                  <a:close/>
                </a:path>
              </a:pathLst>
            </a:custGeom>
            <a:solidFill>
              <a:srgbClr val="FDB52D"/>
            </a:solidFill>
            <a:ln w="3175" cap="flat" cmpd="sng" algn="ctr">
              <a:noFill/>
              <a:prstDash val="solid"/>
            </a:ln>
            <a:effectLst/>
          </p:spPr>
          <p:txBody>
            <a:bodyPr wrap="square" anchor="ctr">
              <a:noAutofit/>
            </a:bodyPr>
            <a:lstStyle/>
            <a:p>
              <a:pPr algn="ctr">
                <a:defRPr/>
              </a:pPr>
              <a:endParaRPr lang="zh-CN" altLang="en-US" sz="1200" kern="0" dirty="0">
                <a:solidFill>
                  <a:srgbClr val="4D4D4D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8" name="文本框 97"/>
            <p:cNvSpPr txBox="1"/>
            <p:nvPr/>
          </p:nvSpPr>
          <p:spPr>
            <a:xfrm>
              <a:off x="8063828" y="4525419"/>
              <a:ext cx="2715808" cy="1446550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sz="2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sz="2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4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3600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1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500"/>
                            </p:stCondLst>
                            <p:childTnLst>
                              <p:par>
                                <p:cTn id="18" presetID="2" presetClass="entr" presetSubtype="2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2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bldLvl="0" animBg="1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组合 85"/>
          <p:cNvGrpSpPr/>
          <p:nvPr/>
        </p:nvGrpSpPr>
        <p:grpSpPr>
          <a:xfrm>
            <a:off x="4103303" y="3807029"/>
            <a:ext cx="3660775" cy="3050972"/>
            <a:chOff x="4103303" y="3807029"/>
            <a:chExt cx="3660775" cy="3050972"/>
          </a:xfrm>
        </p:grpSpPr>
        <p:sp>
          <p:nvSpPr>
            <p:cNvPr id="87" name="Freeform 5"/>
            <p:cNvSpPr/>
            <p:nvPr/>
          </p:nvSpPr>
          <p:spPr bwMode="auto">
            <a:xfrm>
              <a:off x="4103303" y="5413579"/>
              <a:ext cx="3657600" cy="889000"/>
            </a:xfrm>
            <a:custGeom>
              <a:avLst/>
              <a:gdLst>
                <a:gd name="T0" fmla="*/ 1843 w 2304"/>
                <a:gd name="T1" fmla="*/ 4 h 560"/>
                <a:gd name="T2" fmla="*/ 2304 w 2304"/>
                <a:gd name="T3" fmla="*/ 560 h 560"/>
                <a:gd name="T4" fmla="*/ 0 w 2304"/>
                <a:gd name="T5" fmla="*/ 547 h 560"/>
                <a:gd name="T6" fmla="*/ 507 w 2304"/>
                <a:gd name="T7" fmla="*/ 0 h 560"/>
                <a:gd name="T8" fmla="*/ 1843 w 2304"/>
                <a:gd name="T9" fmla="*/ 4 h 5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304" h="560">
                  <a:moveTo>
                    <a:pt x="1843" y="4"/>
                  </a:moveTo>
                  <a:lnTo>
                    <a:pt x="2304" y="560"/>
                  </a:lnTo>
                  <a:lnTo>
                    <a:pt x="0" y="547"/>
                  </a:lnTo>
                  <a:lnTo>
                    <a:pt x="507" y="0"/>
                  </a:lnTo>
                  <a:lnTo>
                    <a:pt x="1843" y="4"/>
                  </a:ln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88" name="Freeform 6"/>
            <p:cNvSpPr/>
            <p:nvPr/>
          </p:nvSpPr>
          <p:spPr bwMode="auto">
            <a:xfrm>
              <a:off x="4598603" y="5570741"/>
              <a:ext cx="2689225" cy="738188"/>
            </a:xfrm>
            <a:custGeom>
              <a:avLst/>
              <a:gdLst>
                <a:gd name="T0" fmla="*/ 0 w 1694"/>
                <a:gd name="T1" fmla="*/ 455 h 465"/>
                <a:gd name="T2" fmla="*/ 296 w 1694"/>
                <a:gd name="T3" fmla="*/ 0 h 465"/>
                <a:gd name="T4" fmla="*/ 1424 w 1694"/>
                <a:gd name="T5" fmla="*/ 2 h 465"/>
                <a:gd name="T6" fmla="*/ 1694 w 1694"/>
                <a:gd name="T7" fmla="*/ 465 h 465"/>
                <a:gd name="T8" fmla="*/ 0 w 1694"/>
                <a:gd name="T9" fmla="*/ 455 h 4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94" h="465">
                  <a:moveTo>
                    <a:pt x="0" y="455"/>
                  </a:moveTo>
                  <a:lnTo>
                    <a:pt x="296" y="0"/>
                  </a:lnTo>
                  <a:lnTo>
                    <a:pt x="1424" y="2"/>
                  </a:lnTo>
                  <a:lnTo>
                    <a:pt x="1694" y="465"/>
                  </a:lnTo>
                  <a:lnTo>
                    <a:pt x="0" y="45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89" name="Freeform 7"/>
            <p:cNvSpPr/>
            <p:nvPr/>
          </p:nvSpPr>
          <p:spPr bwMode="auto">
            <a:xfrm>
              <a:off x="4544628" y="5386388"/>
              <a:ext cx="2774950" cy="444500"/>
            </a:xfrm>
            <a:custGeom>
              <a:avLst/>
              <a:gdLst>
                <a:gd name="T0" fmla="*/ 1747 w 1748"/>
                <a:gd name="T1" fmla="*/ 9 h 280"/>
                <a:gd name="T2" fmla="*/ 1748 w 1748"/>
                <a:gd name="T3" fmla="*/ 280 h 280"/>
                <a:gd name="T4" fmla="*/ 4 w 1748"/>
                <a:gd name="T5" fmla="*/ 267 h 280"/>
                <a:gd name="T6" fmla="*/ 0 w 1748"/>
                <a:gd name="T7" fmla="*/ 0 h 280"/>
                <a:gd name="T8" fmla="*/ 1747 w 1748"/>
                <a:gd name="T9" fmla="*/ 9 h 2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48" h="280">
                  <a:moveTo>
                    <a:pt x="1747" y="9"/>
                  </a:moveTo>
                  <a:lnTo>
                    <a:pt x="1748" y="280"/>
                  </a:lnTo>
                  <a:lnTo>
                    <a:pt x="4" y="267"/>
                  </a:lnTo>
                  <a:lnTo>
                    <a:pt x="0" y="0"/>
                  </a:lnTo>
                  <a:lnTo>
                    <a:pt x="1747" y="9"/>
                  </a:lnTo>
                  <a:close/>
                </a:path>
              </a:pathLst>
            </a:custGeom>
            <a:solidFill>
              <a:srgbClr val="0F938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0" name="Freeform 8"/>
            <p:cNvSpPr/>
            <p:nvPr/>
          </p:nvSpPr>
          <p:spPr bwMode="auto">
            <a:xfrm>
              <a:off x="4544628" y="4737304"/>
              <a:ext cx="2773363" cy="673100"/>
            </a:xfrm>
            <a:custGeom>
              <a:avLst/>
              <a:gdLst>
                <a:gd name="T0" fmla="*/ 1397 w 1747"/>
                <a:gd name="T1" fmla="*/ 2 h 424"/>
                <a:gd name="T2" fmla="*/ 1747 w 1747"/>
                <a:gd name="T3" fmla="*/ 424 h 424"/>
                <a:gd name="T4" fmla="*/ 0 w 1747"/>
                <a:gd name="T5" fmla="*/ 415 h 424"/>
                <a:gd name="T6" fmla="*/ 385 w 1747"/>
                <a:gd name="T7" fmla="*/ 0 h 424"/>
                <a:gd name="T8" fmla="*/ 1397 w 1747"/>
                <a:gd name="T9" fmla="*/ 2 h 4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47" h="424">
                  <a:moveTo>
                    <a:pt x="1397" y="2"/>
                  </a:moveTo>
                  <a:lnTo>
                    <a:pt x="1747" y="424"/>
                  </a:lnTo>
                  <a:lnTo>
                    <a:pt x="0" y="415"/>
                  </a:lnTo>
                  <a:lnTo>
                    <a:pt x="385" y="0"/>
                  </a:lnTo>
                  <a:lnTo>
                    <a:pt x="1397" y="2"/>
                  </a:lnTo>
                  <a:close/>
                </a:path>
              </a:pathLst>
            </a:cu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1" name="Freeform 9"/>
            <p:cNvSpPr/>
            <p:nvPr/>
          </p:nvSpPr>
          <p:spPr bwMode="auto">
            <a:xfrm>
              <a:off x="4997066" y="4892879"/>
              <a:ext cx="1892300" cy="519113"/>
            </a:xfrm>
            <a:custGeom>
              <a:avLst/>
              <a:gdLst>
                <a:gd name="T0" fmla="*/ 0 w 1192"/>
                <a:gd name="T1" fmla="*/ 321 h 327"/>
                <a:gd name="T2" fmla="*/ 186 w 1192"/>
                <a:gd name="T3" fmla="*/ 0 h 327"/>
                <a:gd name="T4" fmla="*/ 1021 w 1192"/>
                <a:gd name="T5" fmla="*/ 2 h 327"/>
                <a:gd name="T6" fmla="*/ 1192 w 1192"/>
                <a:gd name="T7" fmla="*/ 327 h 327"/>
                <a:gd name="T8" fmla="*/ 0 w 1192"/>
                <a:gd name="T9" fmla="*/ 321 h 3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327">
                  <a:moveTo>
                    <a:pt x="0" y="321"/>
                  </a:moveTo>
                  <a:lnTo>
                    <a:pt x="186" y="0"/>
                  </a:lnTo>
                  <a:lnTo>
                    <a:pt x="1021" y="2"/>
                  </a:lnTo>
                  <a:lnTo>
                    <a:pt x="1192" y="327"/>
                  </a:lnTo>
                  <a:lnTo>
                    <a:pt x="0" y="321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2" name="Freeform 10"/>
            <p:cNvSpPr/>
            <p:nvPr/>
          </p:nvSpPr>
          <p:spPr bwMode="auto">
            <a:xfrm>
              <a:off x="4812916" y="4757384"/>
              <a:ext cx="2238375" cy="358775"/>
            </a:xfrm>
            <a:custGeom>
              <a:avLst/>
              <a:gdLst>
                <a:gd name="T0" fmla="*/ 1409 w 1410"/>
                <a:gd name="T1" fmla="*/ 8 h 226"/>
                <a:gd name="T2" fmla="*/ 1410 w 1410"/>
                <a:gd name="T3" fmla="*/ 226 h 226"/>
                <a:gd name="T4" fmla="*/ 4 w 1410"/>
                <a:gd name="T5" fmla="*/ 216 h 226"/>
                <a:gd name="T6" fmla="*/ 0 w 1410"/>
                <a:gd name="T7" fmla="*/ 0 h 226"/>
                <a:gd name="T8" fmla="*/ 1409 w 1410"/>
                <a:gd name="T9" fmla="*/ 8 h 22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10" h="226">
                  <a:moveTo>
                    <a:pt x="1409" y="8"/>
                  </a:moveTo>
                  <a:lnTo>
                    <a:pt x="1410" y="226"/>
                  </a:lnTo>
                  <a:lnTo>
                    <a:pt x="4" y="216"/>
                  </a:lnTo>
                  <a:lnTo>
                    <a:pt x="0" y="0"/>
                  </a:lnTo>
                  <a:lnTo>
                    <a:pt x="1409" y="8"/>
                  </a:lnTo>
                  <a:close/>
                </a:path>
              </a:pathLst>
            </a:custGeom>
            <a:solidFill>
              <a:srgbClr val="DA242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3" name="Freeform 11"/>
            <p:cNvSpPr/>
            <p:nvPr/>
          </p:nvSpPr>
          <p:spPr bwMode="auto">
            <a:xfrm>
              <a:off x="4812916" y="4227716"/>
              <a:ext cx="2236788" cy="541338"/>
            </a:xfrm>
            <a:custGeom>
              <a:avLst/>
              <a:gdLst>
                <a:gd name="T0" fmla="*/ 1127 w 1409"/>
                <a:gd name="T1" fmla="*/ 1 h 341"/>
                <a:gd name="T2" fmla="*/ 1409 w 1409"/>
                <a:gd name="T3" fmla="*/ 341 h 341"/>
                <a:gd name="T4" fmla="*/ 0 w 1409"/>
                <a:gd name="T5" fmla="*/ 333 h 341"/>
                <a:gd name="T6" fmla="*/ 311 w 1409"/>
                <a:gd name="T7" fmla="*/ 0 h 341"/>
                <a:gd name="T8" fmla="*/ 1127 w 1409"/>
                <a:gd name="T9" fmla="*/ 1 h 3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409" h="341">
                  <a:moveTo>
                    <a:pt x="1127" y="1"/>
                  </a:moveTo>
                  <a:lnTo>
                    <a:pt x="1409" y="341"/>
                  </a:lnTo>
                  <a:lnTo>
                    <a:pt x="0" y="333"/>
                  </a:lnTo>
                  <a:lnTo>
                    <a:pt x="311" y="0"/>
                  </a:lnTo>
                  <a:lnTo>
                    <a:pt x="1127" y="1"/>
                  </a:lnTo>
                  <a:close/>
                </a:path>
              </a:pathLst>
            </a:custGeom>
            <a:solidFill>
              <a:srgbClr val="E0454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4" name="Freeform 12"/>
            <p:cNvSpPr/>
            <p:nvPr/>
          </p:nvSpPr>
          <p:spPr bwMode="auto">
            <a:xfrm>
              <a:off x="5224078" y="4381704"/>
              <a:ext cx="1420813" cy="387350"/>
            </a:xfrm>
            <a:custGeom>
              <a:avLst/>
              <a:gdLst>
                <a:gd name="T0" fmla="*/ 0 w 895"/>
                <a:gd name="T1" fmla="*/ 237 h 239"/>
                <a:gd name="T2" fmla="*/ 129 w 895"/>
                <a:gd name="T3" fmla="*/ 0 h 239"/>
                <a:gd name="T4" fmla="*/ 787 w 895"/>
                <a:gd name="T5" fmla="*/ 1 h 239"/>
                <a:gd name="T6" fmla="*/ 895 w 895"/>
                <a:gd name="T7" fmla="*/ 239 h 239"/>
                <a:gd name="T8" fmla="*/ 0 w 895"/>
                <a:gd name="T9" fmla="*/ 237 h 23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95" h="239">
                  <a:moveTo>
                    <a:pt x="0" y="237"/>
                  </a:moveTo>
                  <a:lnTo>
                    <a:pt x="129" y="0"/>
                  </a:lnTo>
                  <a:lnTo>
                    <a:pt x="787" y="1"/>
                  </a:lnTo>
                  <a:lnTo>
                    <a:pt x="895" y="239"/>
                  </a:lnTo>
                  <a:lnTo>
                    <a:pt x="0" y="23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5" name="Freeform 13"/>
            <p:cNvSpPr/>
            <p:nvPr/>
          </p:nvSpPr>
          <p:spPr bwMode="auto">
            <a:xfrm>
              <a:off x="5106603" y="4210254"/>
              <a:ext cx="1701800" cy="271463"/>
            </a:xfrm>
            <a:custGeom>
              <a:avLst/>
              <a:gdLst>
                <a:gd name="T0" fmla="*/ 1071 w 1072"/>
                <a:gd name="T1" fmla="*/ 5 h 171"/>
                <a:gd name="T2" fmla="*/ 1072 w 1072"/>
                <a:gd name="T3" fmla="*/ 171 h 171"/>
                <a:gd name="T4" fmla="*/ 2 w 1072"/>
                <a:gd name="T5" fmla="*/ 163 h 171"/>
                <a:gd name="T6" fmla="*/ 0 w 1072"/>
                <a:gd name="T7" fmla="*/ 0 h 171"/>
                <a:gd name="T8" fmla="*/ 1071 w 1072"/>
                <a:gd name="T9" fmla="*/ 5 h 17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72" h="171">
                  <a:moveTo>
                    <a:pt x="1071" y="5"/>
                  </a:moveTo>
                  <a:lnTo>
                    <a:pt x="1072" y="171"/>
                  </a:lnTo>
                  <a:lnTo>
                    <a:pt x="2" y="163"/>
                  </a:lnTo>
                  <a:lnTo>
                    <a:pt x="0" y="0"/>
                  </a:lnTo>
                  <a:lnTo>
                    <a:pt x="1071" y="5"/>
                  </a:lnTo>
                  <a:close/>
                </a:path>
              </a:pathLst>
            </a:custGeom>
            <a:solidFill>
              <a:srgbClr val="FDA50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6" name="Freeform 14"/>
            <p:cNvSpPr/>
            <p:nvPr/>
          </p:nvSpPr>
          <p:spPr bwMode="auto">
            <a:xfrm>
              <a:off x="5106603" y="3807029"/>
              <a:ext cx="1700213" cy="411163"/>
            </a:xfrm>
            <a:custGeom>
              <a:avLst/>
              <a:gdLst>
                <a:gd name="T0" fmla="*/ 630 w 1071"/>
                <a:gd name="T1" fmla="*/ 1 h 259"/>
                <a:gd name="T2" fmla="*/ 1071 w 1071"/>
                <a:gd name="T3" fmla="*/ 259 h 259"/>
                <a:gd name="T4" fmla="*/ 0 w 1071"/>
                <a:gd name="T5" fmla="*/ 254 h 259"/>
                <a:gd name="T6" fmla="*/ 508 w 1071"/>
                <a:gd name="T7" fmla="*/ 0 h 259"/>
                <a:gd name="T8" fmla="*/ 630 w 1071"/>
                <a:gd name="T9" fmla="*/ 1 h 25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71" h="259">
                  <a:moveTo>
                    <a:pt x="630" y="1"/>
                  </a:moveTo>
                  <a:lnTo>
                    <a:pt x="1071" y="259"/>
                  </a:lnTo>
                  <a:lnTo>
                    <a:pt x="0" y="254"/>
                  </a:lnTo>
                  <a:lnTo>
                    <a:pt x="508" y="0"/>
                  </a:lnTo>
                  <a:lnTo>
                    <a:pt x="630" y="1"/>
                  </a:lnTo>
                  <a:close/>
                </a:path>
              </a:pathLst>
            </a:cu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7" name="Freeform 15"/>
            <p:cNvSpPr/>
            <p:nvPr/>
          </p:nvSpPr>
          <p:spPr bwMode="auto">
            <a:xfrm>
              <a:off x="5106603" y="3807029"/>
              <a:ext cx="1700213" cy="411163"/>
            </a:xfrm>
            <a:custGeom>
              <a:avLst/>
              <a:gdLst>
                <a:gd name="T0" fmla="*/ 630 w 1071"/>
                <a:gd name="T1" fmla="*/ 1 h 259"/>
                <a:gd name="T2" fmla="*/ 1071 w 1071"/>
                <a:gd name="T3" fmla="*/ 259 h 259"/>
                <a:gd name="T4" fmla="*/ 0 w 1071"/>
                <a:gd name="T5" fmla="*/ 254 h 259"/>
                <a:gd name="T6" fmla="*/ 508 w 1071"/>
                <a:gd name="T7" fmla="*/ 0 h 259"/>
                <a:gd name="T8" fmla="*/ 630 w 1071"/>
                <a:gd name="T9" fmla="*/ 1 h 25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71" h="259">
                  <a:moveTo>
                    <a:pt x="630" y="1"/>
                  </a:moveTo>
                  <a:lnTo>
                    <a:pt x="1071" y="259"/>
                  </a:lnTo>
                  <a:lnTo>
                    <a:pt x="0" y="254"/>
                  </a:lnTo>
                  <a:lnTo>
                    <a:pt x="508" y="0"/>
                  </a:lnTo>
                  <a:lnTo>
                    <a:pt x="630" y="1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8" name="Freeform 16"/>
            <p:cNvSpPr/>
            <p:nvPr/>
          </p:nvSpPr>
          <p:spPr bwMode="auto">
            <a:xfrm>
              <a:off x="5506653" y="3810204"/>
              <a:ext cx="919163" cy="414338"/>
            </a:xfrm>
            <a:custGeom>
              <a:avLst/>
              <a:gdLst>
                <a:gd name="T0" fmla="*/ 0 w 579"/>
                <a:gd name="T1" fmla="*/ 257 h 261"/>
                <a:gd name="T2" fmla="*/ 253 w 579"/>
                <a:gd name="T3" fmla="*/ 3 h 261"/>
                <a:gd name="T4" fmla="*/ 378 w 579"/>
                <a:gd name="T5" fmla="*/ 0 h 261"/>
                <a:gd name="T6" fmla="*/ 579 w 579"/>
                <a:gd name="T7" fmla="*/ 261 h 261"/>
                <a:gd name="T8" fmla="*/ 0 w 579"/>
                <a:gd name="T9" fmla="*/ 257 h 26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79" h="261">
                  <a:moveTo>
                    <a:pt x="0" y="257"/>
                  </a:moveTo>
                  <a:lnTo>
                    <a:pt x="253" y="3"/>
                  </a:lnTo>
                  <a:lnTo>
                    <a:pt x="378" y="0"/>
                  </a:lnTo>
                  <a:lnTo>
                    <a:pt x="579" y="261"/>
                  </a:lnTo>
                  <a:lnTo>
                    <a:pt x="0" y="257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9" name="Freeform 17"/>
            <p:cNvSpPr/>
            <p:nvPr/>
          </p:nvSpPr>
          <p:spPr bwMode="auto">
            <a:xfrm>
              <a:off x="5506653" y="3810204"/>
              <a:ext cx="919163" cy="414338"/>
            </a:xfrm>
            <a:custGeom>
              <a:avLst/>
              <a:gdLst>
                <a:gd name="T0" fmla="*/ 0 w 579"/>
                <a:gd name="T1" fmla="*/ 257 h 261"/>
                <a:gd name="T2" fmla="*/ 253 w 579"/>
                <a:gd name="T3" fmla="*/ 3 h 261"/>
                <a:gd name="T4" fmla="*/ 378 w 579"/>
                <a:gd name="T5" fmla="*/ 0 h 261"/>
                <a:gd name="T6" fmla="*/ 579 w 579"/>
                <a:gd name="T7" fmla="*/ 261 h 261"/>
                <a:gd name="T8" fmla="*/ 0 w 579"/>
                <a:gd name="T9" fmla="*/ 257 h 26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79" h="261">
                  <a:moveTo>
                    <a:pt x="0" y="257"/>
                  </a:moveTo>
                  <a:lnTo>
                    <a:pt x="253" y="3"/>
                  </a:lnTo>
                  <a:lnTo>
                    <a:pt x="378" y="0"/>
                  </a:lnTo>
                  <a:lnTo>
                    <a:pt x="579" y="261"/>
                  </a:lnTo>
                  <a:lnTo>
                    <a:pt x="0" y="257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0" name="Rectangle 18"/>
            <p:cNvSpPr>
              <a:spLocks noChangeArrowheads="1"/>
            </p:cNvSpPr>
            <p:nvPr/>
          </p:nvSpPr>
          <p:spPr bwMode="auto">
            <a:xfrm>
              <a:off x="5503478" y="4213429"/>
              <a:ext cx="919163" cy="273050"/>
            </a:xfrm>
            <a:prstGeom prst="rect">
              <a:avLst/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5" name="Freeform 19"/>
            <p:cNvSpPr/>
            <p:nvPr/>
          </p:nvSpPr>
          <p:spPr bwMode="auto">
            <a:xfrm>
              <a:off x="5222491" y="4762146"/>
              <a:ext cx="1417638" cy="352425"/>
            </a:xfrm>
            <a:custGeom>
              <a:avLst/>
              <a:gdLst>
                <a:gd name="T0" fmla="*/ 893 w 893"/>
                <a:gd name="T1" fmla="*/ 222 h 222"/>
                <a:gd name="T2" fmla="*/ 0 w 893"/>
                <a:gd name="T3" fmla="*/ 217 h 222"/>
                <a:gd name="T4" fmla="*/ 0 w 893"/>
                <a:gd name="T5" fmla="*/ 0 h 222"/>
                <a:gd name="T6" fmla="*/ 893 w 893"/>
                <a:gd name="T7" fmla="*/ 0 h 222"/>
                <a:gd name="T8" fmla="*/ 893 w 893"/>
                <a:gd name="T9" fmla="*/ 222 h 2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93" h="222">
                  <a:moveTo>
                    <a:pt x="893" y="222"/>
                  </a:moveTo>
                  <a:lnTo>
                    <a:pt x="0" y="217"/>
                  </a:lnTo>
                  <a:lnTo>
                    <a:pt x="0" y="0"/>
                  </a:lnTo>
                  <a:lnTo>
                    <a:pt x="893" y="0"/>
                  </a:lnTo>
                  <a:lnTo>
                    <a:pt x="893" y="222"/>
                  </a:lnTo>
                  <a:close/>
                </a:path>
              </a:pathLst>
            </a:custGeom>
            <a:solidFill>
              <a:schemeClr val="bg1">
                <a:lumMod val="9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6" name="Freeform 20"/>
            <p:cNvSpPr/>
            <p:nvPr/>
          </p:nvSpPr>
          <p:spPr bwMode="auto">
            <a:xfrm>
              <a:off x="5003416" y="5394326"/>
              <a:ext cx="1895475" cy="434975"/>
            </a:xfrm>
            <a:custGeom>
              <a:avLst/>
              <a:gdLst>
                <a:gd name="T0" fmla="*/ 1194 w 1194"/>
                <a:gd name="T1" fmla="*/ 274 h 274"/>
                <a:gd name="T2" fmla="*/ 0 w 1194"/>
                <a:gd name="T3" fmla="*/ 266 h 274"/>
                <a:gd name="T4" fmla="*/ 2 w 1194"/>
                <a:gd name="T5" fmla="*/ 0 h 274"/>
                <a:gd name="T6" fmla="*/ 1194 w 1194"/>
                <a:gd name="T7" fmla="*/ 2 h 274"/>
                <a:gd name="T8" fmla="*/ 1194 w 1194"/>
                <a:gd name="T9" fmla="*/ 274 h 2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4" h="274">
                  <a:moveTo>
                    <a:pt x="1194" y="274"/>
                  </a:moveTo>
                  <a:lnTo>
                    <a:pt x="0" y="266"/>
                  </a:lnTo>
                  <a:lnTo>
                    <a:pt x="2" y="0"/>
                  </a:lnTo>
                  <a:lnTo>
                    <a:pt x="1194" y="2"/>
                  </a:lnTo>
                  <a:lnTo>
                    <a:pt x="1194" y="274"/>
                  </a:lnTo>
                  <a:close/>
                </a:path>
              </a:pathLst>
            </a:custGeom>
            <a:solidFill>
              <a:schemeClr val="bg1">
                <a:lumMod val="9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7" name="Freeform 21"/>
            <p:cNvSpPr/>
            <p:nvPr/>
          </p:nvSpPr>
          <p:spPr bwMode="auto">
            <a:xfrm>
              <a:off x="4103303" y="6272213"/>
              <a:ext cx="3660775" cy="585788"/>
            </a:xfrm>
            <a:custGeom>
              <a:avLst/>
              <a:gdLst>
                <a:gd name="T0" fmla="*/ 2304 w 2306"/>
                <a:gd name="T1" fmla="*/ 13 h 369"/>
                <a:gd name="T2" fmla="*/ 2306 w 2306"/>
                <a:gd name="T3" fmla="*/ 369 h 369"/>
                <a:gd name="T4" fmla="*/ 4 w 2306"/>
                <a:gd name="T5" fmla="*/ 352 h 369"/>
                <a:gd name="T6" fmla="*/ 0 w 2306"/>
                <a:gd name="T7" fmla="*/ 0 h 369"/>
                <a:gd name="T8" fmla="*/ 2304 w 2306"/>
                <a:gd name="T9" fmla="*/ 13 h 3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306" h="369">
                  <a:moveTo>
                    <a:pt x="2304" y="13"/>
                  </a:moveTo>
                  <a:lnTo>
                    <a:pt x="2306" y="369"/>
                  </a:lnTo>
                  <a:lnTo>
                    <a:pt x="4" y="352"/>
                  </a:lnTo>
                  <a:lnTo>
                    <a:pt x="0" y="0"/>
                  </a:lnTo>
                  <a:lnTo>
                    <a:pt x="2304" y="13"/>
                  </a:lnTo>
                  <a:close/>
                </a:path>
              </a:pathLst>
            </a:custGeom>
            <a:solidFill>
              <a:srgbClr val="22789E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08" name="Freeform 22"/>
            <p:cNvSpPr/>
            <p:nvPr/>
          </p:nvSpPr>
          <p:spPr bwMode="auto">
            <a:xfrm>
              <a:off x="4595428" y="6275388"/>
              <a:ext cx="2676526" cy="579438"/>
            </a:xfrm>
            <a:custGeom>
              <a:avLst/>
              <a:gdLst>
                <a:gd name="T0" fmla="*/ 1680 w 1689"/>
                <a:gd name="T1" fmla="*/ 365 h 365"/>
                <a:gd name="T2" fmla="*/ 0 w 1689"/>
                <a:gd name="T3" fmla="*/ 356 h 365"/>
                <a:gd name="T4" fmla="*/ 0 w 1689"/>
                <a:gd name="T5" fmla="*/ 0 h 365"/>
                <a:gd name="T6" fmla="*/ 1689 w 1689"/>
                <a:gd name="T7" fmla="*/ 8 h 365"/>
                <a:gd name="T8" fmla="*/ 1680 w 1689"/>
                <a:gd name="T9" fmla="*/ 365 h 36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89" h="365">
                  <a:moveTo>
                    <a:pt x="1680" y="365"/>
                  </a:moveTo>
                  <a:lnTo>
                    <a:pt x="0" y="356"/>
                  </a:lnTo>
                  <a:lnTo>
                    <a:pt x="0" y="0"/>
                  </a:lnTo>
                  <a:lnTo>
                    <a:pt x="1689" y="8"/>
                  </a:lnTo>
                  <a:lnTo>
                    <a:pt x="1680" y="365"/>
                  </a:lnTo>
                  <a:close/>
                </a:path>
              </a:pathLst>
            </a:custGeom>
            <a:solidFill>
              <a:schemeClr val="bg1">
                <a:lumMod val="9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grpSp>
        <p:nvGrpSpPr>
          <p:cNvPr id="109" name="组合 108"/>
          <p:cNvGrpSpPr/>
          <p:nvPr/>
        </p:nvGrpSpPr>
        <p:grpSpPr>
          <a:xfrm>
            <a:off x="5154228" y="1437297"/>
            <a:ext cx="1660525" cy="2509838"/>
            <a:chOff x="5154228" y="1437297"/>
            <a:chExt cx="1660525" cy="2509838"/>
          </a:xfrm>
        </p:grpSpPr>
        <p:sp>
          <p:nvSpPr>
            <p:cNvPr id="110" name="Freeform 23"/>
            <p:cNvSpPr/>
            <p:nvPr/>
          </p:nvSpPr>
          <p:spPr bwMode="auto">
            <a:xfrm>
              <a:off x="5154228" y="1437297"/>
              <a:ext cx="1660525" cy="1928813"/>
            </a:xfrm>
            <a:custGeom>
              <a:avLst/>
              <a:gdLst>
                <a:gd name="T0" fmla="*/ 776 w 947"/>
                <a:gd name="T1" fmla="*/ 776 h 1101"/>
                <a:gd name="T2" fmla="*/ 776 w 947"/>
                <a:gd name="T3" fmla="*/ 168 h 1101"/>
                <a:gd name="T4" fmla="*/ 168 w 947"/>
                <a:gd name="T5" fmla="*/ 168 h 1101"/>
                <a:gd name="T6" fmla="*/ 168 w 947"/>
                <a:gd name="T7" fmla="*/ 776 h 1101"/>
                <a:gd name="T8" fmla="*/ 240 w 947"/>
                <a:gd name="T9" fmla="*/ 978 h 1101"/>
                <a:gd name="T10" fmla="*/ 290 w 947"/>
                <a:gd name="T11" fmla="*/ 1098 h 1101"/>
                <a:gd name="T12" fmla="*/ 652 w 947"/>
                <a:gd name="T13" fmla="*/ 1099 h 1101"/>
                <a:gd name="T14" fmla="*/ 702 w 947"/>
                <a:gd name="T15" fmla="*/ 981 h 1101"/>
                <a:gd name="T16" fmla="*/ 776 w 947"/>
                <a:gd name="T17" fmla="*/ 776 h 11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947" h="1101">
                  <a:moveTo>
                    <a:pt x="776" y="776"/>
                  </a:moveTo>
                  <a:cubicBezTo>
                    <a:pt x="947" y="532"/>
                    <a:pt x="927" y="339"/>
                    <a:pt x="776" y="168"/>
                  </a:cubicBezTo>
                  <a:cubicBezTo>
                    <a:pt x="608" y="0"/>
                    <a:pt x="336" y="0"/>
                    <a:pt x="168" y="168"/>
                  </a:cubicBezTo>
                  <a:cubicBezTo>
                    <a:pt x="0" y="379"/>
                    <a:pt x="7" y="537"/>
                    <a:pt x="168" y="776"/>
                  </a:cubicBezTo>
                  <a:cubicBezTo>
                    <a:pt x="168" y="776"/>
                    <a:pt x="240" y="883"/>
                    <a:pt x="240" y="978"/>
                  </a:cubicBezTo>
                  <a:cubicBezTo>
                    <a:pt x="240" y="1063"/>
                    <a:pt x="290" y="1098"/>
                    <a:pt x="290" y="1098"/>
                  </a:cubicBezTo>
                  <a:cubicBezTo>
                    <a:pt x="290" y="1098"/>
                    <a:pt x="502" y="1101"/>
                    <a:pt x="652" y="1099"/>
                  </a:cubicBezTo>
                  <a:cubicBezTo>
                    <a:pt x="652" y="1099"/>
                    <a:pt x="702" y="1065"/>
                    <a:pt x="702" y="981"/>
                  </a:cubicBezTo>
                  <a:cubicBezTo>
                    <a:pt x="702" y="877"/>
                    <a:pt x="776" y="776"/>
                    <a:pt x="776" y="776"/>
                  </a:cubicBezTo>
                  <a:close/>
                </a:path>
              </a:pathLst>
            </a:custGeom>
            <a:solidFill>
              <a:schemeClr val="bg1">
                <a:lumMod val="8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1" name="Freeform 27"/>
            <p:cNvSpPr/>
            <p:nvPr/>
          </p:nvSpPr>
          <p:spPr bwMode="auto">
            <a:xfrm>
              <a:off x="5635241" y="3362935"/>
              <a:ext cx="692150" cy="584200"/>
            </a:xfrm>
            <a:custGeom>
              <a:avLst/>
              <a:gdLst>
                <a:gd name="T0" fmla="*/ 387 w 395"/>
                <a:gd name="T1" fmla="*/ 52 h 333"/>
                <a:gd name="T2" fmla="*/ 380 w 395"/>
                <a:gd name="T3" fmla="*/ 37 h 333"/>
                <a:gd name="T4" fmla="*/ 379 w 395"/>
                <a:gd name="T5" fmla="*/ 23 h 333"/>
                <a:gd name="T6" fmla="*/ 382 w 395"/>
                <a:gd name="T7" fmla="*/ 0 h 333"/>
                <a:gd name="T8" fmla="*/ 4 w 395"/>
                <a:gd name="T9" fmla="*/ 0 h 333"/>
                <a:gd name="T10" fmla="*/ 7 w 395"/>
                <a:gd name="T11" fmla="*/ 9 h 333"/>
                <a:gd name="T12" fmla="*/ 9 w 395"/>
                <a:gd name="T13" fmla="*/ 26 h 333"/>
                <a:gd name="T14" fmla="*/ 15 w 395"/>
                <a:gd name="T15" fmla="*/ 34 h 333"/>
                <a:gd name="T16" fmla="*/ 10 w 395"/>
                <a:gd name="T17" fmla="*/ 54 h 333"/>
                <a:gd name="T18" fmla="*/ 14 w 395"/>
                <a:gd name="T19" fmla="*/ 93 h 333"/>
                <a:gd name="T20" fmla="*/ 22 w 395"/>
                <a:gd name="T21" fmla="*/ 102 h 333"/>
                <a:gd name="T22" fmla="*/ 24 w 395"/>
                <a:gd name="T23" fmla="*/ 113 h 333"/>
                <a:gd name="T24" fmla="*/ 24 w 395"/>
                <a:gd name="T25" fmla="*/ 271 h 333"/>
                <a:gd name="T26" fmla="*/ 72 w 395"/>
                <a:gd name="T27" fmla="*/ 320 h 333"/>
                <a:gd name="T28" fmla="*/ 313 w 395"/>
                <a:gd name="T29" fmla="*/ 321 h 333"/>
                <a:gd name="T30" fmla="*/ 314 w 395"/>
                <a:gd name="T31" fmla="*/ 320 h 333"/>
                <a:gd name="T32" fmla="*/ 380 w 395"/>
                <a:gd name="T33" fmla="*/ 264 h 333"/>
                <a:gd name="T34" fmla="*/ 373 w 395"/>
                <a:gd name="T35" fmla="*/ 248 h 333"/>
                <a:gd name="T36" fmla="*/ 373 w 395"/>
                <a:gd name="T37" fmla="*/ 91 h 333"/>
                <a:gd name="T38" fmla="*/ 386 w 395"/>
                <a:gd name="T39" fmla="*/ 73 h 333"/>
                <a:gd name="T40" fmla="*/ 387 w 395"/>
                <a:gd name="T41" fmla="*/ 52 h 33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395" h="333">
                  <a:moveTo>
                    <a:pt x="387" y="52"/>
                  </a:moveTo>
                  <a:cubicBezTo>
                    <a:pt x="380" y="37"/>
                    <a:pt x="380" y="37"/>
                    <a:pt x="380" y="37"/>
                  </a:cubicBezTo>
                  <a:cubicBezTo>
                    <a:pt x="380" y="37"/>
                    <a:pt x="378" y="31"/>
                    <a:pt x="379" y="23"/>
                  </a:cubicBezTo>
                  <a:cubicBezTo>
                    <a:pt x="379" y="15"/>
                    <a:pt x="382" y="0"/>
                    <a:pt x="382" y="0"/>
                  </a:cubicBezTo>
                  <a:cubicBezTo>
                    <a:pt x="4" y="0"/>
                    <a:pt x="4" y="0"/>
                    <a:pt x="4" y="0"/>
                  </a:cubicBezTo>
                  <a:cubicBezTo>
                    <a:pt x="4" y="0"/>
                    <a:pt x="0" y="3"/>
                    <a:pt x="7" y="9"/>
                  </a:cubicBezTo>
                  <a:cubicBezTo>
                    <a:pt x="14" y="16"/>
                    <a:pt x="9" y="26"/>
                    <a:pt x="9" y="26"/>
                  </a:cubicBezTo>
                  <a:cubicBezTo>
                    <a:pt x="9" y="26"/>
                    <a:pt x="12" y="32"/>
                    <a:pt x="15" y="34"/>
                  </a:cubicBezTo>
                  <a:cubicBezTo>
                    <a:pt x="15" y="34"/>
                    <a:pt x="14" y="38"/>
                    <a:pt x="10" y="54"/>
                  </a:cubicBezTo>
                  <a:cubicBezTo>
                    <a:pt x="7" y="70"/>
                    <a:pt x="5" y="85"/>
                    <a:pt x="14" y="93"/>
                  </a:cubicBezTo>
                  <a:cubicBezTo>
                    <a:pt x="23" y="102"/>
                    <a:pt x="22" y="102"/>
                    <a:pt x="22" y="102"/>
                  </a:cubicBezTo>
                  <a:cubicBezTo>
                    <a:pt x="22" y="102"/>
                    <a:pt x="24" y="105"/>
                    <a:pt x="24" y="113"/>
                  </a:cubicBezTo>
                  <a:cubicBezTo>
                    <a:pt x="24" y="121"/>
                    <a:pt x="24" y="271"/>
                    <a:pt x="24" y="271"/>
                  </a:cubicBezTo>
                  <a:cubicBezTo>
                    <a:pt x="24" y="271"/>
                    <a:pt x="43" y="304"/>
                    <a:pt x="72" y="320"/>
                  </a:cubicBezTo>
                  <a:cubicBezTo>
                    <a:pt x="100" y="323"/>
                    <a:pt x="201" y="333"/>
                    <a:pt x="313" y="321"/>
                  </a:cubicBezTo>
                  <a:cubicBezTo>
                    <a:pt x="314" y="320"/>
                    <a:pt x="314" y="320"/>
                    <a:pt x="314" y="320"/>
                  </a:cubicBezTo>
                  <a:cubicBezTo>
                    <a:pt x="314" y="320"/>
                    <a:pt x="355" y="298"/>
                    <a:pt x="380" y="264"/>
                  </a:cubicBezTo>
                  <a:cubicBezTo>
                    <a:pt x="380" y="264"/>
                    <a:pt x="385" y="253"/>
                    <a:pt x="373" y="248"/>
                  </a:cubicBezTo>
                  <a:cubicBezTo>
                    <a:pt x="373" y="91"/>
                    <a:pt x="373" y="91"/>
                    <a:pt x="373" y="91"/>
                  </a:cubicBezTo>
                  <a:cubicBezTo>
                    <a:pt x="373" y="91"/>
                    <a:pt x="371" y="72"/>
                    <a:pt x="386" y="73"/>
                  </a:cubicBezTo>
                  <a:cubicBezTo>
                    <a:pt x="395" y="71"/>
                    <a:pt x="387" y="52"/>
                    <a:pt x="387" y="52"/>
                  </a:cubicBezTo>
                  <a:close/>
                </a:path>
              </a:pathLst>
            </a:cu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12" name="Oval 28"/>
            <p:cNvSpPr>
              <a:spLocks noChangeArrowheads="1"/>
            </p:cNvSpPr>
            <p:nvPr/>
          </p:nvSpPr>
          <p:spPr bwMode="auto">
            <a:xfrm>
              <a:off x="5424982" y="1689137"/>
              <a:ext cx="1103313" cy="1101725"/>
            </a:xfrm>
            <a:prstGeom prst="ellipse">
              <a:avLst/>
            </a:prstGeom>
            <a:solidFill>
              <a:srgbClr val="D71A2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13" name="Oval 29"/>
            <p:cNvSpPr>
              <a:spLocks noChangeArrowheads="1"/>
            </p:cNvSpPr>
            <p:nvPr/>
          </p:nvSpPr>
          <p:spPr bwMode="auto">
            <a:xfrm>
              <a:off x="5550394" y="1814550"/>
              <a:ext cx="852488" cy="852488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4" name="Oval 30"/>
            <p:cNvSpPr>
              <a:spLocks noChangeArrowheads="1"/>
            </p:cNvSpPr>
            <p:nvPr/>
          </p:nvSpPr>
          <p:spPr bwMode="auto">
            <a:xfrm>
              <a:off x="5683744" y="1946312"/>
              <a:ext cx="587375" cy="587375"/>
            </a:xfrm>
            <a:prstGeom prst="ellipse">
              <a:avLst/>
            </a:prstGeom>
            <a:solidFill>
              <a:srgbClr val="D71A2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15" name="Oval 31"/>
            <p:cNvSpPr>
              <a:spLocks noChangeArrowheads="1"/>
            </p:cNvSpPr>
            <p:nvPr/>
          </p:nvSpPr>
          <p:spPr bwMode="auto">
            <a:xfrm>
              <a:off x="5839319" y="2101887"/>
              <a:ext cx="276225" cy="276225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6" name="Oval 32"/>
            <p:cNvSpPr>
              <a:spLocks noChangeArrowheads="1"/>
            </p:cNvSpPr>
            <p:nvPr/>
          </p:nvSpPr>
          <p:spPr bwMode="auto">
            <a:xfrm>
              <a:off x="5848844" y="2111412"/>
              <a:ext cx="257175" cy="257175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7" name="Oval 33"/>
            <p:cNvSpPr>
              <a:spLocks noChangeArrowheads="1"/>
            </p:cNvSpPr>
            <p:nvPr/>
          </p:nvSpPr>
          <p:spPr bwMode="auto">
            <a:xfrm>
              <a:off x="5928219" y="2195550"/>
              <a:ext cx="95250" cy="92075"/>
            </a:xfrm>
            <a:prstGeom prst="ellipse">
              <a:avLst/>
            </a:pr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18" name="Oval 34"/>
            <p:cNvSpPr>
              <a:spLocks noChangeArrowheads="1"/>
            </p:cNvSpPr>
            <p:nvPr/>
          </p:nvSpPr>
          <p:spPr bwMode="auto">
            <a:xfrm>
              <a:off x="5939332" y="2203487"/>
              <a:ext cx="73025" cy="74613"/>
            </a:xfrm>
            <a:prstGeom prst="ellipse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grpSp>
        <p:nvGrpSpPr>
          <p:cNvPr id="119" name="组合 118"/>
          <p:cNvGrpSpPr/>
          <p:nvPr/>
        </p:nvGrpSpPr>
        <p:grpSpPr>
          <a:xfrm>
            <a:off x="5827156" y="1294931"/>
            <a:ext cx="1895552" cy="1059614"/>
            <a:chOff x="8189913" y="2024063"/>
            <a:chExt cx="3175000" cy="1774826"/>
          </a:xfrm>
        </p:grpSpPr>
        <p:sp>
          <p:nvSpPr>
            <p:cNvPr id="120" name="Freeform 10"/>
            <p:cNvSpPr/>
            <p:nvPr/>
          </p:nvSpPr>
          <p:spPr bwMode="auto">
            <a:xfrm>
              <a:off x="9609138" y="2024063"/>
              <a:ext cx="1249363" cy="982663"/>
            </a:xfrm>
            <a:custGeom>
              <a:avLst/>
              <a:gdLst>
                <a:gd name="T0" fmla="*/ 0 w 787"/>
                <a:gd name="T1" fmla="*/ 619 h 619"/>
                <a:gd name="T2" fmla="*/ 77 w 787"/>
                <a:gd name="T3" fmla="*/ 345 h 619"/>
                <a:gd name="T4" fmla="*/ 787 w 787"/>
                <a:gd name="T5" fmla="*/ 0 h 619"/>
                <a:gd name="T6" fmla="*/ 725 w 787"/>
                <a:gd name="T7" fmla="*/ 355 h 619"/>
                <a:gd name="T8" fmla="*/ 0 w 787"/>
                <a:gd name="T9" fmla="*/ 619 h 61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87" h="619">
                  <a:moveTo>
                    <a:pt x="0" y="619"/>
                  </a:moveTo>
                  <a:lnTo>
                    <a:pt x="77" y="345"/>
                  </a:lnTo>
                  <a:lnTo>
                    <a:pt x="787" y="0"/>
                  </a:lnTo>
                  <a:lnTo>
                    <a:pt x="725" y="355"/>
                  </a:lnTo>
                  <a:lnTo>
                    <a:pt x="0" y="619"/>
                  </a:lnTo>
                  <a:close/>
                </a:path>
              </a:pathLst>
            </a:custGeom>
            <a:solidFill>
              <a:srgbClr val="E9464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21" name="Freeform 11"/>
            <p:cNvSpPr/>
            <p:nvPr/>
          </p:nvSpPr>
          <p:spPr bwMode="auto">
            <a:xfrm>
              <a:off x="9648825" y="3178176"/>
              <a:ext cx="1585913" cy="585788"/>
            </a:xfrm>
            <a:custGeom>
              <a:avLst/>
              <a:gdLst>
                <a:gd name="T0" fmla="*/ 0 w 999"/>
                <a:gd name="T1" fmla="*/ 185 h 369"/>
                <a:gd name="T2" fmla="*/ 217 w 999"/>
                <a:gd name="T3" fmla="*/ 369 h 369"/>
                <a:gd name="T4" fmla="*/ 999 w 999"/>
                <a:gd name="T5" fmla="*/ 260 h 369"/>
                <a:gd name="T6" fmla="*/ 750 w 999"/>
                <a:gd name="T7" fmla="*/ 0 h 369"/>
                <a:gd name="T8" fmla="*/ 0 w 999"/>
                <a:gd name="T9" fmla="*/ 185 h 3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99" h="369">
                  <a:moveTo>
                    <a:pt x="0" y="185"/>
                  </a:moveTo>
                  <a:lnTo>
                    <a:pt x="217" y="369"/>
                  </a:lnTo>
                  <a:lnTo>
                    <a:pt x="999" y="260"/>
                  </a:lnTo>
                  <a:lnTo>
                    <a:pt x="750" y="0"/>
                  </a:lnTo>
                  <a:lnTo>
                    <a:pt x="0" y="185"/>
                  </a:lnTo>
                  <a:close/>
                </a:path>
              </a:pathLst>
            </a:custGeom>
            <a:solidFill>
              <a:srgbClr val="E9464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22" name="Freeform 12"/>
            <p:cNvSpPr/>
            <p:nvPr/>
          </p:nvSpPr>
          <p:spPr bwMode="auto">
            <a:xfrm>
              <a:off x="8189913" y="2571751"/>
              <a:ext cx="3175000" cy="1227138"/>
            </a:xfrm>
            <a:custGeom>
              <a:avLst/>
              <a:gdLst>
                <a:gd name="T0" fmla="*/ 97 w 1652"/>
                <a:gd name="T1" fmla="*/ 457 h 638"/>
                <a:gd name="T2" fmla="*/ 190 w 1652"/>
                <a:gd name="T3" fmla="*/ 638 h 638"/>
                <a:gd name="T4" fmla="*/ 1473 w 1652"/>
                <a:gd name="T5" fmla="*/ 306 h 638"/>
                <a:gd name="T6" fmla="*/ 1347 w 1652"/>
                <a:gd name="T7" fmla="*/ 0 h 638"/>
                <a:gd name="T8" fmla="*/ 97 w 1652"/>
                <a:gd name="T9" fmla="*/ 457 h 6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52" h="638">
                  <a:moveTo>
                    <a:pt x="97" y="457"/>
                  </a:moveTo>
                  <a:cubicBezTo>
                    <a:pt x="97" y="457"/>
                    <a:pt x="0" y="603"/>
                    <a:pt x="190" y="638"/>
                  </a:cubicBezTo>
                  <a:cubicBezTo>
                    <a:pt x="1473" y="306"/>
                    <a:pt x="1473" y="306"/>
                    <a:pt x="1473" y="306"/>
                  </a:cubicBezTo>
                  <a:cubicBezTo>
                    <a:pt x="1473" y="306"/>
                    <a:pt x="1652" y="55"/>
                    <a:pt x="1347" y="0"/>
                  </a:cubicBezTo>
                  <a:lnTo>
                    <a:pt x="97" y="457"/>
                  </a:lnTo>
                  <a:close/>
                </a:path>
              </a:pathLst>
            </a:cu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sp>
        <p:nvSpPr>
          <p:cNvPr id="123" name="文本框 122"/>
          <p:cNvSpPr txBox="1"/>
          <p:nvPr/>
        </p:nvSpPr>
        <p:spPr>
          <a:xfrm>
            <a:off x="944242" y="259402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rgbClr val="D71A2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rgbClr val="D71A2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4" name="文本框 123"/>
          <p:cNvSpPr txBox="1"/>
          <p:nvPr/>
        </p:nvSpPr>
        <p:spPr>
          <a:xfrm>
            <a:off x="944242" y="531364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rgbClr val="12B19F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rgbClr val="12B19F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5" name="文本框 124"/>
          <p:cNvSpPr txBox="1"/>
          <p:nvPr/>
        </p:nvSpPr>
        <p:spPr>
          <a:xfrm>
            <a:off x="8878068" y="259402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rgbClr val="FDB52D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rgbClr val="FDB52D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6" name="文本框 125"/>
          <p:cNvSpPr txBox="1"/>
          <p:nvPr/>
        </p:nvSpPr>
        <p:spPr>
          <a:xfrm>
            <a:off x="8878068" y="531364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rgbClr val="288DB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rgbClr val="288DBB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7" name="矩形 126"/>
          <p:cNvSpPr/>
          <p:nvPr/>
        </p:nvSpPr>
        <p:spPr>
          <a:xfrm>
            <a:off x="5526628" y="6375472"/>
            <a:ext cx="744491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zh-CN" sz="2000" b="1" dirty="0">
                <a:solidFill>
                  <a:prstClr val="black">
                    <a:lumMod val="65000"/>
                    <a:lumOff val="35000"/>
                  </a:prstClr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1</a:t>
            </a:r>
            <a:endParaRPr lang="zh-CN" altLang="en-US" sz="2000" b="1" dirty="0">
              <a:solidFill>
                <a:prstClr val="black">
                  <a:lumMod val="65000"/>
                  <a:lumOff val="35000"/>
                </a:prstClr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28" name="矩形 127"/>
          <p:cNvSpPr/>
          <p:nvPr/>
        </p:nvSpPr>
        <p:spPr>
          <a:xfrm>
            <a:off x="5383248" y="5434531"/>
            <a:ext cx="1039393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zh-CN" sz="2000" b="1" dirty="0">
                <a:solidFill>
                  <a:prstClr val="black">
                    <a:lumMod val="65000"/>
                    <a:lumOff val="35000"/>
                  </a:prstClr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2</a:t>
            </a:r>
            <a:endParaRPr lang="zh-CN" altLang="en-US" sz="2000" b="1" dirty="0">
              <a:solidFill>
                <a:prstClr val="black">
                  <a:lumMod val="65000"/>
                  <a:lumOff val="35000"/>
                </a:prstClr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29" name="矩形 128"/>
          <p:cNvSpPr/>
          <p:nvPr/>
        </p:nvSpPr>
        <p:spPr>
          <a:xfrm>
            <a:off x="5424982" y="4739422"/>
            <a:ext cx="1039393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zh-CN" sz="2000" b="1" dirty="0">
                <a:solidFill>
                  <a:prstClr val="black">
                    <a:lumMod val="65000"/>
                    <a:lumOff val="35000"/>
                  </a:prstClr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3</a:t>
            </a:r>
            <a:endParaRPr lang="zh-CN" altLang="en-US" sz="2000" b="1" dirty="0">
              <a:solidFill>
                <a:prstClr val="black">
                  <a:lumMod val="65000"/>
                  <a:lumOff val="35000"/>
                </a:prstClr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30" name="矩形 129"/>
          <p:cNvSpPr/>
          <p:nvPr/>
        </p:nvSpPr>
        <p:spPr>
          <a:xfrm>
            <a:off x="5422492" y="4164981"/>
            <a:ext cx="1039393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zh-CN" sz="2000" b="1" dirty="0">
                <a:solidFill>
                  <a:prstClr val="black">
                    <a:lumMod val="65000"/>
                    <a:lumOff val="35000"/>
                  </a:prstClr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4</a:t>
            </a:r>
            <a:endParaRPr lang="zh-CN" altLang="en-US" sz="2000" b="1" dirty="0">
              <a:solidFill>
                <a:prstClr val="black">
                  <a:lumMod val="65000"/>
                  <a:lumOff val="35000"/>
                </a:prstClr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1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000"/>
                            </p:stCondLst>
                            <p:childTnLst>
                              <p:par>
                                <p:cTn id="9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900" decel="100000" fill="hold"/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2000"/>
                            </p:stCondLst>
                            <p:childTnLst>
                              <p:par>
                                <p:cTn id="16" presetID="2" presetClass="entr" presetSubtype="3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500"/>
                            </p:stCondLst>
                            <p:childTnLst>
                              <p:par>
                                <p:cTn id="2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1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3000"/>
                            </p:stCondLst>
                            <p:childTnLst>
                              <p:par>
                                <p:cTn id="34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1000"/>
                                        <p:tgtEl>
                                          <p:spTgt spid="12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9" presetID="42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10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4" presetID="42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1000"/>
                                        <p:tgtEl>
                                          <p:spTgt spid="12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42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10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10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3" grpId="0"/>
      <p:bldP spid="124" grpId="0"/>
      <p:bldP spid="125" grpId="0"/>
      <p:bldP spid="126" grpId="0"/>
      <p:bldP spid="127" grpId="0"/>
      <p:bldP spid="128" grpId="0"/>
      <p:bldP spid="129" grpId="0"/>
      <p:bldP spid="130" grpId="0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grpSp>
        <p:nvGrpSpPr>
          <p:cNvPr id="92" name="组合 91"/>
          <p:cNvGrpSpPr/>
          <p:nvPr/>
        </p:nvGrpSpPr>
        <p:grpSpPr>
          <a:xfrm>
            <a:off x="4389636" y="2326740"/>
            <a:ext cx="3348643" cy="3611480"/>
            <a:chOff x="4635297" y="2463531"/>
            <a:chExt cx="2921408" cy="3150711"/>
          </a:xfrm>
        </p:grpSpPr>
        <p:sp>
          <p:nvSpPr>
            <p:cNvPr id="93" name="Freeform 5"/>
            <p:cNvSpPr/>
            <p:nvPr/>
          </p:nvSpPr>
          <p:spPr bwMode="auto">
            <a:xfrm>
              <a:off x="4635297" y="3825951"/>
              <a:ext cx="2921408" cy="1788291"/>
            </a:xfrm>
            <a:custGeom>
              <a:avLst/>
              <a:gdLst>
                <a:gd name="T0" fmla="*/ 17 w 618"/>
                <a:gd name="T1" fmla="*/ 170 h 377"/>
                <a:gd name="T2" fmla="*/ 278 w 618"/>
                <a:gd name="T3" fmla="*/ 11 h 377"/>
                <a:gd name="T4" fmla="*/ 344 w 618"/>
                <a:gd name="T5" fmla="*/ 13 h 377"/>
                <a:gd name="T6" fmla="*/ 597 w 618"/>
                <a:gd name="T7" fmla="*/ 167 h 377"/>
                <a:gd name="T8" fmla="*/ 601 w 618"/>
                <a:gd name="T9" fmla="*/ 208 h 377"/>
                <a:gd name="T10" fmla="*/ 340 w 618"/>
                <a:gd name="T11" fmla="*/ 367 h 377"/>
                <a:gd name="T12" fmla="*/ 274 w 618"/>
                <a:gd name="T13" fmla="*/ 364 h 377"/>
                <a:gd name="T14" fmla="*/ 21 w 618"/>
                <a:gd name="T15" fmla="*/ 210 h 377"/>
                <a:gd name="T16" fmla="*/ 17 w 618"/>
                <a:gd name="T17" fmla="*/ 170 h 3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18" h="377">
                  <a:moveTo>
                    <a:pt x="17" y="170"/>
                  </a:moveTo>
                  <a:cubicBezTo>
                    <a:pt x="278" y="11"/>
                    <a:pt x="278" y="11"/>
                    <a:pt x="278" y="11"/>
                  </a:cubicBezTo>
                  <a:cubicBezTo>
                    <a:pt x="295" y="0"/>
                    <a:pt x="325" y="1"/>
                    <a:pt x="344" y="13"/>
                  </a:cubicBezTo>
                  <a:cubicBezTo>
                    <a:pt x="597" y="167"/>
                    <a:pt x="597" y="167"/>
                    <a:pt x="597" y="167"/>
                  </a:cubicBezTo>
                  <a:cubicBezTo>
                    <a:pt x="617" y="179"/>
                    <a:pt x="618" y="197"/>
                    <a:pt x="601" y="208"/>
                  </a:cubicBezTo>
                  <a:cubicBezTo>
                    <a:pt x="340" y="367"/>
                    <a:pt x="340" y="367"/>
                    <a:pt x="340" y="367"/>
                  </a:cubicBezTo>
                  <a:cubicBezTo>
                    <a:pt x="323" y="377"/>
                    <a:pt x="293" y="376"/>
                    <a:pt x="274" y="364"/>
                  </a:cubicBezTo>
                  <a:cubicBezTo>
                    <a:pt x="21" y="210"/>
                    <a:pt x="21" y="210"/>
                    <a:pt x="21" y="210"/>
                  </a:cubicBezTo>
                  <a:cubicBezTo>
                    <a:pt x="2" y="198"/>
                    <a:pt x="0" y="180"/>
                    <a:pt x="17" y="170"/>
                  </a:cubicBezTo>
                  <a:close/>
                </a:path>
              </a:pathLst>
            </a:custGeom>
            <a:solidFill>
              <a:srgbClr val="FDB52D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4" name="Freeform 5"/>
            <p:cNvSpPr/>
            <p:nvPr/>
          </p:nvSpPr>
          <p:spPr bwMode="auto">
            <a:xfrm>
              <a:off x="4635297" y="3394890"/>
              <a:ext cx="2921408" cy="1788291"/>
            </a:xfrm>
            <a:custGeom>
              <a:avLst/>
              <a:gdLst>
                <a:gd name="T0" fmla="*/ 17 w 618"/>
                <a:gd name="T1" fmla="*/ 170 h 377"/>
                <a:gd name="T2" fmla="*/ 278 w 618"/>
                <a:gd name="T3" fmla="*/ 11 h 377"/>
                <a:gd name="T4" fmla="*/ 344 w 618"/>
                <a:gd name="T5" fmla="*/ 13 h 377"/>
                <a:gd name="T6" fmla="*/ 597 w 618"/>
                <a:gd name="T7" fmla="*/ 167 h 377"/>
                <a:gd name="T8" fmla="*/ 601 w 618"/>
                <a:gd name="T9" fmla="*/ 208 h 377"/>
                <a:gd name="T10" fmla="*/ 340 w 618"/>
                <a:gd name="T11" fmla="*/ 367 h 377"/>
                <a:gd name="T12" fmla="*/ 274 w 618"/>
                <a:gd name="T13" fmla="*/ 364 h 377"/>
                <a:gd name="T14" fmla="*/ 21 w 618"/>
                <a:gd name="T15" fmla="*/ 210 h 377"/>
                <a:gd name="T16" fmla="*/ 17 w 618"/>
                <a:gd name="T17" fmla="*/ 170 h 3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18" h="377">
                  <a:moveTo>
                    <a:pt x="17" y="170"/>
                  </a:moveTo>
                  <a:cubicBezTo>
                    <a:pt x="278" y="11"/>
                    <a:pt x="278" y="11"/>
                    <a:pt x="278" y="11"/>
                  </a:cubicBezTo>
                  <a:cubicBezTo>
                    <a:pt x="295" y="0"/>
                    <a:pt x="325" y="1"/>
                    <a:pt x="344" y="13"/>
                  </a:cubicBezTo>
                  <a:cubicBezTo>
                    <a:pt x="597" y="167"/>
                    <a:pt x="597" y="167"/>
                    <a:pt x="597" y="167"/>
                  </a:cubicBezTo>
                  <a:cubicBezTo>
                    <a:pt x="617" y="179"/>
                    <a:pt x="618" y="197"/>
                    <a:pt x="601" y="208"/>
                  </a:cubicBezTo>
                  <a:cubicBezTo>
                    <a:pt x="340" y="367"/>
                    <a:pt x="340" y="367"/>
                    <a:pt x="340" y="367"/>
                  </a:cubicBezTo>
                  <a:cubicBezTo>
                    <a:pt x="323" y="377"/>
                    <a:pt x="293" y="376"/>
                    <a:pt x="274" y="364"/>
                  </a:cubicBezTo>
                  <a:cubicBezTo>
                    <a:pt x="21" y="210"/>
                    <a:pt x="21" y="210"/>
                    <a:pt x="21" y="210"/>
                  </a:cubicBezTo>
                  <a:cubicBezTo>
                    <a:pt x="2" y="198"/>
                    <a:pt x="0" y="180"/>
                    <a:pt x="17" y="170"/>
                  </a:cubicBezTo>
                  <a:close/>
                </a:path>
              </a:pathLst>
            </a:custGeom>
            <a:solidFill>
              <a:srgbClr val="E04548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5" name="Freeform 5"/>
            <p:cNvSpPr/>
            <p:nvPr/>
          </p:nvSpPr>
          <p:spPr bwMode="auto">
            <a:xfrm>
              <a:off x="4635297" y="2968296"/>
              <a:ext cx="2921408" cy="1788291"/>
            </a:xfrm>
            <a:custGeom>
              <a:avLst/>
              <a:gdLst>
                <a:gd name="T0" fmla="*/ 17 w 618"/>
                <a:gd name="T1" fmla="*/ 170 h 377"/>
                <a:gd name="T2" fmla="*/ 278 w 618"/>
                <a:gd name="T3" fmla="*/ 11 h 377"/>
                <a:gd name="T4" fmla="*/ 344 w 618"/>
                <a:gd name="T5" fmla="*/ 13 h 377"/>
                <a:gd name="T6" fmla="*/ 597 w 618"/>
                <a:gd name="T7" fmla="*/ 167 h 377"/>
                <a:gd name="T8" fmla="*/ 601 w 618"/>
                <a:gd name="T9" fmla="*/ 208 h 377"/>
                <a:gd name="T10" fmla="*/ 340 w 618"/>
                <a:gd name="T11" fmla="*/ 367 h 377"/>
                <a:gd name="T12" fmla="*/ 274 w 618"/>
                <a:gd name="T13" fmla="*/ 364 h 377"/>
                <a:gd name="T14" fmla="*/ 21 w 618"/>
                <a:gd name="T15" fmla="*/ 210 h 377"/>
                <a:gd name="T16" fmla="*/ 17 w 618"/>
                <a:gd name="T17" fmla="*/ 170 h 3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18" h="377">
                  <a:moveTo>
                    <a:pt x="17" y="170"/>
                  </a:moveTo>
                  <a:cubicBezTo>
                    <a:pt x="278" y="11"/>
                    <a:pt x="278" y="11"/>
                    <a:pt x="278" y="11"/>
                  </a:cubicBezTo>
                  <a:cubicBezTo>
                    <a:pt x="295" y="0"/>
                    <a:pt x="325" y="1"/>
                    <a:pt x="344" y="13"/>
                  </a:cubicBezTo>
                  <a:cubicBezTo>
                    <a:pt x="597" y="167"/>
                    <a:pt x="597" y="167"/>
                    <a:pt x="597" y="167"/>
                  </a:cubicBezTo>
                  <a:cubicBezTo>
                    <a:pt x="617" y="179"/>
                    <a:pt x="618" y="197"/>
                    <a:pt x="601" y="208"/>
                  </a:cubicBezTo>
                  <a:cubicBezTo>
                    <a:pt x="340" y="367"/>
                    <a:pt x="340" y="367"/>
                    <a:pt x="340" y="367"/>
                  </a:cubicBezTo>
                  <a:cubicBezTo>
                    <a:pt x="323" y="377"/>
                    <a:pt x="293" y="376"/>
                    <a:pt x="274" y="364"/>
                  </a:cubicBezTo>
                  <a:cubicBezTo>
                    <a:pt x="21" y="210"/>
                    <a:pt x="21" y="210"/>
                    <a:pt x="21" y="210"/>
                  </a:cubicBezTo>
                  <a:cubicBezTo>
                    <a:pt x="2" y="198"/>
                    <a:pt x="0" y="180"/>
                    <a:pt x="17" y="170"/>
                  </a:cubicBezTo>
                  <a:close/>
                </a:path>
              </a:pathLst>
            </a:custGeom>
            <a:solidFill>
              <a:srgbClr val="12B19F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6" name="Freeform 5"/>
            <p:cNvSpPr/>
            <p:nvPr/>
          </p:nvSpPr>
          <p:spPr bwMode="auto">
            <a:xfrm>
              <a:off x="4635297" y="2463531"/>
              <a:ext cx="2921408" cy="1788291"/>
            </a:xfrm>
            <a:custGeom>
              <a:avLst/>
              <a:gdLst>
                <a:gd name="T0" fmla="*/ 17 w 618"/>
                <a:gd name="T1" fmla="*/ 170 h 377"/>
                <a:gd name="T2" fmla="*/ 278 w 618"/>
                <a:gd name="T3" fmla="*/ 11 h 377"/>
                <a:gd name="T4" fmla="*/ 344 w 618"/>
                <a:gd name="T5" fmla="*/ 13 h 377"/>
                <a:gd name="T6" fmla="*/ 597 w 618"/>
                <a:gd name="T7" fmla="*/ 167 h 377"/>
                <a:gd name="T8" fmla="*/ 601 w 618"/>
                <a:gd name="T9" fmla="*/ 208 h 377"/>
                <a:gd name="T10" fmla="*/ 340 w 618"/>
                <a:gd name="T11" fmla="*/ 367 h 377"/>
                <a:gd name="T12" fmla="*/ 274 w 618"/>
                <a:gd name="T13" fmla="*/ 364 h 377"/>
                <a:gd name="T14" fmla="*/ 21 w 618"/>
                <a:gd name="T15" fmla="*/ 210 h 377"/>
                <a:gd name="T16" fmla="*/ 17 w 618"/>
                <a:gd name="T17" fmla="*/ 170 h 3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18" h="377">
                  <a:moveTo>
                    <a:pt x="17" y="170"/>
                  </a:moveTo>
                  <a:cubicBezTo>
                    <a:pt x="278" y="11"/>
                    <a:pt x="278" y="11"/>
                    <a:pt x="278" y="11"/>
                  </a:cubicBezTo>
                  <a:cubicBezTo>
                    <a:pt x="295" y="0"/>
                    <a:pt x="325" y="1"/>
                    <a:pt x="344" y="13"/>
                  </a:cubicBezTo>
                  <a:cubicBezTo>
                    <a:pt x="597" y="167"/>
                    <a:pt x="597" y="167"/>
                    <a:pt x="597" y="167"/>
                  </a:cubicBezTo>
                  <a:cubicBezTo>
                    <a:pt x="617" y="179"/>
                    <a:pt x="618" y="197"/>
                    <a:pt x="601" y="208"/>
                  </a:cubicBezTo>
                  <a:cubicBezTo>
                    <a:pt x="340" y="367"/>
                    <a:pt x="340" y="367"/>
                    <a:pt x="340" y="367"/>
                  </a:cubicBezTo>
                  <a:cubicBezTo>
                    <a:pt x="323" y="377"/>
                    <a:pt x="293" y="376"/>
                    <a:pt x="274" y="364"/>
                  </a:cubicBezTo>
                  <a:cubicBezTo>
                    <a:pt x="21" y="210"/>
                    <a:pt x="21" y="210"/>
                    <a:pt x="21" y="210"/>
                  </a:cubicBezTo>
                  <a:cubicBezTo>
                    <a:pt x="2" y="198"/>
                    <a:pt x="0" y="180"/>
                    <a:pt x="17" y="170"/>
                  </a:cubicBez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</p:grpSp>
      <p:grpSp>
        <p:nvGrpSpPr>
          <p:cNvPr id="97" name="组合 96"/>
          <p:cNvGrpSpPr/>
          <p:nvPr/>
        </p:nvGrpSpPr>
        <p:grpSpPr>
          <a:xfrm>
            <a:off x="8247575" y="2697925"/>
            <a:ext cx="866436" cy="837370"/>
            <a:chOff x="8200330" y="3146776"/>
            <a:chExt cx="755892" cy="730534"/>
          </a:xfrm>
        </p:grpSpPr>
        <p:sp>
          <p:nvSpPr>
            <p:cNvPr id="98" name="Rounded Rectangle 12"/>
            <p:cNvSpPr/>
            <p:nvPr/>
          </p:nvSpPr>
          <p:spPr>
            <a:xfrm>
              <a:off x="8200330" y="3146776"/>
              <a:ext cx="755892" cy="730534"/>
            </a:xfrm>
            <a:prstGeom prst="roundRect">
              <a:avLst/>
            </a:pr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grpSp>
          <p:nvGrpSpPr>
            <p:cNvPr id="99" name="Group 18"/>
            <p:cNvGrpSpPr/>
            <p:nvPr/>
          </p:nvGrpSpPr>
          <p:grpSpPr>
            <a:xfrm>
              <a:off x="8318740" y="3255783"/>
              <a:ext cx="519068" cy="515515"/>
              <a:chOff x="1979613" y="3067051"/>
              <a:chExt cx="231775" cy="230188"/>
            </a:xfrm>
            <a:solidFill>
              <a:schemeClr val="bg1"/>
            </a:solidFill>
          </p:grpSpPr>
          <p:sp>
            <p:nvSpPr>
              <p:cNvPr id="100" name="Freeform 38"/>
              <p:cNvSpPr>
                <a:spLocks noEditPoints="1"/>
              </p:cNvSpPr>
              <p:nvPr/>
            </p:nvSpPr>
            <p:spPr bwMode="auto">
              <a:xfrm>
                <a:off x="1979613" y="3067051"/>
                <a:ext cx="231775" cy="230188"/>
              </a:xfrm>
              <a:custGeom>
                <a:avLst/>
                <a:gdLst>
                  <a:gd name="T0" fmla="*/ 61 w 122"/>
                  <a:gd name="T1" fmla="*/ 0 h 122"/>
                  <a:gd name="T2" fmla="*/ 0 w 122"/>
                  <a:gd name="T3" fmla="*/ 61 h 122"/>
                  <a:gd name="T4" fmla="*/ 61 w 122"/>
                  <a:gd name="T5" fmla="*/ 122 h 122"/>
                  <a:gd name="T6" fmla="*/ 122 w 122"/>
                  <a:gd name="T7" fmla="*/ 61 h 122"/>
                  <a:gd name="T8" fmla="*/ 61 w 122"/>
                  <a:gd name="T9" fmla="*/ 0 h 122"/>
                  <a:gd name="T10" fmla="*/ 64 w 122"/>
                  <a:gd name="T11" fmla="*/ 109 h 122"/>
                  <a:gd name="T12" fmla="*/ 64 w 122"/>
                  <a:gd name="T13" fmla="*/ 102 h 122"/>
                  <a:gd name="T14" fmla="*/ 57 w 122"/>
                  <a:gd name="T15" fmla="*/ 102 h 122"/>
                  <a:gd name="T16" fmla="*/ 57 w 122"/>
                  <a:gd name="T17" fmla="*/ 109 h 122"/>
                  <a:gd name="T18" fmla="*/ 29 w 122"/>
                  <a:gd name="T19" fmla="*/ 97 h 122"/>
                  <a:gd name="T20" fmla="*/ 28 w 122"/>
                  <a:gd name="T21" fmla="*/ 97 h 122"/>
                  <a:gd name="T22" fmla="*/ 27 w 122"/>
                  <a:gd name="T23" fmla="*/ 95 h 122"/>
                  <a:gd name="T24" fmla="*/ 25 w 122"/>
                  <a:gd name="T25" fmla="*/ 93 h 122"/>
                  <a:gd name="T26" fmla="*/ 24 w 122"/>
                  <a:gd name="T27" fmla="*/ 93 h 122"/>
                  <a:gd name="T28" fmla="*/ 13 w 122"/>
                  <a:gd name="T29" fmla="*/ 65 h 122"/>
                  <a:gd name="T30" fmla="*/ 20 w 122"/>
                  <a:gd name="T31" fmla="*/ 65 h 122"/>
                  <a:gd name="T32" fmla="*/ 20 w 122"/>
                  <a:gd name="T33" fmla="*/ 58 h 122"/>
                  <a:gd name="T34" fmla="*/ 13 w 122"/>
                  <a:gd name="T35" fmla="*/ 58 h 122"/>
                  <a:gd name="T36" fmla="*/ 57 w 122"/>
                  <a:gd name="T37" fmla="*/ 13 h 122"/>
                  <a:gd name="T38" fmla="*/ 57 w 122"/>
                  <a:gd name="T39" fmla="*/ 20 h 122"/>
                  <a:gd name="T40" fmla="*/ 64 w 122"/>
                  <a:gd name="T41" fmla="*/ 20 h 122"/>
                  <a:gd name="T42" fmla="*/ 64 w 122"/>
                  <a:gd name="T43" fmla="*/ 13 h 122"/>
                  <a:gd name="T44" fmla="*/ 83 w 122"/>
                  <a:gd name="T45" fmla="*/ 18 h 122"/>
                  <a:gd name="T46" fmla="*/ 83 w 122"/>
                  <a:gd name="T47" fmla="*/ 19 h 122"/>
                  <a:gd name="T48" fmla="*/ 86 w 122"/>
                  <a:gd name="T49" fmla="*/ 21 h 122"/>
                  <a:gd name="T50" fmla="*/ 87 w 122"/>
                  <a:gd name="T51" fmla="*/ 21 h 122"/>
                  <a:gd name="T52" fmla="*/ 90 w 122"/>
                  <a:gd name="T53" fmla="*/ 23 h 122"/>
                  <a:gd name="T54" fmla="*/ 91 w 122"/>
                  <a:gd name="T55" fmla="*/ 24 h 122"/>
                  <a:gd name="T56" fmla="*/ 93 w 122"/>
                  <a:gd name="T57" fmla="*/ 26 h 122"/>
                  <a:gd name="T58" fmla="*/ 94 w 122"/>
                  <a:gd name="T59" fmla="*/ 27 h 122"/>
                  <a:gd name="T60" fmla="*/ 96 w 122"/>
                  <a:gd name="T61" fmla="*/ 29 h 122"/>
                  <a:gd name="T62" fmla="*/ 98 w 122"/>
                  <a:gd name="T63" fmla="*/ 31 h 122"/>
                  <a:gd name="T64" fmla="*/ 99 w 122"/>
                  <a:gd name="T65" fmla="*/ 32 h 122"/>
                  <a:gd name="T66" fmla="*/ 101 w 122"/>
                  <a:gd name="T67" fmla="*/ 35 h 122"/>
                  <a:gd name="T68" fmla="*/ 101 w 122"/>
                  <a:gd name="T69" fmla="*/ 36 h 122"/>
                  <a:gd name="T70" fmla="*/ 103 w 122"/>
                  <a:gd name="T71" fmla="*/ 39 h 122"/>
                  <a:gd name="T72" fmla="*/ 103 w 122"/>
                  <a:gd name="T73" fmla="*/ 39 h 122"/>
                  <a:gd name="T74" fmla="*/ 108 w 122"/>
                  <a:gd name="T75" fmla="*/ 58 h 122"/>
                  <a:gd name="T76" fmla="*/ 102 w 122"/>
                  <a:gd name="T77" fmla="*/ 58 h 122"/>
                  <a:gd name="T78" fmla="*/ 102 w 122"/>
                  <a:gd name="T79" fmla="*/ 65 h 122"/>
                  <a:gd name="T80" fmla="*/ 108 w 122"/>
                  <a:gd name="T81" fmla="*/ 65 h 122"/>
                  <a:gd name="T82" fmla="*/ 64 w 122"/>
                  <a:gd name="T83" fmla="*/ 109 h 12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</a:cxnLst>
                <a:rect l="0" t="0" r="r" b="b"/>
                <a:pathLst>
                  <a:path w="122" h="122">
                    <a:moveTo>
                      <a:pt x="61" y="0"/>
                    </a:moveTo>
                    <a:cubicBezTo>
                      <a:pt x="27" y="0"/>
                      <a:pt x="0" y="27"/>
                      <a:pt x="0" y="61"/>
                    </a:cubicBezTo>
                    <a:cubicBezTo>
                      <a:pt x="0" y="95"/>
                      <a:pt x="27" y="122"/>
                      <a:pt x="61" y="122"/>
                    </a:cubicBezTo>
                    <a:cubicBezTo>
                      <a:pt x="94" y="122"/>
                      <a:pt x="122" y="95"/>
                      <a:pt x="122" y="61"/>
                    </a:cubicBezTo>
                    <a:cubicBezTo>
                      <a:pt x="122" y="27"/>
                      <a:pt x="94" y="0"/>
                      <a:pt x="61" y="0"/>
                    </a:cubicBezTo>
                    <a:close/>
                    <a:moveTo>
                      <a:pt x="64" y="109"/>
                    </a:moveTo>
                    <a:cubicBezTo>
                      <a:pt x="64" y="102"/>
                      <a:pt x="64" y="102"/>
                      <a:pt x="64" y="102"/>
                    </a:cubicBezTo>
                    <a:cubicBezTo>
                      <a:pt x="57" y="102"/>
                      <a:pt x="57" y="102"/>
                      <a:pt x="57" y="102"/>
                    </a:cubicBezTo>
                    <a:cubicBezTo>
                      <a:pt x="57" y="109"/>
                      <a:pt x="57" y="109"/>
                      <a:pt x="57" y="109"/>
                    </a:cubicBezTo>
                    <a:cubicBezTo>
                      <a:pt x="46" y="108"/>
                      <a:pt x="37" y="104"/>
                      <a:pt x="29" y="97"/>
                    </a:cubicBezTo>
                    <a:cubicBezTo>
                      <a:pt x="29" y="97"/>
                      <a:pt x="29" y="97"/>
                      <a:pt x="28" y="97"/>
                    </a:cubicBezTo>
                    <a:cubicBezTo>
                      <a:pt x="28" y="96"/>
                      <a:pt x="27" y="96"/>
                      <a:pt x="27" y="95"/>
                    </a:cubicBezTo>
                    <a:cubicBezTo>
                      <a:pt x="26" y="95"/>
                      <a:pt x="25" y="94"/>
                      <a:pt x="25" y="93"/>
                    </a:cubicBezTo>
                    <a:cubicBezTo>
                      <a:pt x="25" y="93"/>
                      <a:pt x="25" y="93"/>
                      <a:pt x="24" y="93"/>
                    </a:cubicBezTo>
                    <a:cubicBezTo>
                      <a:pt x="18" y="85"/>
                      <a:pt x="13" y="75"/>
                      <a:pt x="13" y="65"/>
                    </a:cubicBezTo>
                    <a:cubicBezTo>
                      <a:pt x="20" y="65"/>
                      <a:pt x="20" y="65"/>
                      <a:pt x="20" y="65"/>
                    </a:cubicBezTo>
                    <a:cubicBezTo>
                      <a:pt x="20" y="58"/>
                      <a:pt x="20" y="58"/>
                      <a:pt x="20" y="58"/>
                    </a:cubicBezTo>
                    <a:cubicBezTo>
                      <a:pt x="13" y="58"/>
                      <a:pt x="13" y="58"/>
                      <a:pt x="13" y="58"/>
                    </a:cubicBezTo>
                    <a:cubicBezTo>
                      <a:pt x="15" y="34"/>
                      <a:pt x="33" y="15"/>
                      <a:pt x="57" y="13"/>
                    </a:cubicBezTo>
                    <a:cubicBezTo>
                      <a:pt x="57" y="20"/>
                      <a:pt x="57" y="20"/>
                      <a:pt x="57" y="20"/>
                    </a:cubicBezTo>
                    <a:cubicBezTo>
                      <a:pt x="64" y="20"/>
                      <a:pt x="64" y="20"/>
                      <a:pt x="64" y="20"/>
                    </a:cubicBezTo>
                    <a:cubicBezTo>
                      <a:pt x="64" y="13"/>
                      <a:pt x="64" y="13"/>
                      <a:pt x="64" y="13"/>
                    </a:cubicBezTo>
                    <a:cubicBezTo>
                      <a:pt x="71" y="14"/>
                      <a:pt x="77" y="16"/>
                      <a:pt x="83" y="18"/>
                    </a:cubicBezTo>
                    <a:cubicBezTo>
                      <a:pt x="83" y="19"/>
                      <a:pt x="83" y="19"/>
                      <a:pt x="83" y="19"/>
                    </a:cubicBezTo>
                    <a:cubicBezTo>
                      <a:pt x="84" y="19"/>
                      <a:pt x="85" y="20"/>
                      <a:pt x="86" y="21"/>
                    </a:cubicBezTo>
                    <a:cubicBezTo>
                      <a:pt x="87" y="21"/>
                      <a:pt x="87" y="21"/>
                      <a:pt x="87" y="21"/>
                    </a:cubicBezTo>
                    <a:cubicBezTo>
                      <a:pt x="88" y="22"/>
                      <a:pt x="89" y="22"/>
                      <a:pt x="90" y="23"/>
                    </a:cubicBezTo>
                    <a:cubicBezTo>
                      <a:pt x="90" y="23"/>
                      <a:pt x="91" y="24"/>
                      <a:pt x="91" y="24"/>
                    </a:cubicBezTo>
                    <a:cubicBezTo>
                      <a:pt x="92" y="25"/>
                      <a:pt x="92" y="25"/>
                      <a:pt x="93" y="26"/>
                    </a:cubicBezTo>
                    <a:cubicBezTo>
                      <a:pt x="94" y="26"/>
                      <a:pt x="94" y="27"/>
                      <a:pt x="94" y="27"/>
                    </a:cubicBezTo>
                    <a:cubicBezTo>
                      <a:pt x="95" y="28"/>
                      <a:pt x="96" y="28"/>
                      <a:pt x="96" y="29"/>
                    </a:cubicBezTo>
                    <a:cubicBezTo>
                      <a:pt x="97" y="29"/>
                      <a:pt x="97" y="30"/>
                      <a:pt x="98" y="31"/>
                    </a:cubicBezTo>
                    <a:cubicBezTo>
                      <a:pt x="98" y="31"/>
                      <a:pt x="98" y="32"/>
                      <a:pt x="99" y="32"/>
                    </a:cubicBezTo>
                    <a:cubicBezTo>
                      <a:pt x="99" y="33"/>
                      <a:pt x="100" y="34"/>
                      <a:pt x="101" y="35"/>
                    </a:cubicBezTo>
                    <a:cubicBezTo>
                      <a:pt x="101" y="35"/>
                      <a:pt x="101" y="35"/>
                      <a:pt x="101" y="36"/>
                    </a:cubicBezTo>
                    <a:cubicBezTo>
                      <a:pt x="102" y="37"/>
                      <a:pt x="103" y="38"/>
                      <a:pt x="103" y="39"/>
                    </a:cubicBezTo>
                    <a:cubicBezTo>
                      <a:pt x="103" y="39"/>
                      <a:pt x="103" y="39"/>
                      <a:pt x="103" y="39"/>
                    </a:cubicBezTo>
                    <a:cubicBezTo>
                      <a:pt x="106" y="45"/>
                      <a:pt x="108" y="51"/>
                      <a:pt x="108" y="58"/>
                    </a:cubicBezTo>
                    <a:cubicBezTo>
                      <a:pt x="102" y="58"/>
                      <a:pt x="102" y="58"/>
                      <a:pt x="102" y="58"/>
                    </a:cubicBezTo>
                    <a:cubicBezTo>
                      <a:pt x="102" y="65"/>
                      <a:pt x="102" y="65"/>
                      <a:pt x="102" y="65"/>
                    </a:cubicBezTo>
                    <a:cubicBezTo>
                      <a:pt x="108" y="65"/>
                      <a:pt x="108" y="65"/>
                      <a:pt x="108" y="65"/>
                    </a:cubicBezTo>
                    <a:cubicBezTo>
                      <a:pt x="107" y="88"/>
                      <a:pt x="88" y="107"/>
                      <a:pt x="64" y="109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1" name="Freeform 39"/>
              <p:cNvSpPr>
                <a:spLocks noEditPoints="1"/>
              </p:cNvSpPr>
              <p:nvPr/>
            </p:nvSpPr>
            <p:spPr bwMode="auto">
              <a:xfrm>
                <a:off x="2063750" y="3125788"/>
                <a:ext cx="69850" cy="98425"/>
              </a:xfrm>
              <a:custGeom>
                <a:avLst/>
                <a:gdLst>
                  <a:gd name="T0" fmla="*/ 9 w 36"/>
                  <a:gd name="T1" fmla="*/ 29 h 52"/>
                  <a:gd name="T2" fmla="*/ 9 w 36"/>
                  <a:gd name="T3" fmla="*/ 29 h 52"/>
                  <a:gd name="T4" fmla="*/ 0 w 36"/>
                  <a:gd name="T5" fmla="*/ 52 h 52"/>
                  <a:gd name="T6" fmla="*/ 20 w 36"/>
                  <a:gd name="T7" fmla="*/ 36 h 52"/>
                  <a:gd name="T8" fmla="*/ 20 w 36"/>
                  <a:gd name="T9" fmla="*/ 36 h 52"/>
                  <a:gd name="T10" fmla="*/ 22 w 36"/>
                  <a:gd name="T11" fmla="*/ 32 h 52"/>
                  <a:gd name="T12" fmla="*/ 36 w 36"/>
                  <a:gd name="T13" fmla="*/ 0 h 52"/>
                  <a:gd name="T14" fmla="*/ 11 w 36"/>
                  <a:gd name="T15" fmla="*/ 25 h 52"/>
                  <a:gd name="T16" fmla="*/ 9 w 36"/>
                  <a:gd name="T17" fmla="*/ 29 h 52"/>
                  <a:gd name="T18" fmla="*/ 16 w 36"/>
                  <a:gd name="T19" fmla="*/ 27 h 52"/>
                  <a:gd name="T20" fmla="*/ 19 w 36"/>
                  <a:gd name="T21" fmla="*/ 30 h 52"/>
                  <a:gd name="T22" fmla="*/ 16 w 36"/>
                  <a:gd name="T23" fmla="*/ 33 h 52"/>
                  <a:gd name="T24" fmla="*/ 13 w 36"/>
                  <a:gd name="T25" fmla="*/ 30 h 52"/>
                  <a:gd name="T26" fmla="*/ 16 w 36"/>
                  <a:gd name="T27" fmla="*/ 27 h 5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36" h="52">
                    <a:moveTo>
                      <a:pt x="9" y="29"/>
                    </a:moveTo>
                    <a:cubicBezTo>
                      <a:pt x="9" y="29"/>
                      <a:pt x="9" y="29"/>
                      <a:pt x="9" y="29"/>
                    </a:cubicBezTo>
                    <a:cubicBezTo>
                      <a:pt x="0" y="52"/>
                      <a:pt x="0" y="52"/>
                      <a:pt x="0" y="52"/>
                    </a:cubicBezTo>
                    <a:cubicBezTo>
                      <a:pt x="20" y="36"/>
                      <a:pt x="20" y="36"/>
                      <a:pt x="20" y="36"/>
                    </a:cubicBezTo>
                    <a:cubicBezTo>
                      <a:pt x="20" y="36"/>
                      <a:pt x="20" y="36"/>
                      <a:pt x="20" y="36"/>
                    </a:cubicBezTo>
                    <a:cubicBezTo>
                      <a:pt x="22" y="35"/>
                      <a:pt x="22" y="33"/>
                      <a:pt x="22" y="32"/>
                    </a:cubicBezTo>
                    <a:cubicBezTo>
                      <a:pt x="36" y="0"/>
                      <a:pt x="36" y="0"/>
                      <a:pt x="36" y="0"/>
                    </a:cubicBezTo>
                    <a:cubicBezTo>
                      <a:pt x="11" y="25"/>
                      <a:pt x="11" y="25"/>
                      <a:pt x="11" y="25"/>
                    </a:cubicBezTo>
                    <a:cubicBezTo>
                      <a:pt x="10" y="26"/>
                      <a:pt x="9" y="27"/>
                      <a:pt x="9" y="29"/>
                    </a:cubicBezTo>
                    <a:close/>
                    <a:moveTo>
                      <a:pt x="16" y="27"/>
                    </a:moveTo>
                    <a:cubicBezTo>
                      <a:pt x="17" y="27"/>
                      <a:pt x="19" y="28"/>
                      <a:pt x="19" y="30"/>
                    </a:cubicBezTo>
                    <a:cubicBezTo>
                      <a:pt x="19" y="32"/>
                      <a:pt x="17" y="33"/>
                      <a:pt x="16" y="33"/>
                    </a:cubicBezTo>
                    <a:cubicBezTo>
                      <a:pt x="14" y="33"/>
                      <a:pt x="13" y="32"/>
                      <a:pt x="13" y="30"/>
                    </a:cubicBezTo>
                    <a:cubicBezTo>
                      <a:pt x="13" y="28"/>
                      <a:pt x="14" y="27"/>
                      <a:pt x="16" y="27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2" name="Oval 40"/>
              <p:cNvSpPr>
                <a:spLocks noChangeArrowheads="1"/>
              </p:cNvSpPr>
              <p:nvPr/>
            </p:nvSpPr>
            <p:spPr bwMode="auto">
              <a:xfrm>
                <a:off x="2090738" y="3179763"/>
                <a:ext cx="6350" cy="6350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</p:grpSp>
      <p:grpSp>
        <p:nvGrpSpPr>
          <p:cNvPr id="103" name="组合 102"/>
          <p:cNvGrpSpPr/>
          <p:nvPr/>
        </p:nvGrpSpPr>
        <p:grpSpPr>
          <a:xfrm>
            <a:off x="8243497" y="4709101"/>
            <a:ext cx="866436" cy="837370"/>
            <a:chOff x="8200330" y="4223052"/>
            <a:chExt cx="755892" cy="730534"/>
          </a:xfrm>
        </p:grpSpPr>
        <p:sp>
          <p:nvSpPr>
            <p:cNvPr id="104" name="Rounded Rectangle 13"/>
            <p:cNvSpPr/>
            <p:nvPr/>
          </p:nvSpPr>
          <p:spPr>
            <a:xfrm>
              <a:off x="8200330" y="4223052"/>
              <a:ext cx="755892" cy="730534"/>
            </a:xfrm>
            <a:prstGeom prst="roundRect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grpSp>
          <p:nvGrpSpPr>
            <p:cNvPr id="105" name="Group 22"/>
            <p:cNvGrpSpPr/>
            <p:nvPr/>
          </p:nvGrpSpPr>
          <p:grpSpPr>
            <a:xfrm>
              <a:off x="8378215" y="4410772"/>
              <a:ext cx="427877" cy="412146"/>
              <a:chOff x="4628836" y="1549401"/>
              <a:chExt cx="215900" cy="207963"/>
            </a:xfrm>
            <a:solidFill>
              <a:schemeClr val="bg1"/>
            </a:solidFill>
          </p:grpSpPr>
          <p:sp>
            <p:nvSpPr>
              <p:cNvPr id="106" name="Freeform 6"/>
              <p:cNvSpPr>
                <a:spLocks noEditPoints="1"/>
              </p:cNvSpPr>
              <p:nvPr/>
            </p:nvSpPr>
            <p:spPr bwMode="auto">
              <a:xfrm>
                <a:off x="4628836" y="1549401"/>
                <a:ext cx="215900" cy="207963"/>
              </a:xfrm>
              <a:custGeom>
                <a:avLst/>
                <a:gdLst>
                  <a:gd name="T0" fmla="*/ 124 w 133"/>
                  <a:gd name="T1" fmla="*/ 0 h 127"/>
                  <a:gd name="T2" fmla="*/ 9 w 133"/>
                  <a:gd name="T3" fmla="*/ 0 h 127"/>
                  <a:gd name="T4" fmla="*/ 0 w 133"/>
                  <a:gd name="T5" fmla="*/ 9 h 127"/>
                  <a:gd name="T6" fmla="*/ 0 w 133"/>
                  <a:gd name="T7" fmla="*/ 91 h 127"/>
                  <a:gd name="T8" fmla="*/ 9 w 133"/>
                  <a:gd name="T9" fmla="*/ 100 h 127"/>
                  <a:gd name="T10" fmla="*/ 53 w 133"/>
                  <a:gd name="T11" fmla="*/ 100 h 127"/>
                  <a:gd name="T12" fmla="*/ 39 w 133"/>
                  <a:gd name="T13" fmla="*/ 118 h 127"/>
                  <a:gd name="T14" fmla="*/ 39 w 133"/>
                  <a:gd name="T15" fmla="*/ 127 h 127"/>
                  <a:gd name="T16" fmla="*/ 53 w 133"/>
                  <a:gd name="T17" fmla="*/ 127 h 127"/>
                  <a:gd name="T18" fmla="*/ 80 w 133"/>
                  <a:gd name="T19" fmla="*/ 127 h 127"/>
                  <a:gd name="T20" fmla="*/ 93 w 133"/>
                  <a:gd name="T21" fmla="*/ 127 h 127"/>
                  <a:gd name="T22" fmla="*/ 93 w 133"/>
                  <a:gd name="T23" fmla="*/ 118 h 127"/>
                  <a:gd name="T24" fmla="*/ 80 w 133"/>
                  <a:gd name="T25" fmla="*/ 100 h 127"/>
                  <a:gd name="T26" fmla="*/ 124 w 133"/>
                  <a:gd name="T27" fmla="*/ 100 h 127"/>
                  <a:gd name="T28" fmla="*/ 133 w 133"/>
                  <a:gd name="T29" fmla="*/ 91 h 127"/>
                  <a:gd name="T30" fmla="*/ 133 w 133"/>
                  <a:gd name="T31" fmla="*/ 9 h 127"/>
                  <a:gd name="T32" fmla="*/ 124 w 133"/>
                  <a:gd name="T33" fmla="*/ 0 h 127"/>
                  <a:gd name="T34" fmla="*/ 59 w 133"/>
                  <a:gd name="T35" fmla="*/ 89 h 127"/>
                  <a:gd name="T36" fmla="*/ 67 w 133"/>
                  <a:gd name="T37" fmla="*/ 82 h 127"/>
                  <a:gd name="T38" fmla="*/ 75 w 133"/>
                  <a:gd name="T39" fmla="*/ 89 h 127"/>
                  <a:gd name="T40" fmla="*/ 67 w 133"/>
                  <a:gd name="T41" fmla="*/ 97 h 127"/>
                  <a:gd name="T42" fmla="*/ 59 w 133"/>
                  <a:gd name="T43" fmla="*/ 89 h 127"/>
                  <a:gd name="T44" fmla="*/ 123 w 133"/>
                  <a:gd name="T45" fmla="*/ 79 h 127"/>
                  <a:gd name="T46" fmla="*/ 9 w 133"/>
                  <a:gd name="T47" fmla="*/ 79 h 127"/>
                  <a:gd name="T48" fmla="*/ 9 w 133"/>
                  <a:gd name="T49" fmla="*/ 10 h 127"/>
                  <a:gd name="T50" fmla="*/ 123 w 133"/>
                  <a:gd name="T51" fmla="*/ 10 h 127"/>
                  <a:gd name="T52" fmla="*/ 123 w 133"/>
                  <a:gd name="T53" fmla="*/ 79 h 1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</a:cxnLst>
                <a:rect l="0" t="0" r="r" b="b"/>
                <a:pathLst>
                  <a:path w="133" h="127">
                    <a:moveTo>
                      <a:pt x="124" y="0"/>
                    </a:moveTo>
                    <a:cubicBezTo>
                      <a:pt x="9" y="0"/>
                      <a:pt x="9" y="0"/>
                      <a:pt x="9" y="0"/>
                    </a:cubicBezTo>
                    <a:cubicBezTo>
                      <a:pt x="4" y="0"/>
                      <a:pt x="0" y="4"/>
                      <a:pt x="0" y="9"/>
                    </a:cubicBezTo>
                    <a:cubicBezTo>
                      <a:pt x="0" y="91"/>
                      <a:pt x="0" y="91"/>
                      <a:pt x="0" y="91"/>
                    </a:cubicBezTo>
                    <a:cubicBezTo>
                      <a:pt x="0" y="96"/>
                      <a:pt x="4" y="100"/>
                      <a:pt x="9" y="100"/>
                    </a:cubicBezTo>
                    <a:cubicBezTo>
                      <a:pt x="53" y="100"/>
                      <a:pt x="53" y="100"/>
                      <a:pt x="53" y="100"/>
                    </a:cubicBezTo>
                    <a:cubicBezTo>
                      <a:pt x="53" y="100"/>
                      <a:pt x="55" y="118"/>
                      <a:pt x="39" y="118"/>
                    </a:cubicBezTo>
                    <a:cubicBezTo>
                      <a:pt x="39" y="127"/>
                      <a:pt x="39" y="127"/>
                      <a:pt x="39" y="127"/>
                    </a:cubicBezTo>
                    <a:cubicBezTo>
                      <a:pt x="53" y="127"/>
                      <a:pt x="53" y="127"/>
                      <a:pt x="53" y="127"/>
                    </a:cubicBezTo>
                    <a:cubicBezTo>
                      <a:pt x="80" y="127"/>
                      <a:pt x="80" y="127"/>
                      <a:pt x="80" y="127"/>
                    </a:cubicBezTo>
                    <a:cubicBezTo>
                      <a:pt x="93" y="127"/>
                      <a:pt x="93" y="127"/>
                      <a:pt x="93" y="127"/>
                    </a:cubicBezTo>
                    <a:cubicBezTo>
                      <a:pt x="93" y="118"/>
                      <a:pt x="93" y="118"/>
                      <a:pt x="93" y="118"/>
                    </a:cubicBezTo>
                    <a:cubicBezTo>
                      <a:pt x="77" y="118"/>
                      <a:pt x="80" y="100"/>
                      <a:pt x="80" y="100"/>
                    </a:cubicBezTo>
                    <a:cubicBezTo>
                      <a:pt x="124" y="100"/>
                      <a:pt x="124" y="100"/>
                      <a:pt x="124" y="100"/>
                    </a:cubicBezTo>
                    <a:cubicBezTo>
                      <a:pt x="129" y="100"/>
                      <a:pt x="133" y="96"/>
                      <a:pt x="133" y="91"/>
                    </a:cubicBezTo>
                    <a:cubicBezTo>
                      <a:pt x="133" y="9"/>
                      <a:pt x="133" y="9"/>
                      <a:pt x="133" y="9"/>
                    </a:cubicBezTo>
                    <a:cubicBezTo>
                      <a:pt x="133" y="4"/>
                      <a:pt x="129" y="0"/>
                      <a:pt x="124" y="0"/>
                    </a:cubicBezTo>
                    <a:close/>
                    <a:moveTo>
                      <a:pt x="59" y="89"/>
                    </a:moveTo>
                    <a:cubicBezTo>
                      <a:pt x="59" y="85"/>
                      <a:pt x="63" y="82"/>
                      <a:pt x="67" y="82"/>
                    </a:cubicBezTo>
                    <a:cubicBezTo>
                      <a:pt x="71" y="82"/>
                      <a:pt x="75" y="85"/>
                      <a:pt x="75" y="89"/>
                    </a:cubicBezTo>
                    <a:cubicBezTo>
                      <a:pt x="75" y="93"/>
                      <a:pt x="71" y="97"/>
                      <a:pt x="67" y="97"/>
                    </a:cubicBezTo>
                    <a:cubicBezTo>
                      <a:pt x="63" y="97"/>
                      <a:pt x="59" y="93"/>
                      <a:pt x="59" y="89"/>
                    </a:cubicBezTo>
                    <a:close/>
                    <a:moveTo>
                      <a:pt x="123" y="79"/>
                    </a:moveTo>
                    <a:cubicBezTo>
                      <a:pt x="9" y="79"/>
                      <a:pt x="9" y="79"/>
                      <a:pt x="9" y="79"/>
                    </a:cubicBezTo>
                    <a:cubicBezTo>
                      <a:pt x="9" y="10"/>
                      <a:pt x="9" y="10"/>
                      <a:pt x="9" y="10"/>
                    </a:cubicBezTo>
                    <a:cubicBezTo>
                      <a:pt x="123" y="10"/>
                      <a:pt x="123" y="10"/>
                      <a:pt x="123" y="10"/>
                    </a:cubicBezTo>
                    <a:lnTo>
                      <a:pt x="123" y="79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7" name="Oval 7"/>
              <p:cNvSpPr>
                <a:spLocks noChangeArrowheads="1"/>
              </p:cNvSpPr>
              <p:nvPr/>
            </p:nvSpPr>
            <p:spPr bwMode="auto">
              <a:xfrm>
                <a:off x="4718050" y="1685926"/>
                <a:ext cx="15875" cy="17463"/>
              </a:xfrm>
              <a:prstGeom prst="ellipse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</p:grpSp>
      <p:grpSp>
        <p:nvGrpSpPr>
          <p:cNvPr id="108" name="组合 107"/>
          <p:cNvGrpSpPr/>
          <p:nvPr/>
        </p:nvGrpSpPr>
        <p:grpSpPr>
          <a:xfrm>
            <a:off x="3065603" y="4709101"/>
            <a:ext cx="866436" cy="837370"/>
            <a:chOff x="3259564" y="4223052"/>
            <a:chExt cx="755892" cy="730534"/>
          </a:xfrm>
        </p:grpSpPr>
        <p:sp>
          <p:nvSpPr>
            <p:cNvPr id="109" name="Rounded Rectangle 17"/>
            <p:cNvSpPr/>
            <p:nvPr/>
          </p:nvSpPr>
          <p:spPr>
            <a:xfrm>
              <a:off x="3259564" y="4223052"/>
              <a:ext cx="755892" cy="730534"/>
            </a:xfrm>
            <a:prstGeom prst="roundRect">
              <a:avLst/>
            </a:prstGeom>
            <a:solidFill>
              <a:srgbClr val="E0454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10" name="Freeform 59"/>
            <p:cNvSpPr>
              <a:spLocks noEditPoints="1"/>
            </p:cNvSpPr>
            <p:nvPr/>
          </p:nvSpPr>
          <p:spPr bwMode="auto">
            <a:xfrm>
              <a:off x="3441416" y="4324093"/>
              <a:ext cx="371958" cy="498825"/>
            </a:xfrm>
            <a:custGeom>
              <a:avLst/>
              <a:gdLst>
                <a:gd name="T0" fmla="*/ 108 w 108"/>
                <a:gd name="T1" fmla="*/ 145 h 145"/>
                <a:gd name="T2" fmla="*/ 0 w 108"/>
                <a:gd name="T3" fmla="*/ 145 h 145"/>
                <a:gd name="T4" fmla="*/ 0 w 108"/>
                <a:gd name="T5" fmla="*/ 135 h 145"/>
                <a:gd name="T6" fmla="*/ 13 w 108"/>
                <a:gd name="T7" fmla="*/ 124 h 145"/>
                <a:gd name="T8" fmla="*/ 96 w 108"/>
                <a:gd name="T9" fmla="*/ 124 h 145"/>
                <a:gd name="T10" fmla="*/ 108 w 108"/>
                <a:gd name="T11" fmla="*/ 135 h 145"/>
                <a:gd name="T12" fmla="*/ 108 w 108"/>
                <a:gd name="T13" fmla="*/ 145 h 145"/>
                <a:gd name="T14" fmla="*/ 16 w 108"/>
                <a:gd name="T15" fmla="*/ 116 h 145"/>
                <a:gd name="T16" fmla="*/ 24 w 108"/>
                <a:gd name="T17" fmla="*/ 91 h 145"/>
                <a:gd name="T18" fmla="*/ 85 w 108"/>
                <a:gd name="T19" fmla="*/ 91 h 145"/>
                <a:gd name="T20" fmla="*/ 93 w 108"/>
                <a:gd name="T21" fmla="*/ 116 h 145"/>
                <a:gd name="T22" fmla="*/ 16 w 108"/>
                <a:gd name="T23" fmla="*/ 116 h 145"/>
                <a:gd name="T24" fmla="*/ 28 w 108"/>
                <a:gd name="T25" fmla="*/ 76 h 145"/>
                <a:gd name="T26" fmla="*/ 36 w 108"/>
                <a:gd name="T27" fmla="*/ 51 h 145"/>
                <a:gd name="T28" fmla="*/ 72 w 108"/>
                <a:gd name="T29" fmla="*/ 51 h 145"/>
                <a:gd name="T30" fmla="*/ 80 w 108"/>
                <a:gd name="T31" fmla="*/ 76 h 145"/>
                <a:gd name="T32" fmla="*/ 28 w 108"/>
                <a:gd name="T33" fmla="*/ 76 h 145"/>
                <a:gd name="T34" fmla="*/ 49 w 108"/>
                <a:gd name="T35" fmla="*/ 12 h 145"/>
                <a:gd name="T36" fmla="*/ 60 w 108"/>
                <a:gd name="T37" fmla="*/ 12 h 145"/>
                <a:gd name="T38" fmla="*/ 68 w 108"/>
                <a:gd name="T39" fmla="*/ 36 h 145"/>
                <a:gd name="T40" fmla="*/ 41 w 108"/>
                <a:gd name="T41" fmla="*/ 36 h 145"/>
                <a:gd name="T42" fmla="*/ 49 w 108"/>
                <a:gd name="T43" fmla="*/ 12 h 1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</a:cxnLst>
              <a:rect l="0" t="0" r="r" b="b"/>
              <a:pathLst>
                <a:path w="108" h="145">
                  <a:moveTo>
                    <a:pt x="108" y="145"/>
                  </a:moveTo>
                  <a:cubicBezTo>
                    <a:pt x="0" y="145"/>
                    <a:pt x="0" y="145"/>
                    <a:pt x="0" y="145"/>
                  </a:cubicBezTo>
                  <a:cubicBezTo>
                    <a:pt x="0" y="135"/>
                    <a:pt x="0" y="135"/>
                    <a:pt x="0" y="135"/>
                  </a:cubicBezTo>
                  <a:cubicBezTo>
                    <a:pt x="13" y="124"/>
                    <a:pt x="13" y="124"/>
                    <a:pt x="13" y="124"/>
                  </a:cubicBezTo>
                  <a:cubicBezTo>
                    <a:pt x="96" y="124"/>
                    <a:pt x="96" y="124"/>
                    <a:pt x="96" y="124"/>
                  </a:cubicBezTo>
                  <a:cubicBezTo>
                    <a:pt x="108" y="135"/>
                    <a:pt x="108" y="135"/>
                    <a:pt x="108" y="135"/>
                  </a:cubicBezTo>
                  <a:lnTo>
                    <a:pt x="108" y="145"/>
                  </a:lnTo>
                  <a:close/>
                  <a:moveTo>
                    <a:pt x="16" y="116"/>
                  </a:moveTo>
                  <a:cubicBezTo>
                    <a:pt x="24" y="91"/>
                    <a:pt x="24" y="91"/>
                    <a:pt x="24" y="91"/>
                  </a:cubicBezTo>
                  <a:cubicBezTo>
                    <a:pt x="85" y="91"/>
                    <a:pt x="85" y="91"/>
                    <a:pt x="85" y="91"/>
                  </a:cubicBezTo>
                  <a:cubicBezTo>
                    <a:pt x="93" y="116"/>
                    <a:pt x="93" y="116"/>
                    <a:pt x="93" y="116"/>
                  </a:cubicBezTo>
                  <a:lnTo>
                    <a:pt x="16" y="116"/>
                  </a:lnTo>
                  <a:close/>
                  <a:moveTo>
                    <a:pt x="28" y="76"/>
                  </a:moveTo>
                  <a:cubicBezTo>
                    <a:pt x="36" y="51"/>
                    <a:pt x="36" y="51"/>
                    <a:pt x="36" y="51"/>
                  </a:cubicBezTo>
                  <a:cubicBezTo>
                    <a:pt x="72" y="51"/>
                    <a:pt x="72" y="51"/>
                    <a:pt x="72" y="51"/>
                  </a:cubicBezTo>
                  <a:cubicBezTo>
                    <a:pt x="80" y="76"/>
                    <a:pt x="80" y="76"/>
                    <a:pt x="80" y="76"/>
                  </a:cubicBezTo>
                  <a:lnTo>
                    <a:pt x="28" y="76"/>
                  </a:lnTo>
                  <a:close/>
                  <a:moveTo>
                    <a:pt x="49" y="12"/>
                  </a:moveTo>
                  <a:cubicBezTo>
                    <a:pt x="49" y="12"/>
                    <a:pt x="54" y="0"/>
                    <a:pt x="60" y="12"/>
                  </a:cubicBezTo>
                  <a:cubicBezTo>
                    <a:pt x="68" y="36"/>
                    <a:pt x="68" y="36"/>
                    <a:pt x="68" y="36"/>
                  </a:cubicBezTo>
                  <a:cubicBezTo>
                    <a:pt x="41" y="36"/>
                    <a:pt x="41" y="36"/>
                    <a:pt x="41" y="36"/>
                  </a:cubicBezTo>
                  <a:lnTo>
                    <a:pt x="49" y="12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105874" tIns="52937" rIns="105874" bIns="52937" numCol="1" anchor="t" anchorCtr="0" compatLnSpc="1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</p:grpSp>
      <p:grpSp>
        <p:nvGrpSpPr>
          <p:cNvPr id="111" name="组合 110"/>
          <p:cNvGrpSpPr/>
          <p:nvPr/>
        </p:nvGrpSpPr>
        <p:grpSpPr>
          <a:xfrm>
            <a:off x="3065603" y="2693527"/>
            <a:ext cx="866436" cy="837370"/>
            <a:chOff x="3259564" y="3146776"/>
            <a:chExt cx="755892" cy="730534"/>
          </a:xfrm>
        </p:grpSpPr>
        <p:sp>
          <p:nvSpPr>
            <p:cNvPr id="112" name="Rounded Rectangle 16"/>
            <p:cNvSpPr/>
            <p:nvPr/>
          </p:nvSpPr>
          <p:spPr>
            <a:xfrm>
              <a:off x="3259564" y="3146776"/>
              <a:ext cx="755892" cy="730534"/>
            </a:xfrm>
            <a:prstGeom prst="roundRect">
              <a:avLst/>
            </a:pr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just">
                <a:lnSpc>
                  <a:spcPct val="120000"/>
                </a:lnSpc>
              </a:pPr>
              <a:endParaRPr lang="en-US" sz="660"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grpSp>
          <p:nvGrpSpPr>
            <p:cNvPr id="113" name="Group 26"/>
            <p:cNvGrpSpPr/>
            <p:nvPr/>
          </p:nvGrpSpPr>
          <p:grpSpPr>
            <a:xfrm>
              <a:off x="3461645" y="3309817"/>
              <a:ext cx="351730" cy="407449"/>
              <a:chOff x="3581400" y="3905251"/>
              <a:chExt cx="160338" cy="185738"/>
            </a:xfrm>
            <a:solidFill>
              <a:schemeClr val="bg1"/>
            </a:solidFill>
          </p:grpSpPr>
          <p:sp>
            <p:nvSpPr>
              <p:cNvPr id="114" name="Rectangle 33"/>
              <p:cNvSpPr>
                <a:spLocks noChangeArrowheads="1"/>
              </p:cNvSpPr>
              <p:nvPr/>
            </p:nvSpPr>
            <p:spPr bwMode="auto">
              <a:xfrm>
                <a:off x="3670300" y="3941763"/>
                <a:ext cx="28575" cy="149225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15" name="Rectangle 34"/>
              <p:cNvSpPr>
                <a:spLocks noChangeArrowheads="1"/>
              </p:cNvSpPr>
              <p:nvPr/>
            </p:nvSpPr>
            <p:spPr bwMode="auto">
              <a:xfrm>
                <a:off x="3627438" y="3971926"/>
                <a:ext cx="26988" cy="119063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16" name="Rectangle 35"/>
              <p:cNvSpPr>
                <a:spLocks noChangeArrowheads="1"/>
              </p:cNvSpPr>
              <p:nvPr/>
            </p:nvSpPr>
            <p:spPr bwMode="auto">
              <a:xfrm>
                <a:off x="3581400" y="3994151"/>
                <a:ext cx="26988" cy="96838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17" name="Rectangle 36"/>
              <p:cNvSpPr>
                <a:spLocks noChangeArrowheads="1"/>
              </p:cNvSpPr>
              <p:nvPr/>
            </p:nvSpPr>
            <p:spPr bwMode="auto">
              <a:xfrm>
                <a:off x="3714750" y="3905251"/>
                <a:ext cx="26988" cy="185738"/>
              </a:xfrm>
              <a:prstGeom prst="rect">
                <a:avLst/>
              </a:pr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105874" tIns="52937" rIns="105874" bIns="5293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660"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</p:grpSp>
      <p:sp>
        <p:nvSpPr>
          <p:cNvPr id="118" name="文本框 117"/>
          <p:cNvSpPr txBox="1"/>
          <p:nvPr/>
        </p:nvSpPr>
        <p:spPr>
          <a:xfrm>
            <a:off x="392214" y="269352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19" name="文本框 118"/>
          <p:cNvSpPr txBox="1"/>
          <p:nvPr/>
        </p:nvSpPr>
        <p:spPr>
          <a:xfrm>
            <a:off x="340101" y="470910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0" name="文本框 119"/>
          <p:cNvSpPr txBox="1"/>
          <p:nvPr/>
        </p:nvSpPr>
        <p:spPr>
          <a:xfrm>
            <a:off x="9506248" y="269352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1" name="文本框 120"/>
          <p:cNvSpPr txBox="1"/>
          <p:nvPr/>
        </p:nvSpPr>
        <p:spPr>
          <a:xfrm>
            <a:off x="9454135" y="4709101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22" name="矩形 121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23" name="矩形 122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24" name="矩形 123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25" name="矩形 124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8" grpId="0"/>
      <p:bldP spid="119" grpId="0"/>
      <p:bldP spid="120" grpId="0"/>
      <p:bldP spid="121" grpId="0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06195" flipV="1">
            <a:off x="1006081" y="1449772"/>
            <a:ext cx="5561307" cy="5571406"/>
          </a:xfrm>
          <a:prstGeom prst="rect">
            <a:avLst/>
          </a:prstGeom>
        </p:spPr>
      </p:pic>
      <p:sp>
        <p:nvSpPr>
          <p:cNvPr id="56" name="文本框 55"/>
          <p:cNvSpPr txBox="1"/>
          <p:nvPr/>
        </p:nvSpPr>
        <p:spPr>
          <a:xfrm>
            <a:off x="8268369" y="1040219"/>
            <a:ext cx="2157963" cy="26468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66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3</a:t>
            </a:r>
            <a:endParaRPr lang="zh-CN" altLang="en-US" sz="16600" b="1" dirty="0">
              <a:solidFill>
                <a:srgbClr val="FFFFFF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57" name="文本框 56"/>
          <p:cNvSpPr txBox="1"/>
          <p:nvPr/>
        </p:nvSpPr>
        <p:spPr>
          <a:xfrm>
            <a:off x="7348906" y="4105138"/>
            <a:ext cx="389080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72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策略</a:t>
            </a:r>
          </a:p>
        </p:txBody>
      </p:sp>
      <p:cxnSp>
        <p:nvCxnSpPr>
          <p:cNvPr id="58" name="直接连接符 5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9295279" y="1753203"/>
            <a:ext cx="0" cy="396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100"/>
                            </p:stCondLst>
                            <p:childTnLst>
                              <p:par>
                                <p:cTn id="1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600"/>
                            </p:stCondLst>
                            <p:childTnLst>
                              <p:par>
                                <p:cTn id="2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900" decel="100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6" grpId="0"/>
      <p:bldP spid="57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9" name="组合 88"/>
          <p:cNvGrpSpPr/>
          <p:nvPr/>
        </p:nvGrpSpPr>
        <p:grpSpPr>
          <a:xfrm>
            <a:off x="6957172" y="2029812"/>
            <a:ext cx="1077158" cy="1077158"/>
            <a:chOff x="3979168" y="1034430"/>
            <a:chExt cx="897632" cy="897632"/>
          </a:xfrm>
        </p:grpSpPr>
        <p:sp>
          <p:nvSpPr>
            <p:cNvPr id="90" name="椭圆 89"/>
            <p:cNvSpPr/>
            <p:nvPr/>
          </p:nvSpPr>
          <p:spPr>
            <a:xfrm>
              <a:off x="3979168" y="1034430"/>
              <a:ext cx="897632" cy="897632"/>
            </a:xfrm>
            <a:prstGeom prst="ellipse">
              <a:avLst/>
            </a:pr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pic>
          <p:nvPicPr>
            <p:cNvPr id="91" name="Picture 3" descr="F:\工作夹\PPT设计\PPT模板\PPT模板2013\s1025\8.png"/>
            <p:cNvPicPr>
              <a:picLocks noChangeAspect="1" noChangeArrowheads="1"/>
            </p:cNvPicPr>
            <p:nvPr/>
          </p:nvPicPr>
          <p:blipFill>
            <a:blip r:embed="rId3">
              <a:biLevel thresh="25000"/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16274" y="1244642"/>
              <a:ext cx="423420" cy="4772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95" name="组合 94"/>
          <p:cNvGrpSpPr/>
          <p:nvPr/>
        </p:nvGrpSpPr>
        <p:grpSpPr>
          <a:xfrm>
            <a:off x="4251363" y="4814443"/>
            <a:ext cx="1077160" cy="1077159"/>
            <a:chOff x="3034802" y="3809873"/>
            <a:chExt cx="897633" cy="897632"/>
          </a:xfrm>
        </p:grpSpPr>
        <p:sp>
          <p:nvSpPr>
            <p:cNvPr id="96" name="椭圆 95"/>
            <p:cNvSpPr/>
            <p:nvPr/>
          </p:nvSpPr>
          <p:spPr>
            <a:xfrm>
              <a:off x="3034802" y="3809873"/>
              <a:ext cx="897632" cy="897632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97" name="矩形 96"/>
            <p:cNvSpPr/>
            <p:nvPr/>
          </p:nvSpPr>
          <p:spPr>
            <a:xfrm>
              <a:off x="3034803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grpSp>
        <p:nvGrpSpPr>
          <p:cNvPr id="98" name="组合 97"/>
          <p:cNvGrpSpPr/>
          <p:nvPr/>
        </p:nvGrpSpPr>
        <p:grpSpPr>
          <a:xfrm>
            <a:off x="6120803" y="4814443"/>
            <a:ext cx="1077160" cy="1077159"/>
            <a:chOff x="4592669" y="3809873"/>
            <a:chExt cx="897633" cy="897632"/>
          </a:xfrm>
        </p:grpSpPr>
        <p:sp>
          <p:nvSpPr>
            <p:cNvPr id="99" name="椭圆 98"/>
            <p:cNvSpPr/>
            <p:nvPr/>
          </p:nvSpPr>
          <p:spPr>
            <a:xfrm>
              <a:off x="4592669" y="3809873"/>
              <a:ext cx="897632" cy="897632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100" name="矩形 99"/>
            <p:cNvSpPr/>
            <p:nvPr/>
          </p:nvSpPr>
          <p:spPr>
            <a:xfrm>
              <a:off x="4592670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grpSp>
        <p:nvGrpSpPr>
          <p:cNvPr id="105" name="组合 104"/>
          <p:cNvGrpSpPr/>
          <p:nvPr/>
        </p:nvGrpSpPr>
        <p:grpSpPr>
          <a:xfrm>
            <a:off x="7990244" y="4814443"/>
            <a:ext cx="1077160" cy="1077159"/>
            <a:chOff x="6150536" y="3809873"/>
            <a:chExt cx="897633" cy="897632"/>
          </a:xfrm>
        </p:grpSpPr>
        <p:sp>
          <p:nvSpPr>
            <p:cNvPr id="106" name="椭圆 105"/>
            <p:cNvSpPr/>
            <p:nvPr/>
          </p:nvSpPr>
          <p:spPr>
            <a:xfrm>
              <a:off x="6150536" y="3809873"/>
              <a:ext cx="897632" cy="897632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107" name="矩形 106"/>
            <p:cNvSpPr/>
            <p:nvPr/>
          </p:nvSpPr>
          <p:spPr>
            <a:xfrm>
              <a:off x="6150537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grpSp>
        <p:nvGrpSpPr>
          <p:cNvPr id="108" name="组合 107"/>
          <p:cNvGrpSpPr/>
          <p:nvPr/>
        </p:nvGrpSpPr>
        <p:grpSpPr>
          <a:xfrm>
            <a:off x="9859683" y="4814443"/>
            <a:ext cx="1077160" cy="1077159"/>
            <a:chOff x="7708402" y="3809873"/>
            <a:chExt cx="897633" cy="897632"/>
          </a:xfrm>
        </p:grpSpPr>
        <p:sp>
          <p:nvSpPr>
            <p:cNvPr id="109" name="椭圆 108"/>
            <p:cNvSpPr/>
            <p:nvPr/>
          </p:nvSpPr>
          <p:spPr>
            <a:xfrm>
              <a:off x="7708402" y="3809873"/>
              <a:ext cx="897632" cy="897632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110" name="矩形 109"/>
            <p:cNvSpPr/>
            <p:nvPr/>
          </p:nvSpPr>
          <p:spPr>
            <a:xfrm>
              <a:off x="7708403" y="3977057"/>
              <a:ext cx="897632" cy="5693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192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sp>
        <p:nvSpPr>
          <p:cNvPr id="111" name="任意多边形 110"/>
          <p:cNvSpPr/>
          <p:nvPr/>
        </p:nvSpPr>
        <p:spPr>
          <a:xfrm>
            <a:off x="8024122" y="2594556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sp>
        <p:nvSpPr>
          <p:cNvPr id="112" name="任意多边形 111"/>
          <p:cNvSpPr/>
          <p:nvPr/>
        </p:nvSpPr>
        <p:spPr>
          <a:xfrm flipH="1">
            <a:off x="5623822" y="2594556"/>
            <a:ext cx="1325880" cy="573374"/>
          </a:xfrm>
          <a:custGeom>
            <a:avLst/>
            <a:gdLst>
              <a:gd name="connsiteX0" fmla="*/ 0 w 1104900"/>
              <a:gd name="connsiteY0" fmla="*/ 0 h 698500"/>
              <a:gd name="connsiteX1" fmla="*/ 1104900 w 1104900"/>
              <a:gd name="connsiteY1" fmla="*/ 0 h 698500"/>
              <a:gd name="connsiteX2" fmla="*/ 1104900 w 1104900"/>
              <a:gd name="connsiteY2" fmla="*/ 698500 h 6985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104900" h="698500">
                <a:moveTo>
                  <a:pt x="0" y="0"/>
                </a:moveTo>
                <a:lnTo>
                  <a:pt x="1104900" y="0"/>
                </a:lnTo>
                <a:lnTo>
                  <a:pt x="1104900" y="698500"/>
                </a:lnTo>
              </a:path>
            </a:pathLst>
          </a:cu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160"/>
          </a:p>
        </p:txBody>
      </p:sp>
      <p:grpSp>
        <p:nvGrpSpPr>
          <p:cNvPr id="113" name="组合 112"/>
          <p:cNvGrpSpPr/>
          <p:nvPr/>
        </p:nvGrpSpPr>
        <p:grpSpPr>
          <a:xfrm>
            <a:off x="4742512" y="4248186"/>
            <a:ext cx="1908966" cy="582971"/>
            <a:chOff x="2129425" y="2821062"/>
            <a:chExt cx="1590805" cy="485809"/>
          </a:xfrm>
        </p:grpSpPr>
        <p:sp>
          <p:nvSpPr>
            <p:cNvPr id="114" name="任意多边形 113"/>
            <p:cNvSpPr/>
            <p:nvPr/>
          </p:nvSpPr>
          <p:spPr>
            <a:xfrm>
              <a:off x="2129425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115" name="直接连接符 114"/>
            <p:cNvCxnSpPr/>
            <p:nvPr/>
          </p:nvCxnSpPr>
          <p:spPr>
            <a:xfrm flipV="1">
              <a:off x="286385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116" name="组合 115"/>
          <p:cNvGrpSpPr/>
          <p:nvPr/>
        </p:nvGrpSpPr>
        <p:grpSpPr>
          <a:xfrm>
            <a:off x="8485289" y="4248186"/>
            <a:ext cx="1908966" cy="582971"/>
            <a:chOff x="5248406" y="2821062"/>
            <a:chExt cx="1590805" cy="485809"/>
          </a:xfrm>
        </p:grpSpPr>
        <p:sp>
          <p:nvSpPr>
            <p:cNvPr id="117" name="任意多边形 116"/>
            <p:cNvSpPr/>
            <p:nvPr/>
          </p:nvSpPr>
          <p:spPr>
            <a:xfrm>
              <a:off x="5248406" y="3006247"/>
              <a:ext cx="1590805" cy="300624"/>
            </a:xfrm>
            <a:custGeom>
              <a:avLst/>
              <a:gdLst>
                <a:gd name="connsiteX0" fmla="*/ 0 w 1590805"/>
                <a:gd name="connsiteY0" fmla="*/ 275572 h 300624"/>
                <a:gd name="connsiteX1" fmla="*/ 0 w 1590805"/>
                <a:gd name="connsiteY1" fmla="*/ 0 h 300624"/>
                <a:gd name="connsiteX2" fmla="*/ 1590805 w 1590805"/>
                <a:gd name="connsiteY2" fmla="*/ 0 h 300624"/>
                <a:gd name="connsiteX3" fmla="*/ 1590805 w 1590805"/>
                <a:gd name="connsiteY3" fmla="*/ 300624 h 300624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</a:cxnLst>
              <a:rect l="l" t="t" r="r" b="b"/>
              <a:pathLst>
                <a:path w="1590805" h="300624">
                  <a:moveTo>
                    <a:pt x="0" y="275572"/>
                  </a:moveTo>
                  <a:lnTo>
                    <a:pt x="0" y="0"/>
                  </a:lnTo>
                  <a:lnTo>
                    <a:pt x="1590805" y="0"/>
                  </a:lnTo>
                  <a:lnTo>
                    <a:pt x="1590805" y="300624"/>
                  </a:lnTo>
                </a:path>
              </a:pathLst>
            </a:cu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cxnSp>
          <p:nvCxnSpPr>
            <p:cNvPr id="118" name="直接连接符 117"/>
            <p:cNvCxnSpPr/>
            <p:nvPr/>
          </p:nvCxnSpPr>
          <p:spPr>
            <a:xfrm flipV="1">
              <a:off x="6018530" y="2821062"/>
              <a:ext cx="0" cy="185185"/>
            </a:xfrm>
            <a:prstGeom prst="line">
              <a:avLst/>
            </a:prstGeom>
            <a:noFill/>
            <a:ln>
              <a:solidFill>
                <a:schemeClr val="bg1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</p:cxnSp>
      </p:grpSp>
      <p:grpSp>
        <p:nvGrpSpPr>
          <p:cNvPr id="119" name="组合 118"/>
          <p:cNvGrpSpPr/>
          <p:nvPr/>
        </p:nvGrpSpPr>
        <p:grpSpPr>
          <a:xfrm>
            <a:off x="1429882" y="3504838"/>
            <a:ext cx="2467851" cy="455647"/>
            <a:chOff x="263908" y="2319952"/>
            <a:chExt cx="2056542" cy="379706"/>
          </a:xfrm>
        </p:grpSpPr>
        <p:grpSp>
          <p:nvGrpSpPr>
            <p:cNvPr id="120" name="组合 119"/>
            <p:cNvGrpSpPr/>
            <p:nvPr/>
          </p:nvGrpSpPr>
          <p:grpSpPr>
            <a:xfrm>
              <a:off x="263908" y="2319952"/>
              <a:ext cx="1354088" cy="379706"/>
              <a:chOff x="263908" y="2319952"/>
              <a:chExt cx="1354088" cy="379706"/>
            </a:xfrm>
          </p:grpSpPr>
          <p:sp>
            <p:nvSpPr>
              <p:cNvPr id="122" name="矩形 121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288DBB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123" name="Picture 3" descr="F:\工作夹\PPT设计\PPT模板\PPT模板2013\s1025\8.png"/>
              <p:cNvPicPr>
                <a:picLocks noChangeAspect="1" noChangeArrowheads="1"/>
              </p:cNvPicPr>
              <p:nvPr/>
            </p:nvPicPr>
            <p:blipFill>
              <a:blip r:embed="rId3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263908" y="2319952"/>
                <a:ext cx="336908" cy="379706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</p:grpSp>
        <p:sp>
          <p:nvSpPr>
            <p:cNvPr id="121" name="TextBox 33"/>
            <p:cNvSpPr txBox="1"/>
            <p:nvPr/>
          </p:nvSpPr>
          <p:spPr>
            <a:xfrm>
              <a:off x="1721728" y="237005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80%</a:t>
              </a:r>
              <a:endParaRPr lang="zh-CN" altLang="en-US" sz="1920" b="1" kern="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24" name="组合 123"/>
          <p:cNvGrpSpPr/>
          <p:nvPr/>
        </p:nvGrpSpPr>
        <p:grpSpPr>
          <a:xfrm>
            <a:off x="1451666" y="4191982"/>
            <a:ext cx="2446066" cy="455647"/>
            <a:chOff x="282062" y="3042883"/>
            <a:chExt cx="2038388" cy="379706"/>
          </a:xfrm>
        </p:grpSpPr>
        <p:grpSp>
          <p:nvGrpSpPr>
            <p:cNvPr id="125" name="组合 124"/>
            <p:cNvGrpSpPr/>
            <p:nvPr/>
          </p:nvGrpSpPr>
          <p:grpSpPr>
            <a:xfrm>
              <a:off x="282062" y="3042883"/>
              <a:ext cx="1335934" cy="379706"/>
              <a:chOff x="282062" y="2319952"/>
              <a:chExt cx="1335934" cy="379706"/>
            </a:xfrm>
          </p:grpSpPr>
          <p:sp>
            <p:nvSpPr>
              <p:cNvPr id="127" name="矩形 126"/>
              <p:cNvSpPr/>
              <p:nvPr/>
            </p:nvSpPr>
            <p:spPr>
              <a:xfrm flipV="1">
                <a:off x="714874" y="2481943"/>
                <a:ext cx="903122" cy="205376"/>
              </a:xfrm>
              <a:prstGeom prst="rect">
                <a:avLst/>
              </a:prstGeom>
              <a:solidFill>
                <a:srgbClr val="E0454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2160"/>
              </a:p>
            </p:txBody>
          </p:sp>
          <p:pic>
            <p:nvPicPr>
              <p:cNvPr id="128" name="Picture 3"/>
              <p:cNvPicPr>
                <a:picLocks noChangeAspect="1" noChangeArrowheads="1"/>
              </p:cNvPicPr>
              <p:nvPr/>
            </p:nvPicPr>
            <p:blipFill>
              <a:blip r:embed="rId4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 bwMode="auto">
              <a:xfrm>
                <a:off x="282062" y="2319952"/>
                <a:ext cx="300600" cy="379706"/>
              </a:xfrm>
              <a:prstGeom prst="rect">
                <a:avLst/>
              </a:prstGeom>
              <a:solidFill>
                <a:srgbClr val="FFFFFF"/>
              </a:solidFill>
            </p:spPr>
          </p:pic>
        </p:grpSp>
        <p:sp>
          <p:nvSpPr>
            <p:cNvPr id="126" name="TextBox 38"/>
            <p:cNvSpPr txBox="1"/>
            <p:nvPr/>
          </p:nvSpPr>
          <p:spPr>
            <a:xfrm>
              <a:off x="1721728" y="3096566"/>
              <a:ext cx="598722" cy="3231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just"/>
              <a:r>
                <a:rPr lang="en-US" altLang="zh-CN" sz="1920" b="1" kern="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30%</a:t>
              </a:r>
              <a:endParaRPr lang="zh-CN" altLang="en-US" sz="1920" b="1" kern="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86" name="组合 85"/>
          <p:cNvGrpSpPr/>
          <p:nvPr/>
        </p:nvGrpSpPr>
        <p:grpSpPr>
          <a:xfrm>
            <a:off x="8610953" y="2868221"/>
            <a:ext cx="1499890" cy="1499890"/>
            <a:chOff x="2279030" y="1747292"/>
            <a:chExt cx="1249908" cy="1249908"/>
          </a:xfrm>
        </p:grpSpPr>
        <p:sp>
          <p:nvSpPr>
            <p:cNvPr id="87" name="椭圆 86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E0454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88" name="矩形 87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  <p:grpSp>
        <p:nvGrpSpPr>
          <p:cNvPr id="92" name="组合 91"/>
          <p:cNvGrpSpPr/>
          <p:nvPr/>
        </p:nvGrpSpPr>
        <p:grpSpPr>
          <a:xfrm>
            <a:off x="4861913" y="2868221"/>
            <a:ext cx="1499890" cy="1499890"/>
            <a:chOff x="2279030" y="1747292"/>
            <a:chExt cx="1249908" cy="1249908"/>
          </a:xfrm>
        </p:grpSpPr>
        <p:sp>
          <p:nvSpPr>
            <p:cNvPr id="93" name="椭圆 92"/>
            <p:cNvSpPr/>
            <p:nvPr/>
          </p:nvSpPr>
          <p:spPr>
            <a:xfrm>
              <a:off x="2279030" y="1747292"/>
              <a:ext cx="1249908" cy="1249908"/>
            </a:xfrm>
            <a:prstGeom prst="ellipse">
              <a:avLst/>
            </a:pr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60"/>
            </a:p>
          </p:txBody>
        </p:sp>
        <p:sp>
          <p:nvSpPr>
            <p:cNvPr id="94" name="矩形 93"/>
            <p:cNvSpPr/>
            <p:nvPr/>
          </p:nvSpPr>
          <p:spPr>
            <a:xfrm>
              <a:off x="2279030" y="2141414"/>
              <a:ext cx="1249907" cy="630941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zh-CN" altLang="en-US" sz="2160" kern="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添加文字</a:t>
              </a:r>
            </a:p>
          </p:txBody>
        </p:sp>
      </p:grp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500"/>
                            </p:stCondLst>
                            <p:childTnLst>
                              <p:par>
                                <p:cTn id="2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3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22" presetClass="entr" presetSubtype="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right)">
                                      <p:cBhvr>
                                        <p:cTn id="26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2000"/>
                            </p:stCondLst>
                            <p:childTnLst>
                              <p:par>
                                <p:cTn id="28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53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5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2500"/>
                            </p:stCondLst>
                            <p:childTnLst>
                              <p:par>
                                <p:cTn id="39" presetID="22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1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44" dur="500"/>
                                        <p:tgtEl>
                                          <p:spTgt spid="1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3000"/>
                            </p:stCondLst>
                            <p:childTnLst>
                              <p:par>
                                <p:cTn id="46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1" grpId="0" animBg="1"/>
      <p:bldP spid="112" grpId="0" animBg="1"/>
    </p:bld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组合 85"/>
          <p:cNvGrpSpPr/>
          <p:nvPr/>
        </p:nvGrpSpPr>
        <p:grpSpPr>
          <a:xfrm>
            <a:off x="3526239" y="2698237"/>
            <a:ext cx="4679146" cy="2866810"/>
            <a:chOff x="3511921" y="2086868"/>
            <a:chExt cx="4679146" cy="2866810"/>
          </a:xfrm>
        </p:grpSpPr>
        <p:sp>
          <p:nvSpPr>
            <p:cNvPr id="87" name="任意多边形 86"/>
            <p:cNvSpPr/>
            <p:nvPr/>
          </p:nvSpPr>
          <p:spPr>
            <a:xfrm>
              <a:off x="6979974" y="2101670"/>
              <a:ext cx="1211093" cy="1731523"/>
            </a:xfrm>
            <a:custGeom>
              <a:avLst/>
              <a:gdLst>
                <a:gd name="connsiteX0" fmla="*/ 1211093 w 1211093"/>
                <a:gd name="connsiteY0" fmla="*/ 1522378 h 1731523"/>
                <a:gd name="connsiteX1" fmla="*/ 466927 w 1211093"/>
                <a:gd name="connsiteY1" fmla="*/ 1731523 h 1731523"/>
                <a:gd name="connsiteX2" fmla="*/ 0 w 1211093"/>
                <a:gd name="connsiteY2" fmla="*/ 0 h 1731523"/>
                <a:gd name="connsiteX3" fmla="*/ 1211093 w 1211093"/>
                <a:gd name="connsiteY3" fmla="*/ 1522378 h 1731523"/>
                <a:gd name="connsiteX0-1" fmla="*/ 1211093 w 1211093"/>
                <a:gd name="connsiteY0-2" fmla="*/ 1522378 h 1731523"/>
                <a:gd name="connsiteX1-3" fmla="*/ 466927 w 1211093"/>
                <a:gd name="connsiteY1-4" fmla="*/ 1731523 h 1731523"/>
                <a:gd name="connsiteX2-5" fmla="*/ 0 w 1211093"/>
                <a:gd name="connsiteY2-6" fmla="*/ 0 h 1731523"/>
                <a:gd name="connsiteX3-7" fmla="*/ 1211093 w 1211093"/>
                <a:gd name="connsiteY3-8" fmla="*/ 1522378 h 1731523"/>
                <a:gd name="connsiteX0-9" fmla="*/ 1211093 w 1211093"/>
                <a:gd name="connsiteY0-10" fmla="*/ 1522378 h 1731523"/>
                <a:gd name="connsiteX1-11" fmla="*/ 466927 w 1211093"/>
                <a:gd name="connsiteY1-12" fmla="*/ 1731523 h 1731523"/>
                <a:gd name="connsiteX2-13" fmla="*/ 0 w 1211093"/>
                <a:gd name="connsiteY2-14" fmla="*/ 0 h 1731523"/>
                <a:gd name="connsiteX3-15" fmla="*/ 1211093 w 1211093"/>
                <a:gd name="connsiteY3-16" fmla="*/ 1522378 h 1731523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</a:cxnLst>
              <a:rect l="l" t="t" r="r" b="b"/>
              <a:pathLst>
                <a:path w="1211093" h="1731523">
                  <a:moveTo>
                    <a:pt x="1211093" y="1522378"/>
                  </a:moveTo>
                  <a:lnTo>
                    <a:pt x="466927" y="1731523"/>
                  </a:lnTo>
                  <a:lnTo>
                    <a:pt x="0" y="0"/>
                  </a:lnTo>
                  <a:cubicBezTo>
                    <a:pt x="846307" y="147536"/>
                    <a:pt x="1196502" y="844685"/>
                    <a:pt x="1211093" y="1522378"/>
                  </a:cubicBezTo>
                  <a:close/>
                </a:path>
              </a:pathLst>
            </a:custGeom>
            <a:solidFill>
              <a:srgbClr val="D71A2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88" name="任意多边形 87"/>
            <p:cNvSpPr/>
            <p:nvPr/>
          </p:nvSpPr>
          <p:spPr>
            <a:xfrm>
              <a:off x="6109348" y="3682415"/>
              <a:ext cx="2067128" cy="1232365"/>
            </a:xfrm>
            <a:custGeom>
              <a:avLst/>
              <a:gdLst>
                <a:gd name="connsiteX0" fmla="*/ 0 w 2067128"/>
                <a:gd name="connsiteY0" fmla="*/ 549613 h 1167319"/>
                <a:gd name="connsiteX1" fmla="*/ 2067128 w 2067128"/>
                <a:gd name="connsiteY1" fmla="*/ 0 h 1167319"/>
                <a:gd name="connsiteX2" fmla="*/ 170234 w 2067128"/>
                <a:gd name="connsiteY2" fmla="*/ 1167319 h 1167319"/>
                <a:gd name="connsiteX3" fmla="*/ 0 w 2067128"/>
                <a:gd name="connsiteY3" fmla="*/ 549613 h 1167319"/>
                <a:gd name="connsiteX0-1" fmla="*/ 0 w 2067128"/>
                <a:gd name="connsiteY0-2" fmla="*/ 549613 h 1214446"/>
                <a:gd name="connsiteX1-3" fmla="*/ 2067128 w 2067128"/>
                <a:gd name="connsiteY1-4" fmla="*/ 0 h 1214446"/>
                <a:gd name="connsiteX2-5" fmla="*/ 170234 w 2067128"/>
                <a:gd name="connsiteY2-6" fmla="*/ 1167319 h 1214446"/>
                <a:gd name="connsiteX3-7" fmla="*/ 0 w 2067128"/>
                <a:gd name="connsiteY3-8" fmla="*/ 549613 h 1214446"/>
                <a:gd name="connsiteX0-9" fmla="*/ 0 w 2067128"/>
                <a:gd name="connsiteY0-10" fmla="*/ 549613 h 1232365"/>
                <a:gd name="connsiteX1-11" fmla="*/ 2067128 w 2067128"/>
                <a:gd name="connsiteY1-12" fmla="*/ 0 h 1232365"/>
                <a:gd name="connsiteX2-13" fmla="*/ 170234 w 2067128"/>
                <a:gd name="connsiteY2-14" fmla="*/ 1167319 h 1232365"/>
                <a:gd name="connsiteX3-15" fmla="*/ 0 w 2067128"/>
                <a:gd name="connsiteY3-16" fmla="*/ 549613 h 1232365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</a:cxnLst>
              <a:rect l="l" t="t" r="r" b="b"/>
              <a:pathLst>
                <a:path w="2067128" h="1232365">
                  <a:moveTo>
                    <a:pt x="0" y="549613"/>
                  </a:moveTo>
                  <a:lnTo>
                    <a:pt x="2067128" y="0"/>
                  </a:lnTo>
                  <a:cubicBezTo>
                    <a:pt x="1960124" y="768485"/>
                    <a:pt x="1322962" y="1449422"/>
                    <a:pt x="170234" y="1167319"/>
                  </a:cubicBezTo>
                  <a:lnTo>
                    <a:pt x="0" y="549613"/>
                  </a:lnTo>
                  <a:close/>
                </a:path>
              </a:pathLst>
            </a:cu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89" name="任意多边形 88"/>
            <p:cNvSpPr/>
            <p:nvPr/>
          </p:nvSpPr>
          <p:spPr>
            <a:xfrm>
              <a:off x="5681331" y="2086868"/>
              <a:ext cx="1716932" cy="2106248"/>
            </a:xfrm>
            <a:custGeom>
              <a:avLst/>
              <a:gdLst>
                <a:gd name="connsiteX0" fmla="*/ 1716932 w 1716932"/>
                <a:gd name="connsiteY0" fmla="*/ 1746115 h 2096310"/>
                <a:gd name="connsiteX1" fmla="*/ 1245141 w 1716932"/>
                <a:gd name="connsiteY1" fmla="*/ 0 h 2096310"/>
                <a:gd name="connsiteX2" fmla="*/ 0 w 1716932"/>
                <a:gd name="connsiteY2" fmla="*/ 535021 h 2096310"/>
                <a:gd name="connsiteX3" fmla="*/ 423153 w 1716932"/>
                <a:gd name="connsiteY3" fmla="*/ 2096310 h 2096310"/>
                <a:gd name="connsiteX4" fmla="*/ 1716932 w 1716932"/>
                <a:gd name="connsiteY4" fmla="*/ 1746115 h 2096310"/>
                <a:gd name="connsiteX0-1" fmla="*/ 1716932 w 1716932"/>
                <a:gd name="connsiteY0-2" fmla="*/ 1746115 h 2096310"/>
                <a:gd name="connsiteX1-3" fmla="*/ 1245141 w 1716932"/>
                <a:gd name="connsiteY1-4" fmla="*/ 0 h 2096310"/>
                <a:gd name="connsiteX2-5" fmla="*/ 0 w 1716932"/>
                <a:gd name="connsiteY2-6" fmla="*/ 535021 h 2096310"/>
                <a:gd name="connsiteX3-7" fmla="*/ 423153 w 1716932"/>
                <a:gd name="connsiteY3-8" fmla="*/ 2096310 h 2096310"/>
                <a:gd name="connsiteX4-9" fmla="*/ 1716932 w 1716932"/>
                <a:gd name="connsiteY4-10" fmla="*/ 1746115 h 2096310"/>
                <a:gd name="connsiteX0-11" fmla="*/ 1716932 w 1716932"/>
                <a:gd name="connsiteY0-12" fmla="*/ 1756053 h 2106248"/>
                <a:gd name="connsiteX1-13" fmla="*/ 1245141 w 1716932"/>
                <a:gd name="connsiteY1-14" fmla="*/ 9938 h 2106248"/>
                <a:gd name="connsiteX2-15" fmla="*/ 0 w 1716932"/>
                <a:gd name="connsiteY2-16" fmla="*/ 544959 h 2106248"/>
                <a:gd name="connsiteX3-17" fmla="*/ 423153 w 1716932"/>
                <a:gd name="connsiteY3-18" fmla="*/ 2106248 h 2106248"/>
                <a:gd name="connsiteX4-19" fmla="*/ 1716932 w 1716932"/>
                <a:gd name="connsiteY4-20" fmla="*/ 1756053 h 2106248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</a:cxnLst>
              <a:rect l="l" t="t" r="r" b="b"/>
              <a:pathLst>
                <a:path w="1716932" h="2106248">
                  <a:moveTo>
                    <a:pt x="1716932" y="1756053"/>
                  </a:moveTo>
                  <a:lnTo>
                    <a:pt x="1245141" y="9938"/>
                  </a:lnTo>
                  <a:cubicBezTo>
                    <a:pt x="771728" y="-54914"/>
                    <a:pt x="225358" y="206112"/>
                    <a:pt x="0" y="544959"/>
                  </a:cubicBezTo>
                  <a:lnTo>
                    <a:pt x="423153" y="2106248"/>
                  </a:lnTo>
                  <a:lnTo>
                    <a:pt x="1716932" y="1756053"/>
                  </a:lnTo>
                  <a:close/>
                </a:path>
              </a:pathLst>
            </a:cu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0" name="任意多边形 89"/>
            <p:cNvSpPr/>
            <p:nvPr/>
          </p:nvSpPr>
          <p:spPr>
            <a:xfrm>
              <a:off x="4718293" y="2651282"/>
              <a:ext cx="1515151" cy="2204907"/>
            </a:xfrm>
            <a:custGeom>
              <a:avLst/>
              <a:gdLst>
                <a:gd name="connsiteX0" fmla="*/ 914400 w 1498059"/>
                <a:gd name="connsiteY0" fmla="*/ 0 h 2110903"/>
                <a:gd name="connsiteX1" fmla="*/ 1498059 w 1498059"/>
                <a:gd name="connsiteY1" fmla="*/ 2110903 h 2110903"/>
                <a:gd name="connsiteX2" fmla="*/ 812259 w 1498059"/>
                <a:gd name="connsiteY2" fmla="*/ 2047673 h 2110903"/>
                <a:gd name="connsiteX3" fmla="*/ 359923 w 1498059"/>
                <a:gd name="connsiteY3" fmla="*/ 2028217 h 2110903"/>
                <a:gd name="connsiteX4" fmla="*/ 0 w 1498059"/>
                <a:gd name="connsiteY4" fmla="*/ 700392 h 2110903"/>
                <a:gd name="connsiteX5" fmla="*/ 403698 w 1498059"/>
                <a:gd name="connsiteY5" fmla="*/ 442609 h 2110903"/>
                <a:gd name="connsiteX6" fmla="*/ 914400 w 1498059"/>
                <a:gd name="connsiteY6" fmla="*/ 0 h 2110903"/>
                <a:gd name="connsiteX0-1" fmla="*/ 914400 w 1498059"/>
                <a:gd name="connsiteY0-2" fmla="*/ 0 h 2110903"/>
                <a:gd name="connsiteX1-3" fmla="*/ 1498059 w 1498059"/>
                <a:gd name="connsiteY1-4" fmla="*/ 2110903 h 2110903"/>
                <a:gd name="connsiteX2-5" fmla="*/ 812259 w 1498059"/>
                <a:gd name="connsiteY2-6" fmla="*/ 2047673 h 2110903"/>
                <a:gd name="connsiteX3-7" fmla="*/ 359923 w 1498059"/>
                <a:gd name="connsiteY3-8" fmla="*/ 2028217 h 2110903"/>
                <a:gd name="connsiteX4-9" fmla="*/ 0 w 1498059"/>
                <a:gd name="connsiteY4-10" fmla="*/ 700392 h 2110903"/>
                <a:gd name="connsiteX5-11" fmla="*/ 403698 w 1498059"/>
                <a:gd name="connsiteY5-12" fmla="*/ 442609 h 2110903"/>
                <a:gd name="connsiteX6-13" fmla="*/ 914400 w 1498059"/>
                <a:gd name="connsiteY6-14" fmla="*/ 0 h 2110903"/>
                <a:gd name="connsiteX0-15" fmla="*/ 914400 w 1498059"/>
                <a:gd name="connsiteY0-16" fmla="*/ 0 h 2110903"/>
                <a:gd name="connsiteX1-17" fmla="*/ 1498059 w 1498059"/>
                <a:gd name="connsiteY1-18" fmla="*/ 2110903 h 2110903"/>
                <a:gd name="connsiteX2-19" fmla="*/ 812259 w 1498059"/>
                <a:gd name="connsiteY2-20" fmla="*/ 2047673 h 2110903"/>
                <a:gd name="connsiteX3-21" fmla="*/ 359923 w 1498059"/>
                <a:gd name="connsiteY3-22" fmla="*/ 2028217 h 2110903"/>
                <a:gd name="connsiteX4-23" fmla="*/ 0 w 1498059"/>
                <a:gd name="connsiteY4-24" fmla="*/ 700392 h 2110903"/>
                <a:gd name="connsiteX5-25" fmla="*/ 403698 w 1498059"/>
                <a:gd name="connsiteY5-26" fmla="*/ 442609 h 2110903"/>
                <a:gd name="connsiteX6-27" fmla="*/ 914400 w 1498059"/>
                <a:gd name="connsiteY6-28" fmla="*/ 0 h 2110903"/>
                <a:gd name="connsiteX0-29" fmla="*/ 914400 w 1498059"/>
                <a:gd name="connsiteY0-30" fmla="*/ 0 h 2110903"/>
                <a:gd name="connsiteX1-31" fmla="*/ 1498059 w 1498059"/>
                <a:gd name="connsiteY1-32" fmla="*/ 2110903 h 2110903"/>
                <a:gd name="connsiteX2-33" fmla="*/ 812259 w 1498059"/>
                <a:gd name="connsiteY2-34" fmla="*/ 2047673 h 2110903"/>
                <a:gd name="connsiteX3-35" fmla="*/ 359923 w 1498059"/>
                <a:gd name="connsiteY3-36" fmla="*/ 2028217 h 2110903"/>
                <a:gd name="connsiteX4-37" fmla="*/ 0 w 1498059"/>
                <a:gd name="connsiteY4-38" fmla="*/ 700392 h 2110903"/>
                <a:gd name="connsiteX5-39" fmla="*/ 403698 w 1498059"/>
                <a:gd name="connsiteY5-40" fmla="*/ 442609 h 2110903"/>
                <a:gd name="connsiteX6-41" fmla="*/ 914400 w 1498059"/>
                <a:gd name="connsiteY6-42" fmla="*/ 0 h 2110903"/>
                <a:gd name="connsiteX0-43" fmla="*/ 914400 w 1498059"/>
                <a:gd name="connsiteY0-44" fmla="*/ 0 h 2110903"/>
                <a:gd name="connsiteX1-45" fmla="*/ 1498059 w 1498059"/>
                <a:gd name="connsiteY1-46" fmla="*/ 2110903 h 2110903"/>
                <a:gd name="connsiteX2-47" fmla="*/ 812259 w 1498059"/>
                <a:gd name="connsiteY2-48" fmla="*/ 2047673 h 2110903"/>
                <a:gd name="connsiteX3-49" fmla="*/ 359923 w 1498059"/>
                <a:gd name="connsiteY3-50" fmla="*/ 2028217 h 2110903"/>
                <a:gd name="connsiteX4-51" fmla="*/ 0 w 1498059"/>
                <a:gd name="connsiteY4-52" fmla="*/ 700392 h 2110903"/>
                <a:gd name="connsiteX5-53" fmla="*/ 403698 w 1498059"/>
                <a:gd name="connsiteY5-54" fmla="*/ 442609 h 2110903"/>
                <a:gd name="connsiteX6-55" fmla="*/ 914400 w 1498059"/>
                <a:gd name="connsiteY6-56" fmla="*/ 0 h 2110903"/>
                <a:gd name="connsiteX0-57" fmla="*/ 914400 w 1498059"/>
                <a:gd name="connsiteY0-58" fmla="*/ 0 h 2110903"/>
                <a:gd name="connsiteX1-59" fmla="*/ 1498059 w 1498059"/>
                <a:gd name="connsiteY1-60" fmla="*/ 2110903 h 2110903"/>
                <a:gd name="connsiteX2-61" fmla="*/ 812259 w 1498059"/>
                <a:gd name="connsiteY2-62" fmla="*/ 2047673 h 2110903"/>
                <a:gd name="connsiteX3-63" fmla="*/ 359923 w 1498059"/>
                <a:gd name="connsiteY3-64" fmla="*/ 2028217 h 2110903"/>
                <a:gd name="connsiteX4-65" fmla="*/ 0 w 1498059"/>
                <a:gd name="connsiteY4-66" fmla="*/ 700392 h 2110903"/>
                <a:gd name="connsiteX5-67" fmla="*/ 403698 w 1498059"/>
                <a:gd name="connsiteY5-68" fmla="*/ 442609 h 2110903"/>
                <a:gd name="connsiteX6-69" fmla="*/ 914400 w 1498059"/>
                <a:gd name="connsiteY6-70" fmla="*/ 0 h 2110903"/>
                <a:gd name="connsiteX0-71" fmla="*/ 914400 w 1498059"/>
                <a:gd name="connsiteY0-72" fmla="*/ 0 h 2110903"/>
                <a:gd name="connsiteX1-73" fmla="*/ 1498059 w 1498059"/>
                <a:gd name="connsiteY1-74" fmla="*/ 2110903 h 2110903"/>
                <a:gd name="connsiteX2-75" fmla="*/ 812259 w 1498059"/>
                <a:gd name="connsiteY2-76" fmla="*/ 2047673 h 2110903"/>
                <a:gd name="connsiteX3-77" fmla="*/ 359923 w 1498059"/>
                <a:gd name="connsiteY3-78" fmla="*/ 2028217 h 2110903"/>
                <a:gd name="connsiteX4-79" fmla="*/ 0 w 1498059"/>
                <a:gd name="connsiteY4-80" fmla="*/ 700392 h 2110903"/>
                <a:gd name="connsiteX5-81" fmla="*/ 403698 w 1498059"/>
                <a:gd name="connsiteY5-82" fmla="*/ 442609 h 2110903"/>
                <a:gd name="connsiteX6-83" fmla="*/ 914400 w 1498059"/>
                <a:gd name="connsiteY6-84" fmla="*/ 0 h 2110903"/>
                <a:gd name="connsiteX0-85" fmla="*/ 914400 w 1498059"/>
                <a:gd name="connsiteY0-86" fmla="*/ 0 h 2110903"/>
                <a:gd name="connsiteX1-87" fmla="*/ 1498059 w 1498059"/>
                <a:gd name="connsiteY1-88" fmla="*/ 2110903 h 2110903"/>
                <a:gd name="connsiteX2-89" fmla="*/ 812259 w 1498059"/>
                <a:gd name="connsiteY2-90" fmla="*/ 2047673 h 2110903"/>
                <a:gd name="connsiteX3-91" fmla="*/ 359923 w 1498059"/>
                <a:gd name="connsiteY3-92" fmla="*/ 2028217 h 2110903"/>
                <a:gd name="connsiteX4-93" fmla="*/ 0 w 1498059"/>
                <a:gd name="connsiteY4-94" fmla="*/ 700392 h 2110903"/>
                <a:gd name="connsiteX5-95" fmla="*/ 403698 w 1498059"/>
                <a:gd name="connsiteY5-96" fmla="*/ 442609 h 2110903"/>
                <a:gd name="connsiteX6-97" fmla="*/ 914400 w 1498059"/>
                <a:gd name="connsiteY6-98" fmla="*/ 0 h 2110903"/>
                <a:gd name="connsiteX0-99" fmla="*/ 914400 w 1498059"/>
                <a:gd name="connsiteY0-100" fmla="*/ 0 h 2110903"/>
                <a:gd name="connsiteX1-101" fmla="*/ 1498059 w 1498059"/>
                <a:gd name="connsiteY1-102" fmla="*/ 2110903 h 2110903"/>
                <a:gd name="connsiteX2-103" fmla="*/ 812259 w 1498059"/>
                <a:gd name="connsiteY2-104" fmla="*/ 2047673 h 2110903"/>
                <a:gd name="connsiteX3-105" fmla="*/ 359923 w 1498059"/>
                <a:gd name="connsiteY3-106" fmla="*/ 2028217 h 2110903"/>
                <a:gd name="connsiteX4-107" fmla="*/ 0 w 1498059"/>
                <a:gd name="connsiteY4-108" fmla="*/ 700392 h 2110903"/>
                <a:gd name="connsiteX5-109" fmla="*/ 403698 w 1498059"/>
                <a:gd name="connsiteY5-110" fmla="*/ 442609 h 2110903"/>
                <a:gd name="connsiteX6-111" fmla="*/ 914400 w 1498059"/>
                <a:gd name="connsiteY6-112" fmla="*/ 0 h 2110903"/>
                <a:gd name="connsiteX0-113" fmla="*/ 914400 w 1498059"/>
                <a:gd name="connsiteY0-114" fmla="*/ 0 h 2118955"/>
                <a:gd name="connsiteX1-115" fmla="*/ 1498059 w 1498059"/>
                <a:gd name="connsiteY1-116" fmla="*/ 2110903 h 2118955"/>
                <a:gd name="connsiteX2-117" fmla="*/ 812259 w 1498059"/>
                <a:gd name="connsiteY2-118" fmla="*/ 2047673 h 2118955"/>
                <a:gd name="connsiteX3-119" fmla="*/ 359923 w 1498059"/>
                <a:gd name="connsiteY3-120" fmla="*/ 2028217 h 2118955"/>
                <a:gd name="connsiteX4-121" fmla="*/ 0 w 1498059"/>
                <a:gd name="connsiteY4-122" fmla="*/ 700392 h 2118955"/>
                <a:gd name="connsiteX5-123" fmla="*/ 403698 w 1498059"/>
                <a:gd name="connsiteY5-124" fmla="*/ 442609 h 2118955"/>
                <a:gd name="connsiteX6-125" fmla="*/ 914400 w 1498059"/>
                <a:gd name="connsiteY6-126" fmla="*/ 0 h 2118955"/>
                <a:gd name="connsiteX0-127" fmla="*/ 914400 w 1498059"/>
                <a:gd name="connsiteY0-128" fmla="*/ 0 h 2116210"/>
                <a:gd name="connsiteX1-129" fmla="*/ 1498059 w 1498059"/>
                <a:gd name="connsiteY1-130" fmla="*/ 2110903 h 2116210"/>
                <a:gd name="connsiteX2-131" fmla="*/ 812259 w 1498059"/>
                <a:gd name="connsiteY2-132" fmla="*/ 2047673 h 2116210"/>
                <a:gd name="connsiteX3-133" fmla="*/ 359923 w 1498059"/>
                <a:gd name="connsiteY3-134" fmla="*/ 2028217 h 2116210"/>
                <a:gd name="connsiteX4-135" fmla="*/ 0 w 1498059"/>
                <a:gd name="connsiteY4-136" fmla="*/ 700392 h 2116210"/>
                <a:gd name="connsiteX5-137" fmla="*/ 403698 w 1498059"/>
                <a:gd name="connsiteY5-138" fmla="*/ 442609 h 2116210"/>
                <a:gd name="connsiteX6-139" fmla="*/ 914400 w 1498059"/>
                <a:gd name="connsiteY6-140" fmla="*/ 0 h 2116210"/>
                <a:gd name="connsiteX0-141" fmla="*/ 914400 w 1498059"/>
                <a:gd name="connsiteY0-142" fmla="*/ 0 h 2116210"/>
                <a:gd name="connsiteX1-143" fmla="*/ 1498059 w 1498059"/>
                <a:gd name="connsiteY1-144" fmla="*/ 2110903 h 2116210"/>
                <a:gd name="connsiteX2-145" fmla="*/ 812259 w 1498059"/>
                <a:gd name="connsiteY2-146" fmla="*/ 2047673 h 2116210"/>
                <a:gd name="connsiteX3-147" fmla="*/ 359923 w 1498059"/>
                <a:gd name="connsiteY3-148" fmla="*/ 2028217 h 2116210"/>
                <a:gd name="connsiteX4-149" fmla="*/ 0 w 1498059"/>
                <a:gd name="connsiteY4-150" fmla="*/ 700392 h 2116210"/>
                <a:gd name="connsiteX5-151" fmla="*/ 403698 w 1498059"/>
                <a:gd name="connsiteY5-152" fmla="*/ 442609 h 2116210"/>
                <a:gd name="connsiteX6-153" fmla="*/ 914400 w 1498059"/>
                <a:gd name="connsiteY6-154" fmla="*/ 0 h 2116210"/>
                <a:gd name="connsiteX0-155" fmla="*/ 914400 w 1498059"/>
                <a:gd name="connsiteY0-156" fmla="*/ 0 h 2116210"/>
                <a:gd name="connsiteX1-157" fmla="*/ 1498059 w 1498059"/>
                <a:gd name="connsiteY1-158" fmla="*/ 2110903 h 2116210"/>
                <a:gd name="connsiteX2-159" fmla="*/ 812259 w 1498059"/>
                <a:gd name="connsiteY2-160" fmla="*/ 2047673 h 2116210"/>
                <a:gd name="connsiteX3-161" fmla="*/ 359923 w 1498059"/>
                <a:gd name="connsiteY3-162" fmla="*/ 2028217 h 2116210"/>
                <a:gd name="connsiteX4-163" fmla="*/ 0 w 1498059"/>
                <a:gd name="connsiteY4-164" fmla="*/ 700392 h 2116210"/>
                <a:gd name="connsiteX5-165" fmla="*/ 403698 w 1498059"/>
                <a:gd name="connsiteY5-166" fmla="*/ 442609 h 2116210"/>
                <a:gd name="connsiteX6-167" fmla="*/ 914400 w 1498059"/>
                <a:gd name="connsiteY6-168" fmla="*/ 0 h 2116210"/>
                <a:gd name="connsiteX0-169" fmla="*/ 914400 w 1498059"/>
                <a:gd name="connsiteY0-170" fmla="*/ 0 h 2116210"/>
                <a:gd name="connsiteX1-171" fmla="*/ 1498059 w 1498059"/>
                <a:gd name="connsiteY1-172" fmla="*/ 2110903 h 2116210"/>
                <a:gd name="connsiteX2-173" fmla="*/ 812259 w 1498059"/>
                <a:gd name="connsiteY2-174" fmla="*/ 2047673 h 2116210"/>
                <a:gd name="connsiteX3-175" fmla="*/ 359923 w 1498059"/>
                <a:gd name="connsiteY3-176" fmla="*/ 2028217 h 2116210"/>
                <a:gd name="connsiteX4-177" fmla="*/ 0 w 1498059"/>
                <a:gd name="connsiteY4-178" fmla="*/ 700392 h 2116210"/>
                <a:gd name="connsiteX5-179" fmla="*/ 403698 w 1498059"/>
                <a:gd name="connsiteY5-180" fmla="*/ 442609 h 2116210"/>
                <a:gd name="connsiteX6-181" fmla="*/ 914400 w 1498059"/>
                <a:gd name="connsiteY6-182" fmla="*/ 0 h 2116210"/>
                <a:gd name="connsiteX0-183" fmla="*/ 914400 w 1498059"/>
                <a:gd name="connsiteY0-184" fmla="*/ 0 h 2123692"/>
                <a:gd name="connsiteX1-185" fmla="*/ 1498059 w 1498059"/>
                <a:gd name="connsiteY1-186" fmla="*/ 2110903 h 2123692"/>
                <a:gd name="connsiteX2-187" fmla="*/ 812259 w 1498059"/>
                <a:gd name="connsiteY2-188" fmla="*/ 2047673 h 2123692"/>
                <a:gd name="connsiteX3-189" fmla="*/ 359923 w 1498059"/>
                <a:gd name="connsiteY3-190" fmla="*/ 2028217 h 2123692"/>
                <a:gd name="connsiteX4-191" fmla="*/ 0 w 1498059"/>
                <a:gd name="connsiteY4-192" fmla="*/ 700392 h 2123692"/>
                <a:gd name="connsiteX5-193" fmla="*/ 403698 w 1498059"/>
                <a:gd name="connsiteY5-194" fmla="*/ 442609 h 2123692"/>
                <a:gd name="connsiteX6-195" fmla="*/ 914400 w 1498059"/>
                <a:gd name="connsiteY6-196" fmla="*/ 0 h 2123692"/>
                <a:gd name="connsiteX0-197" fmla="*/ 914400 w 1515151"/>
                <a:gd name="connsiteY0-198" fmla="*/ 0 h 2213429"/>
                <a:gd name="connsiteX1-199" fmla="*/ 1515151 w 1515151"/>
                <a:gd name="connsiteY1-200" fmla="*/ 2204907 h 2213429"/>
                <a:gd name="connsiteX2-201" fmla="*/ 812259 w 1515151"/>
                <a:gd name="connsiteY2-202" fmla="*/ 2047673 h 2213429"/>
                <a:gd name="connsiteX3-203" fmla="*/ 359923 w 1515151"/>
                <a:gd name="connsiteY3-204" fmla="*/ 2028217 h 2213429"/>
                <a:gd name="connsiteX4-205" fmla="*/ 0 w 1515151"/>
                <a:gd name="connsiteY4-206" fmla="*/ 700392 h 2213429"/>
                <a:gd name="connsiteX5-207" fmla="*/ 403698 w 1515151"/>
                <a:gd name="connsiteY5-208" fmla="*/ 442609 h 2213429"/>
                <a:gd name="connsiteX6-209" fmla="*/ 914400 w 1515151"/>
                <a:gd name="connsiteY6-210" fmla="*/ 0 h 2213429"/>
                <a:gd name="connsiteX0-211" fmla="*/ 914400 w 1515151"/>
                <a:gd name="connsiteY0-212" fmla="*/ 0 h 2204907"/>
                <a:gd name="connsiteX1-213" fmla="*/ 1515151 w 1515151"/>
                <a:gd name="connsiteY1-214" fmla="*/ 2204907 h 2204907"/>
                <a:gd name="connsiteX2-215" fmla="*/ 812259 w 1515151"/>
                <a:gd name="connsiteY2-216" fmla="*/ 2047673 h 2204907"/>
                <a:gd name="connsiteX3-217" fmla="*/ 359923 w 1515151"/>
                <a:gd name="connsiteY3-218" fmla="*/ 2028217 h 2204907"/>
                <a:gd name="connsiteX4-219" fmla="*/ 0 w 1515151"/>
                <a:gd name="connsiteY4-220" fmla="*/ 700392 h 2204907"/>
                <a:gd name="connsiteX5-221" fmla="*/ 403698 w 1515151"/>
                <a:gd name="connsiteY5-222" fmla="*/ 442609 h 2204907"/>
                <a:gd name="connsiteX6-223" fmla="*/ 914400 w 1515151"/>
                <a:gd name="connsiteY6-224" fmla="*/ 0 h 2204907"/>
                <a:gd name="connsiteX0-225" fmla="*/ 914400 w 1515151"/>
                <a:gd name="connsiteY0-226" fmla="*/ 0 h 2204907"/>
                <a:gd name="connsiteX1-227" fmla="*/ 1515151 w 1515151"/>
                <a:gd name="connsiteY1-228" fmla="*/ 2204907 h 2204907"/>
                <a:gd name="connsiteX2-229" fmla="*/ 812259 w 1515151"/>
                <a:gd name="connsiteY2-230" fmla="*/ 2073310 h 2204907"/>
                <a:gd name="connsiteX3-231" fmla="*/ 359923 w 1515151"/>
                <a:gd name="connsiteY3-232" fmla="*/ 2028217 h 2204907"/>
                <a:gd name="connsiteX4-233" fmla="*/ 0 w 1515151"/>
                <a:gd name="connsiteY4-234" fmla="*/ 700392 h 2204907"/>
                <a:gd name="connsiteX5-235" fmla="*/ 403698 w 1515151"/>
                <a:gd name="connsiteY5-236" fmla="*/ 442609 h 2204907"/>
                <a:gd name="connsiteX6-237" fmla="*/ 914400 w 1515151"/>
                <a:gd name="connsiteY6-238" fmla="*/ 0 h 2204907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</a:cxnLst>
              <a:rect l="l" t="t" r="r" b="b"/>
              <a:pathLst>
                <a:path w="1515151" h="2204907">
                  <a:moveTo>
                    <a:pt x="914400" y="0"/>
                  </a:moveTo>
                  <a:lnTo>
                    <a:pt x="1515151" y="2204907"/>
                  </a:lnTo>
                  <a:cubicBezTo>
                    <a:pt x="1338598" y="2167648"/>
                    <a:pt x="914399" y="2040885"/>
                    <a:pt x="812259" y="2073310"/>
                  </a:cubicBezTo>
                  <a:cubicBezTo>
                    <a:pt x="685799" y="2110600"/>
                    <a:pt x="491247" y="2117386"/>
                    <a:pt x="359923" y="2028217"/>
                  </a:cubicBezTo>
                  <a:lnTo>
                    <a:pt x="0" y="700392"/>
                  </a:lnTo>
                  <a:cubicBezTo>
                    <a:pt x="76201" y="570690"/>
                    <a:pt x="235085" y="499354"/>
                    <a:pt x="403698" y="442609"/>
                  </a:cubicBezTo>
                  <a:cubicBezTo>
                    <a:pt x="530157" y="392350"/>
                    <a:pt x="792804" y="191310"/>
                    <a:pt x="914400" y="0"/>
                  </a:cubicBez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grpSp>
          <p:nvGrpSpPr>
            <p:cNvPr id="91" name="组合 90"/>
            <p:cNvGrpSpPr/>
            <p:nvPr/>
          </p:nvGrpSpPr>
          <p:grpSpPr>
            <a:xfrm rot="15300000">
              <a:off x="3476617" y="3490013"/>
              <a:ext cx="1498969" cy="1428362"/>
              <a:chOff x="5578865" y="2108677"/>
              <a:chExt cx="1294547" cy="1233569"/>
            </a:xfrm>
          </p:grpSpPr>
          <p:sp>
            <p:nvSpPr>
              <p:cNvPr id="96" name="圆角矩形 95"/>
              <p:cNvSpPr/>
              <p:nvPr/>
            </p:nvSpPr>
            <p:spPr>
              <a:xfrm>
                <a:off x="5883269" y="2225851"/>
                <a:ext cx="667821" cy="182285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7" name="圆角矩形 96"/>
              <p:cNvSpPr/>
              <p:nvPr/>
            </p:nvSpPr>
            <p:spPr>
              <a:xfrm>
                <a:off x="5791856" y="2401006"/>
                <a:ext cx="875017" cy="174661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8" name="圆角矩形 97"/>
              <p:cNvSpPr/>
              <p:nvPr/>
            </p:nvSpPr>
            <p:spPr>
              <a:xfrm>
                <a:off x="5587231" y="2565394"/>
                <a:ext cx="1284272" cy="200160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99" name="圆角矩形 98"/>
              <p:cNvSpPr/>
              <p:nvPr/>
            </p:nvSpPr>
            <p:spPr>
              <a:xfrm>
                <a:off x="5578865" y="2758425"/>
                <a:ext cx="1284272" cy="200160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0" name="圆角矩形 99"/>
              <p:cNvSpPr/>
              <p:nvPr/>
            </p:nvSpPr>
            <p:spPr>
              <a:xfrm>
                <a:off x="5589140" y="2949054"/>
                <a:ext cx="1284272" cy="200160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5" name="圆角矩形 104"/>
              <p:cNvSpPr/>
              <p:nvPr/>
            </p:nvSpPr>
            <p:spPr>
              <a:xfrm>
                <a:off x="5580776" y="3142086"/>
                <a:ext cx="1284272" cy="200160"/>
              </a:xfrm>
              <a:prstGeom prst="roundRect">
                <a:avLst>
                  <a:gd name="adj" fmla="val 50000"/>
                </a:avLst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  <p:sp>
            <p:nvSpPr>
              <p:cNvPr id="106" name="椭圆 105"/>
              <p:cNvSpPr/>
              <p:nvPr/>
            </p:nvSpPr>
            <p:spPr>
              <a:xfrm>
                <a:off x="6041203" y="2108677"/>
                <a:ext cx="380144" cy="380144"/>
              </a:xfrm>
              <a:prstGeom prst="ellipse">
                <a:avLst/>
              </a:prstGeom>
              <a:solidFill>
                <a:schemeClr val="tx1">
                  <a:lumMod val="65000"/>
                  <a:lumOff val="3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solidFill>
                    <a:prstClr val="white"/>
                  </a:solidFill>
                </a:endParaRPr>
              </a:p>
            </p:txBody>
          </p:sp>
        </p:grpSp>
        <p:sp>
          <p:nvSpPr>
            <p:cNvPr id="92" name="Freeform 5"/>
            <p:cNvSpPr>
              <a:spLocks noEditPoints="1"/>
            </p:cNvSpPr>
            <p:nvPr/>
          </p:nvSpPr>
          <p:spPr bwMode="auto">
            <a:xfrm>
              <a:off x="6810857" y="4109726"/>
              <a:ext cx="528966" cy="526704"/>
            </a:xfrm>
            <a:custGeom>
              <a:avLst/>
              <a:gdLst>
                <a:gd name="T0" fmla="*/ 151 w 393"/>
                <a:gd name="T1" fmla="*/ 295 h 391"/>
                <a:gd name="T2" fmla="*/ 159 w 393"/>
                <a:gd name="T3" fmla="*/ 266 h 391"/>
                <a:gd name="T4" fmla="*/ 122 w 393"/>
                <a:gd name="T5" fmla="*/ 251 h 391"/>
                <a:gd name="T6" fmla="*/ 108 w 393"/>
                <a:gd name="T7" fmla="*/ 225 h 391"/>
                <a:gd name="T8" fmla="*/ 71 w 393"/>
                <a:gd name="T9" fmla="*/ 241 h 391"/>
                <a:gd name="T10" fmla="*/ 42 w 393"/>
                <a:gd name="T11" fmla="*/ 232 h 391"/>
                <a:gd name="T12" fmla="*/ 27 w 393"/>
                <a:gd name="T13" fmla="*/ 269 h 391"/>
                <a:gd name="T14" fmla="*/ 1 w 393"/>
                <a:gd name="T15" fmla="*/ 283 h 391"/>
                <a:gd name="T16" fmla="*/ 16 w 393"/>
                <a:gd name="T17" fmla="*/ 300 h 391"/>
                <a:gd name="T18" fmla="*/ 3 w 393"/>
                <a:gd name="T19" fmla="*/ 338 h 391"/>
                <a:gd name="T20" fmla="*/ 31 w 393"/>
                <a:gd name="T21" fmla="*/ 350 h 391"/>
                <a:gd name="T22" fmla="*/ 42 w 393"/>
                <a:gd name="T23" fmla="*/ 381 h 391"/>
                <a:gd name="T24" fmla="*/ 68 w 393"/>
                <a:gd name="T25" fmla="*/ 390 h 391"/>
                <a:gd name="T26" fmla="*/ 96 w 393"/>
                <a:gd name="T27" fmla="*/ 375 h 391"/>
                <a:gd name="T28" fmla="*/ 125 w 393"/>
                <a:gd name="T29" fmla="*/ 383 h 391"/>
                <a:gd name="T30" fmla="*/ 140 w 393"/>
                <a:gd name="T31" fmla="*/ 346 h 391"/>
                <a:gd name="T32" fmla="*/ 162 w 393"/>
                <a:gd name="T33" fmla="*/ 343 h 391"/>
                <a:gd name="T34" fmla="*/ 101 w 393"/>
                <a:gd name="T35" fmla="*/ 346 h 391"/>
                <a:gd name="T36" fmla="*/ 66 w 393"/>
                <a:gd name="T37" fmla="*/ 269 h 391"/>
                <a:gd name="T38" fmla="*/ 101 w 393"/>
                <a:gd name="T39" fmla="*/ 346 h 391"/>
                <a:gd name="T40" fmla="*/ 261 w 393"/>
                <a:gd name="T41" fmla="*/ 336 h 391"/>
                <a:gd name="T42" fmla="*/ 266 w 393"/>
                <a:gd name="T43" fmla="*/ 320 h 391"/>
                <a:gd name="T44" fmla="*/ 245 w 393"/>
                <a:gd name="T45" fmla="*/ 312 h 391"/>
                <a:gd name="T46" fmla="*/ 237 w 393"/>
                <a:gd name="T47" fmla="*/ 297 h 391"/>
                <a:gd name="T48" fmla="*/ 217 w 393"/>
                <a:gd name="T49" fmla="*/ 306 h 391"/>
                <a:gd name="T50" fmla="*/ 200 w 393"/>
                <a:gd name="T51" fmla="*/ 301 h 391"/>
                <a:gd name="T52" fmla="*/ 192 w 393"/>
                <a:gd name="T53" fmla="*/ 321 h 391"/>
                <a:gd name="T54" fmla="*/ 177 w 393"/>
                <a:gd name="T55" fmla="*/ 329 h 391"/>
                <a:gd name="T56" fmla="*/ 186 w 393"/>
                <a:gd name="T57" fmla="*/ 339 h 391"/>
                <a:gd name="T58" fmla="*/ 179 w 393"/>
                <a:gd name="T59" fmla="*/ 360 h 391"/>
                <a:gd name="T60" fmla="*/ 194 w 393"/>
                <a:gd name="T61" fmla="*/ 367 h 391"/>
                <a:gd name="T62" fmla="*/ 200 w 393"/>
                <a:gd name="T63" fmla="*/ 384 h 391"/>
                <a:gd name="T64" fmla="*/ 215 w 393"/>
                <a:gd name="T65" fmla="*/ 389 h 391"/>
                <a:gd name="T66" fmla="*/ 230 w 393"/>
                <a:gd name="T67" fmla="*/ 380 h 391"/>
                <a:gd name="T68" fmla="*/ 247 w 393"/>
                <a:gd name="T69" fmla="*/ 385 h 391"/>
                <a:gd name="T70" fmla="*/ 255 w 393"/>
                <a:gd name="T71" fmla="*/ 364 h 391"/>
                <a:gd name="T72" fmla="*/ 267 w 393"/>
                <a:gd name="T73" fmla="*/ 363 h 391"/>
                <a:gd name="T74" fmla="*/ 233 w 393"/>
                <a:gd name="T75" fmla="*/ 364 h 391"/>
                <a:gd name="T76" fmla="*/ 214 w 393"/>
                <a:gd name="T77" fmla="*/ 321 h 391"/>
                <a:gd name="T78" fmla="*/ 233 w 393"/>
                <a:gd name="T79" fmla="*/ 364 h 391"/>
                <a:gd name="T80" fmla="*/ 362 w 393"/>
                <a:gd name="T81" fmla="*/ 122 h 391"/>
                <a:gd name="T82" fmla="*/ 377 w 393"/>
                <a:gd name="T83" fmla="*/ 73 h 391"/>
                <a:gd name="T84" fmla="*/ 314 w 393"/>
                <a:gd name="T85" fmla="*/ 48 h 391"/>
                <a:gd name="T86" fmla="*/ 290 w 393"/>
                <a:gd name="T87" fmla="*/ 3 h 391"/>
                <a:gd name="T88" fmla="*/ 229 w 393"/>
                <a:gd name="T89" fmla="*/ 30 h 391"/>
                <a:gd name="T90" fmla="*/ 180 w 393"/>
                <a:gd name="T91" fmla="*/ 15 h 391"/>
                <a:gd name="T92" fmla="*/ 155 w 393"/>
                <a:gd name="T93" fmla="*/ 78 h 391"/>
                <a:gd name="T94" fmla="*/ 110 w 393"/>
                <a:gd name="T95" fmla="*/ 102 h 391"/>
                <a:gd name="T96" fmla="*/ 136 w 393"/>
                <a:gd name="T97" fmla="*/ 130 h 391"/>
                <a:gd name="T98" fmla="*/ 114 w 393"/>
                <a:gd name="T99" fmla="*/ 194 h 391"/>
                <a:gd name="T100" fmla="*/ 161 w 393"/>
                <a:gd name="T101" fmla="*/ 214 h 391"/>
                <a:gd name="T102" fmla="*/ 180 w 393"/>
                <a:gd name="T103" fmla="*/ 266 h 391"/>
                <a:gd name="T104" fmla="*/ 223 w 393"/>
                <a:gd name="T105" fmla="*/ 281 h 391"/>
                <a:gd name="T106" fmla="*/ 271 w 393"/>
                <a:gd name="T107" fmla="*/ 255 h 391"/>
                <a:gd name="T108" fmla="*/ 319 w 393"/>
                <a:gd name="T109" fmla="*/ 270 h 391"/>
                <a:gd name="T110" fmla="*/ 344 w 393"/>
                <a:gd name="T111" fmla="*/ 207 h 391"/>
                <a:gd name="T112" fmla="*/ 382 w 393"/>
                <a:gd name="T113" fmla="*/ 202 h 391"/>
                <a:gd name="T114" fmla="*/ 279 w 393"/>
                <a:gd name="T115" fmla="*/ 207 h 391"/>
                <a:gd name="T116" fmla="*/ 220 w 393"/>
                <a:gd name="T117" fmla="*/ 78 h 391"/>
                <a:gd name="T118" fmla="*/ 279 w 393"/>
                <a:gd name="T119" fmla="*/ 207 h 39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393" h="391">
                  <a:moveTo>
                    <a:pt x="160" y="318"/>
                  </a:moveTo>
                  <a:cubicBezTo>
                    <a:pt x="151" y="315"/>
                    <a:pt x="151" y="315"/>
                    <a:pt x="151" y="315"/>
                  </a:cubicBezTo>
                  <a:cubicBezTo>
                    <a:pt x="152" y="308"/>
                    <a:pt x="152" y="302"/>
                    <a:pt x="151" y="295"/>
                  </a:cubicBezTo>
                  <a:cubicBezTo>
                    <a:pt x="159" y="291"/>
                    <a:pt x="159" y="291"/>
                    <a:pt x="159" y="291"/>
                  </a:cubicBezTo>
                  <a:cubicBezTo>
                    <a:pt x="165" y="289"/>
                    <a:pt x="167" y="282"/>
                    <a:pt x="164" y="277"/>
                  </a:cubicBezTo>
                  <a:cubicBezTo>
                    <a:pt x="159" y="266"/>
                    <a:pt x="159" y="266"/>
                    <a:pt x="159" y="266"/>
                  </a:cubicBezTo>
                  <a:cubicBezTo>
                    <a:pt x="157" y="261"/>
                    <a:pt x="151" y="258"/>
                    <a:pt x="145" y="261"/>
                  </a:cubicBezTo>
                  <a:cubicBezTo>
                    <a:pt x="137" y="265"/>
                    <a:pt x="137" y="265"/>
                    <a:pt x="137" y="265"/>
                  </a:cubicBezTo>
                  <a:cubicBezTo>
                    <a:pt x="132" y="260"/>
                    <a:pt x="128" y="255"/>
                    <a:pt x="122" y="251"/>
                  </a:cubicBezTo>
                  <a:cubicBezTo>
                    <a:pt x="125" y="242"/>
                    <a:pt x="125" y="242"/>
                    <a:pt x="125" y="242"/>
                  </a:cubicBezTo>
                  <a:cubicBezTo>
                    <a:pt x="127" y="237"/>
                    <a:pt x="125" y="231"/>
                    <a:pt x="119" y="229"/>
                  </a:cubicBezTo>
                  <a:cubicBezTo>
                    <a:pt x="108" y="225"/>
                    <a:pt x="108" y="225"/>
                    <a:pt x="108" y="225"/>
                  </a:cubicBezTo>
                  <a:cubicBezTo>
                    <a:pt x="103" y="223"/>
                    <a:pt x="96" y="226"/>
                    <a:pt x="94" y="231"/>
                  </a:cubicBezTo>
                  <a:cubicBezTo>
                    <a:pt x="91" y="240"/>
                    <a:pt x="91" y="240"/>
                    <a:pt x="91" y="240"/>
                  </a:cubicBezTo>
                  <a:cubicBezTo>
                    <a:pt x="84" y="239"/>
                    <a:pt x="78" y="239"/>
                    <a:pt x="71" y="241"/>
                  </a:cubicBezTo>
                  <a:cubicBezTo>
                    <a:pt x="67" y="232"/>
                    <a:pt x="67" y="232"/>
                    <a:pt x="67" y="232"/>
                  </a:cubicBezTo>
                  <a:cubicBezTo>
                    <a:pt x="65" y="227"/>
                    <a:pt x="58" y="224"/>
                    <a:pt x="53" y="227"/>
                  </a:cubicBezTo>
                  <a:cubicBezTo>
                    <a:pt x="42" y="232"/>
                    <a:pt x="42" y="232"/>
                    <a:pt x="42" y="232"/>
                  </a:cubicBezTo>
                  <a:cubicBezTo>
                    <a:pt x="37" y="234"/>
                    <a:pt x="34" y="241"/>
                    <a:pt x="37" y="246"/>
                  </a:cubicBezTo>
                  <a:cubicBezTo>
                    <a:pt x="41" y="254"/>
                    <a:pt x="41" y="254"/>
                    <a:pt x="41" y="254"/>
                  </a:cubicBezTo>
                  <a:cubicBezTo>
                    <a:pt x="36" y="259"/>
                    <a:pt x="31" y="264"/>
                    <a:pt x="27" y="269"/>
                  </a:cubicBezTo>
                  <a:cubicBezTo>
                    <a:pt x="19" y="266"/>
                    <a:pt x="19" y="266"/>
                    <a:pt x="19" y="266"/>
                  </a:cubicBezTo>
                  <a:cubicBezTo>
                    <a:pt x="13" y="264"/>
                    <a:pt x="7" y="267"/>
                    <a:pt x="5" y="272"/>
                  </a:cubicBezTo>
                  <a:cubicBezTo>
                    <a:pt x="1" y="283"/>
                    <a:pt x="1" y="283"/>
                    <a:pt x="1" y="283"/>
                  </a:cubicBezTo>
                  <a:cubicBezTo>
                    <a:pt x="0" y="286"/>
                    <a:pt x="0" y="289"/>
                    <a:pt x="1" y="291"/>
                  </a:cubicBezTo>
                  <a:cubicBezTo>
                    <a:pt x="2" y="294"/>
                    <a:pt x="4" y="296"/>
                    <a:pt x="7" y="297"/>
                  </a:cubicBezTo>
                  <a:cubicBezTo>
                    <a:pt x="16" y="300"/>
                    <a:pt x="16" y="300"/>
                    <a:pt x="16" y="300"/>
                  </a:cubicBezTo>
                  <a:cubicBezTo>
                    <a:pt x="15" y="307"/>
                    <a:pt x="15" y="313"/>
                    <a:pt x="17" y="320"/>
                  </a:cubicBezTo>
                  <a:cubicBezTo>
                    <a:pt x="8" y="324"/>
                    <a:pt x="8" y="324"/>
                    <a:pt x="8" y="324"/>
                  </a:cubicBezTo>
                  <a:cubicBezTo>
                    <a:pt x="3" y="326"/>
                    <a:pt x="0" y="333"/>
                    <a:pt x="3" y="338"/>
                  </a:cubicBezTo>
                  <a:cubicBezTo>
                    <a:pt x="8" y="349"/>
                    <a:pt x="8" y="349"/>
                    <a:pt x="8" y="349"/>
                  </a:cubicBezTo>
                  <a:cubicBezTo>
                    <a:pt x="10" y="354"/>
                    <a:pt x="17" y="357"/>
                    <a:pt x="22" y="354"/>
                  </a:cubicBezTo>
                  <a:cubicBezTo>
                    <a:pt x="31" y="350"/>
                    <a:pt x="31" y="350"/>
                    <a:pt x="31" y="350"/>
                  </a:cubicBezTo>
                  <a:cubicBezTo>
                    <a:pt x="35" y="356"/>
                    <a:pt x="40" y="360"/>
                    <a:pt x="45" y="364"/>
                  </a:cubicBezTo>
                  <a:cubicBezTo>
                    <a:pt x="42" y="373"/>
                    <a:pt x="42" y="373"/>
                    <a:pt x="42" y="373"/>
                  </a:cubicBezTo>
                  <a:cubicBezTo>
                    <a:pt x="41" y="375"/>
                    <a:pt x="41" y="378"/>
                    <a:pt x="42" y="381"/>
                  </a:cubicBezTo>
                  <a:cubicBezTo>
                    <a:pt x="43" y="383"/>
                    <a:pt x="45" y="385"/>
                    <a:pt x="48" y="386"/>
                  </a:cubicBezTo>
                  <a:cubicBezTo>
                    <a:pt x="59" y="390"/>
                    <a:pt x="59" y="390"/>
                    <a:pt x="59" y="390"/>
                  </a:cubicBezTo>
                  <a:cubicBezTo>
                    <a:pt x="62" y="391"/>
                    <a:pt x="65" y="391"/>
                    <a:pt x="68" y="390"/>
                  </a:cubicBezTo>
                  <a:cubicBezTo>
                    <a:pt x="70" y="389"/>
                    <a:pt x="72" y="387"/>
                    <a:pt x="73" y="384"/>
                  </a:cubicBezTo>
                  <a:cubicBezTo>
                    <a:pt x="76" y="375"/>
                    <a:pt x="76" y="375"/>
                    <a:pt x="76" y="375"/>
                  </a:cubicBezTo>
                  <a:cubicBezTo>
                    <a:pt x="83" y="376"/>
                    <a:pt x="90" y="376"/>
                    <a:pt x="96" y="375"/>
                  </a:cubicBezTo>
                  <a:cubicBezTo>
                    <a:pt x="100" y="383"/>
                    <a:pt x="100" y="383"/>
                    <a:pt x="100" y="383"/>
                  </a:cubicBezTo>
                  <a:cubicBezTo>
                    <a:pt x="103" y="388"/>
                    <a:pt x="109" y="391"/>
                    <a:pt x="114" y="388"/>
                  </a:cubicBezTo>
                  <a:cubicBezTo>
                    <a:pt x="125" y="383"/>
                    <a:pt x="125" y="383"/>
                    <a:pt x="125" y="383"/>
                  </a:cubicBezTo>
                  <a:cubicBezTo>
                    <a:pt x="131" y="381"/>
                    <a:pt x="133" y="374"/>
                    <a:pt x="130" y="369"/>
                  </a:cubicBezTo>
                  <a:cubicBezTo>
                    <a:pt x="126" y="361"/>
                    <a:pt x="126" y="361"/>
                    <a:pt x="126" y="361"/>
                  </a:cubicBezTo>
                  <a:cubicBezTo>
                    <a:pt x="132" y="356"/>
                    <a:pt x="136" y="351"/>
                    <a:pt x="140" y="346"/>
                  </a:cubicBezTo>
                  <a:cubicBezTo>
                    <a:pt x="149" y="349"/>
                    <a:pt x="149" y="349"/>
                    <a:pt x="149" y="349"/>
                  </a:cubicBezTo>
                  <a:cubicBezTo>
                    <a:pt x="151" y="350"/>
                    <a:pt x="154" y="350"/>
                    <a:pt x="157" y="349"/>
                  </a:cubicBezTo>
                  <a:cubicBezTo>
                    <a:pt x="159" y="348"/>
                    <a:pt x="161" y="346"/>
                    <a:pt x="162" y="343"/>
                  </a:cubicBezTo>
                  <a:cubicBezTo>
                    <a:pt x="167" y="332"/>
                    <a:pt x="167" y="332"/>
                    <a:pt x="167" y="332"/>
                  </a:cubicBezTo>
                  <a:cubicBezTo>
                    <a:pt x="169" y="326"/>
                    <a:pt x="166" y="320"/>
                    <a:pt x="160" y="318"/>
                  </a:cubicBezTo>
                  <a:close/>
                  <a:moveTo>
                    <a:pt x="101" y="346"/>
                  </a:moveTo>
                  <a:cubicBezTo>
                    <a:pt x="96" y="349"/>
                    <a:pt x="90" y="350"/>
                    <a:pt x="84" y="350"/>
                  </a:cubicBezTo>
                  <a:cubicBezTo>
                    <a:pt x="67" y="350"/>
                    <a:pt x="52" y="340"/>
                    <a:pt x="45" y="325"/>
                  </a:cubicBezTo>
                  <a:cubicBezTo>
                    <a:pt x="35" y="304"/>
                    <a:pt x="45" y="279"/>
                    <a:pt x="66" y="269"/>
                  </a:cubicBezTo>
                  <a:cubicBezTo>
                    <a:pt x="72" y="266"/>
                    <a:pt x="77" y="265"/>
                    <a:pt x="84" y="265"/>
                  </a:cubicBezTo>
                  <a:cubicBezTo>
                    <a:pt x="100" y="265"/>
                    <a:pt x="115" y="275"/>
                    <a:pt x="122" y="290"/>
                  </a:cubicBezTo>
                  <a:cubicBezTo>
                    <a:pt x="132" y="311"/>
                    <a:pt x="123" y="336"/>
                    <a:pt x="101" y="346"/>
                  </a:cubicBezTo>
                  <a:close/>
                  <a:moveTo>
                    <a:pt x="266" y="349"/>
                  </a:moveTo>
                  <a:cubicBezTo>
                    <a:pt x="261" y="347"/>
                    <a:pt x="261" y="347"/>
                    <a:pt x="261" y="347"/>
                  </a:cubicBezTo>
                  <a:cubicBezTo>
                    <a:pt x="262" y="343"/>
                    <a:pt x="261" y="340"/>
                    <a:pt x="261" y="336"/>
                  </a:cubicBezTo>
                  <a:cubicBezTo>
                    <a:pt x="266" y="334"/>
                    <a:pt x="266" y="334"/>
                    <a:pt x="266" y="334"/>
                  </a:cubicBezTo>
                  <a:cubicBezTo>
                    <a:pt x="269" y="332"/>
                    <a:pt x="270" y="329"/>
                    <a:pt x="269" y="326"/>
                  </a:cubicBezTo>
                  <a:cubicBezTo>
                    <a:pt x="266" y="320"/>
                    <a:pt x="266" y="320"/>
                    <a:pt x="266" y="320"/>
                  </a:cubicBezTo>
                  <a:cubicBezTo>
                    <a:pt x="264" y="317"/>
                    <a:pt x="261" y="315"/>
                    <a:pt x="258" y="317"/>
                  </a:cubicBezTo>
                  <a:cubicBezTo>
                    <a:pt x="253" y="319"/>
                    <a:pt x="253" y="319"/>
                    <a:pt x="253" y="319"/>
                  </a:cubicBezTo>
                  <a:cubicBezTo>
                    <a:pt x="251" y="316"/>
                    <a:pt x="248" y="314"/>
                    <a:pt x="245" y="312"/>
                  </a:cubicBezTo>
                  <a:cubicBezTo>
                    <a:pt x="247" y="307"/>
                    <a:pt x="247" y="307"/>
                    <a:pt x="247" y="307"/>
                  </a:cubicBezTo>
                  <a:cubicBezTo>
                    <a:pt x="248" y="304"/>
                    <a:pt x="246" y="300"/>
                    <a:pt x="243" y="299"/>
                  </a:cubicBezTo>
                  <a:cubicBezTo>
                    <a:pt x="237" y="297"/>
                    <a:pt x="237" y="297"/>
                    <a:pt x="237" y="297"/>
                  </a:cubicBezTo>
                  <a:cubicBezTo>
                    <a:pt x="234" y="296"/>
                    <a:pt x="230" y="297"/>
                    <a:pt x="229" y="300"/>
                  </a:cubicBezTo>
                  <a:cubicBezTo>
                    <a:pt x="228" y="305"/>
                    <a:pt x="228" y="305"/>
                    <a:pt x="228" y="305"/>
                  </a:cubicBezTo>
                  <a:cubicBezTo>
                    <a:pt x="224" y="305"/>
                    <a:pt x="220" y="305"/>
                    <a:pt x="217" y="306"/>
                  </a:cubicBezTo>
                  <a:cubicBezTo>
                    <a:pt x="214" y="301"/>
                    <a:pt x="214" y="301"/>
                    <a:pt x="214" y="301"/>
                  </a:cubicBezTo>
                  <a:cubicBezTo>
                    <a:pt x="213" y="298"/>
                    <a:pt x="209" y="296"/>
                    <a:pt x="206" y="298"/>
                  </a:cubicBezTo>
                  <a:cubicBezTo>
                    <a:pt x="200" y="301"/>
                    <a:pt x="200" y="301"/>
                    <a:pt x="200" y="301"/>
                  </a:cubicBezTo>
                  <a:cubicBezTo>
                    <a:pt x="197" y="302"/>
                    <a:pt x="196" y="306"/>
                    <a:pt x="197" y="309"/>
                  </a:cubicBezTo>
                  <a:cubicBezTo>
                    <a:pt x="200" y="313"/>
                    <a:pt x="200" y="313"/>
                    <a:pt x="200" y="313"/>
                  </a:cubicBezTo>
                  <a:cubicBezTo>
                    <a:pt x="197" y="316"/>
                    <a:pt x="194" y="318"/>
                    <a:pt x="192" y="321"/>
                  </a:cubicBezTo>
                  <a:cubicBezTo>
                    <a:pt x="187" y="320"/>
                    <a:pt x="187" y="320"/>
                    <a:pt x="187" y="320"/>
                  </a:cubicBezTo>
                  <a:cubicBezTo>
                    <a:pt x="184" y="318"/>
                    <a:pt x="181" y="320"/>
                    <a:pt x="180" y="323"/>
                  </a:cubicBezTo>
                  <a:cubicBezTo>
                    <a:pt x="177" y="329"/>
                    <a:pt x="177" y="329"/>
                    <a:pt x="177" y="329"/>
                  </a:cubicBezTo>
                  <a:cubicBezTo>
                    <a:pt x="177" y="331"/>
                    <a:pt x="177" y="332"/>
                    <a:pt x="177" y="334"/>
                  </a:cubicBezTo>
                  <a:cubicBezTo>
                    <a:pt x="178" y="335"/>
                    <a:pt x="179" y="336"/>
                    <a:pt x="181" y="337"/>
                  </a:cubicBezTo>
                  <a:cubicBezTo>
                    <a:pt x="186" y="339"/>
                    <a:pt x="186" y="339"/>
                    <a:pt x="186" y="339"/>
                  </a:cubicBezTo>
                  <a:cubicBezTo>
                    <a:pt x="185" y="342"/>
                    <a:pt x="186" y="346"/>
                    <a:pt x="186" y="350"/>
                  </a:cubicBezTo>
                  <a:cubicBezTo>
                    <a:pt x="181" y="352"/>
                    <a:pt x="181" y="352"/>
                    <a:pt x="181" y="352"/>
                  </a:cubicBezTo>
                  <a:cubicBezTo>
                    <a:pt x="178" y="353"/>
                    <a:pt x="177" y="357"/>
                    <a:pt x="179" y="360"/>
                  </a:cubicBezTo>
                  <a:cubicBezTo>
                    <a:pt x="181" y="366"/>
                    <a:pt x="181" y="366"/>
                    <a:pt x="181" y="366"/>
                  </a:cubicBezTo>
                  <a:cubicBezTo>
                    <a:pt x="183" y="369"/>
                    <a:pt x="186" y="370"/>
                    <a:pt x="189" y="369"/>
                  </a:cubicBezTo>
                  <a:cubicBezTo>
                    <a:pt x="194" y="367"/>
                    <a:pt x="194" y="367"/>
                    <a:pt x="194" y="367"/>
                  </a:cubicBezTo>
                  <a:cubicBezTo>
                    <a:pt x="196" y="370"/>
                    <a:pt x="199" y="372"/>
                    <a:pt x="202" y="374"/>
                  </a:cubicBezTo>
                  <a:cubicBezTo>
                    <a:pt x="200" y="379"/>
                    <a:pt x="200" y="379"/>
                    <a:pt x="200" y="379"/>
                  </a:cubicBezTo>
                  <a:cubicBezTo>
                    <a:pt x="200" y="381"/>
                    <a:pt x="200" y="382"/>
                    <a:pt x="200" y="384"/>
                  </a:cubicBezTo>
                  <a:cubicBezTo>
                    <a:pt x="201" y="385"/>
                    <a:pt x="202" y="386"/>
                    <a:pt x="204" y="387"/>
                  </a:cubicBezTo>
                  <a:cubicBezTo>
                    <a:pt x="210" y="389"/>
                    <a:pt x="210" y="389"/>
                    <a:pt x="210" y="389"/>
                  </a:cubicBezTo>
                  <a:cubicBezTo>
                    <a:pt x="212" y="390"/>
                    <a:pt x="213" y="390"/>
                    <a:pt x="215" y="389"/>
                  </a:cubicBezTo>
                  <a:cubicBezTo>
                    <a:pt x="216" y="388"/>
                    <a:pt x="217" y="387"/>
                    <a:pt x="218" y="386"/>
                  </a:cubicBezTo>
                  <a:cubicBezTo>
                    <a:pt x="219" y="381"/>
                    <a:pt x="219" y="381"/>
                    <a:pt x="219" y="381"/>
                  </a:cubicBezTo>
                  <a:cubicBezTo>
                    <a:pt x="223" y="381"/>
                    <a:pt x="227" y="381"/>
                    <a:pt x="230" y="380"/>
                  </a:cubicBezTo>
                  <a:cubicBezTo>
                    <a:pt x="233" y="385"/>
                    <a:pt x="233" y="385"/>
                    <a:pt x="233" y="385"/>
                  </a:cubicBezTo>
                  <a:cubicBezTo>
                    <a:pt x="234" y="388"/>
                    <a:pt x="238" y="389"/>
                    <a:pt x="241" y="388"/>
                  </a:cubicBezTo>
                  <a:cubicBezTo>
                    <a:pt x="247" y="385"/>
                    <a:pt x="247" y="385"/>
                    <a:pt x="247" y="385"/>
                  </a:cubicBezTo>
                  <a:cubicBezTo>
                    <a:pt x="250" y="384"/>
                    <a:pt x="251" y="380"/>
                    <a:pt x="250" y="377"/>
                  </a:cubicBezTo>
                  <a:cubicBezTo>
                    <a:pt x="247" y="372"/>
                    <a:pt x="247" y="372"/>
                    <a:pt x="247" y="372"/>
                  </a:cubicBezTo>
                  <a:cubicBezTo>
                    <a:pt x="250" y="370"/>
                    <a:pt x="253" y="367"/>
                    <a:pt x="255" y="364"/>
                  </a:cubicBezTo>
                  <a:cubicBezTo>
                    <a:pt x="260" y="366"/>
                    <a:pt x="260" y="366"/>
                    <a:pt x="260" y="366"/>
                  </a:cubicBezTo>
                  <a:cubicBezTo>
                    <a:pt x="261" y="367"/>
                    <a:pt x="263" y="367"/>
                    <a:pt x="264" y="366"/>
                  </a:cubicBezTo>
                  <a:cubicBezTo>
                    <a:pt x="266" y="365"/>
                    <a:pt x="267" y="364"/>
                    <a:pt x="267" y="363"/>
                  </a:cubicBezTo>
                  <a:cubicBezTo>
                    <a:pt x="270" y="356"/>
                    <a:pt x="270" y="356"/>
                    <a:pt x="270" y="356"/>
                  </a:cubicBezTo>
                  <a:cubicBezTo>
                    <a:pt x="271" y="353"/>
                    <a:pt x="269" y="350"/>
                    <a:pt x="266" y="349"/>
                  </a:cubicBezTo>
                  <a:close/>
                  <a:moveTo>
                    <a:pt x="233" y="364"/>
                  </a:moveTo>
                  <a:cubicBezTo>
                    <a:pt x="230" y="366"/>
                    <a:pt x="227" y="366"/>
                    <a:pt x="224" y="366"/>
                  </a:cubicBezTo>
                  <a:cubicBezTo>
                    <a:pt x="214" y="366"/>
                    <a:pt x="206" y="361"/>
                    <a:pt x="202" y="353"/>
                  </a:cubicBezTo>
                  <a:cubicBezTo>
                    <a:pt x="197" y="341"/>
                    <a:pt x="202" y="327"/>
                    <a:pt x="214" y="321"/>
                  </a:cubicBezTo>
                  <a:cubicBezTo>
                    <a:pt x="217" y="320"/>
                    <a:pt x="220" y="319"/>
                    <a:pt x="223" y="319"/>
                  </a:cubicBezTo>
                  <a:cubicBezTo>
                    <a:pt x="233" y="319"/>
                    <a:pt x="241" y="325"/>
                    <a:pt x="245" y="333"/>
                  </a:cubicBezTo>
                  <a:cubicBezTo>
                    <a:pt x="250" y="345"/>
                    <a:pt x="245" y="359"/>
                    <a:pt x="233" y="364"/>
                  </a:cubicBezTo>
                  <a:close/>
                  <a:moveTo>
                    <a:pt x="378" y="160"/>
                  </a:moveTo>
                  <a:cubicBezTo>
                    <a:pt x="364" y="155"/>
                    <a:pt x="364" y="155"/>
                    <a:pt x="364" y="155"/>
                  </a:cubicBezTo>
                  <a:cubicBezTo>
                    <a:pt x="365" y="144"/>
                    <a:pt x="364" y="133"/>
                    <a:pt x="362" y="122"/>
                  </a:cubicBezTo>
                  <a:cubicBezTo>
                    <a:pt x="377" y="115"/>
                    <a:pt x="377" y="115"/>
                    <a:pt x="377" y="115"/>
                  </a:cubicBezTo>
                  <a:cubicBezTo>
                    <a:pt x="386" y="111"/>
                    <a:pt x="390" y="100"/>
                    <a:pt x="386" y="91"/>
                  </a:cubicBezTo>
                  <a:cubicBezTo>
                    <a:pt x="377" y="73"/>
                    <a:pt x="377" y="73"/>
                    <a:pt x="377" y="73"/>
                  </a:cubicBezTo>
                  <a:cubicBezTo>
                    <a:pt x="373" y="64"/>
                    <a:pt x="362" y="60"/>
                    <a:pt x="353" y="64"/>
                  </a:cubicBezTo>
                  <a:cubicBezTo>
                    <a:pt x="339" y="71"/>
                    <a:pt x="339" y="71"/>
                    <a:pt x="339" y="71"/>
                  </a:cubicBezTo>
                  <a:cubicBezTo>
                    <a:pt x="332" y="62"/>
                    <a:pt x="323" y="54"/>
                    <a:pt x="314" y="48"/>
                  </a:cubicBezTo>
                  <a:cubicBezTo>
                    <a:pt x="320" y="33"/>
                    <a:pt x="320" y="33"/>
                    <a:pt x="320" y="33"/>
                  </a:cubicBezTo>
                  <a:cubicBezTo>
                    <a:pt x="323" y="24"/>
                    <a:pt x="319" y="13"/>
                    <a:pt x="309" y="10"/>
                  </a:cubicBezTo>
                  <a:cubicBezTo>
                    <a:pt x="290" y="3"/>
                    <a:pt x="290" y="3"/>
                    <a:pt x="290" y="3"/>
                  </a:cubicBezTo>
                  <a:cubicBezTo>
                    <a:pt x="281" y="0"/>
                    <a:pt x="271" y="5"/>
                    <a:pt x="267" y="14"/>
                  </a:cubicBezTo>
                  <a:cubicBezTo>
                    <a:pt x="262" y="29"/>
                    <a:pt x="262" y="29"/>
                    <a:pt x="262" y="29"/>
                  </a:cubicBezTo>
                  <a:cubicBezTo>
                    <a:pt x="251" y="27"/>
                    <a:pt x="240" y="28"/>
                    <a:pt x="229" y="30"/>
                  </a:cubicBezTo>
                  <a:cubicBezTo>
                    <a:pt x="222" y="15"/>
                    <a:pt x="222" y="15"/>
                    <a:pt x="222" y="15"/>
                  </a:cubicBezTo>
                  <a:cubicBezTo>
                    <a:pt x="218" y="6"/>
                    <a:pt x="207" y="2"/>
                    <a:pt x="198" y="7"/>
                  </a:cubicBezTo>
                  <a:cubicBezTo>
                    <a:pt x="180" y="15"/>
                    <a:pt x="180" y="15"/>
                    <a:pt x="180" y="15"/>
                  </a:cubicBezTo>
                  <a:cubicBezTo>
                    <a:pt x="171" y="19"/>
                    <a:pt x="167" y="30"/>
                    <a:pt x="171" y="39"/>
                  </a:cubicBezTo>
                  <a:cubicBezTo>
                    <a:pt x="178" y="53"/>
                    <a:pt x="178" y="53"/>
                    <a:pt x="178" y="53"/>
                  </a:cubicBezTo>
                  <a:cubicBezTo>
                    <a:pt x="169" y="60"/>
                    <a:pt x="161" y="69"/>
                    <a:pt x="155" y="78"/>
                  </a:cubicBezTo>
                  <a:cubicBezTo>
                    <a:pt x="140" y="72"/>
                    <a:pt x="140" y="72"/>
                    <a:pt x="140" y="72"/>
                  </a:cubicBezTo>
                  <a:cubicBezTo>
                    <a:pt x="131" y="69"/>
                    <a:pt x="120" y="74"/>
                    <a:pt x="117" y="83"/>
                  </a:cubicBezTo>
                  <a:cubicBezTo>
                    <a:pt x="110" y="102"/>
                    <a:pt x="110" y="102"/>
                    <a:pt x="110" y="102"/>
                  </a:cubicBezTo>
                  <a:cubicBezTo>
                    <a:pt x="109" y="106"/>
                    <a:pt x="109" y="111"/>
                    <a:pt x="111" y="116"/>
                  </a:cubicBezTo>
                  <a:cubicBezTo>
                    <a:pt x="113" y="120"/>
                    <a:pt x="116" y="123"/>
                    <a:pt x="121" y="125"/>
                  </a:cubicBezTo>
                  <a:cubicBezTo>
                    <a:pt x="136" y="130"/>
                    <a:pt x="136" y="130"/>
                    <a:pt x="136" y="130"/>
                  </a:cubicBezTo>
                  <a:cubicBezTo>
                    <a:pt x="135" y="141"/>
                    <a:pt x="135" y="152"/>
                    <a:pt x="137" y="163"/>
                  </a:cubicBezTo>
                  <a:cubicBezTo>
                    <a:pt x="123" y="170"/>
                    <a:pt x="123" y="170"/>
                    <a:pt x="123" y="170"/>
                  </a:cubicBezTo>
                  <a:cubicBezTo>
                    <a:pt x="114" y="174"/>
                    <a:pt x="110" y="185"/>
                    <a:pt x="114" y="194"/>
                  </a:cubicBezTo>
                  <a:cubicBezTo>
                    <a:pt x="122" y="212"/>
                    <a:pt x="122" y="212"/>
                    <a:pt x="122" y="212"/>
                  </a:cubicBezTo>
                  <a:cubicBezTo>
                    <a:pt x="126" y="221"/>
                    <a:pt x="137" y="225"/>
                    <a:pt x="146" y="221"/>
                  </a:cubicBezTo>
                  <a:cubicBezTo>
                    <a:pt x="161" y="214"/>
                    <a:pt x="161" y="214"/>
                    <a:pt x="161" y="214"/>
                  </a:cubicBezTo>
                  <a:cubicBezTo>
                    <a:pt x="168" y="223"/>
                    <a:pt x="176" y="231"/>
                    <a:pt x="185" y="237"/>
                  </a:cubicBezTo>
                  <a:cubicBezTo>
                    <a:pt x="179" y="252"/>
                    <a:pt x="179" y="252"/>
                    <a:pt x="179" y="252"/>
                  </a:cubicBezTo>
                  <a:cubicBezTo>
                    <a:pt x="178" y="256"/>
                    <a:pt x="178" y="261"/>
                    <a:pt x="180" y="266"/>
                  </a:cubicBezTo>
                  <a:cubicBezTo>
                    <a:pt x="182" y="270"/>
                    <a:pt x="185" y="273"/>
                    <a:pt x="190" y="275"/>
                  </a:cubicBezTo>
                  <a:cubicBezTo>
                    <a:pt x="209" y="282"/>
                    <a:pt x="209" y="282"/>
                    <a:pt x="209" y="282"/>
                  </a:cubicBezTo>
                  <a:cubicBezTo>
                    <a:pt x="213" y="284"/>
                    <a:pt x="218" y="283"/>
                    <a:pt x="223" y="281"/>
                  </a:cubicBezTo>
                  <a:cubicBezTo>
                    <a:pt x="227" y="279"/>
                    <a:pt x="230" y="276"/>
                    <a:pt x="232" y="271"/>
                  </a:cubicBezTo>
                  <a:cubicBezTo>
                    <a:pt x="238" y="256"/>
                    <a:pt x="238" y="256"/>
                    <a:pt x="238" y="256"/>
                  </a:cubicBezTo>
                  <a:cubicBezTo>
                    <a:pt x="248" y="258"/>
                    <a:pt x="260" y="257"/>
                    <a:pt x="271" y="255"/>
                  </a:cubicBezTo>
                  <a:cubicBezTo>
                    <a:pt x="277" y="270"/>
                    <a:pt x="277" y="270"/>
                    <a:pt x="277" y="270"/>
                  </a:cubicBezTo>
                  <a:cubicBezTo>
                    <a:pt x="281" y="279"/>
                    <a:pt x="292" y="283"/>
                    <a:pt x="301" y="278"/>
                  </a:cubicBezTo>
                  <a:cubicBezTo>
                    <a:pt x="319" y="270"/>
                    <a:pt x="319" y="270"/>
                    <a:pt x="319" y="270"/>
                  </a:cubicBezTo>
                  <a:cubicBezTo>
                    <a:pt x="328" y="266"/>
                    <a:pt x="332" y="255"/>
                    <a:pt x="328" y="246"/>
                  </a:cubicBezTo>
                  <a:cubicBezTo>
                    <a:pt x="322" y="232"/>
                    <a:pt x="322" y="232"/>
                    <a:pt x="322" y="232"/>
                  </a:cubicBezTo>
                  <a:cubicBezTo>
                    <a:pt x="330" y="225"/>
                    <a:pt x="338" y="216"/>
                    <a:pt x="344" y="207"/>
                  </a:cubicBezTo>
                  <a:cubicBezTo>
                    <a:pt x="359" y="213"/>
                    <a:pt x="359" y="213"/>
                    <a:pt x="359" y="213"/>
                  </a:cubicBezTo>
                  <a:cubicBezTo>
                    <a:pt x="364" y="215"/>
                    <a:pt x="368" y="214"/>
                    <a:pt x="373" y="212"/>
                  </a:cubicBezTo>
                  <a:cubicBezTo>
                    <a:pt x="377" y="210"/>
                    <a:pt x="380" y="207"/>
                    <a:pt x="382" y="202"/>
                  </a:cubicBezTo>
                  <a:cubicBezTo>
                    <a:pt x="389" y="183"/>
                    <a:pt x="389" y="183"/>
                    <a:pt x="389" y="183"/>
                  </a:cubicBezTo>
                  <a:cubicBezTo>
                    <a:pt x="393" y="174"/>
                    <a:pt x="388" y="164"/>
                    <a:pt x="378" y="160"/>
                  </a:cubicBezTo>
                  <a:close/>
                  <a:moveTo>
                    <a:pt x="279" y="207"/>
                  </a:moveTo>
                  <a:cubicBezTo>
                    <a:pt x="270" y="212"/>
                    <a:pt x="260" y="214"/>
                    <a:pt x="250" y="214"/>
                  </a:cubicBezTo>
                  <a:cubicBezTo>
                    <a:pt x="222" y="214"/>
                    <a:pt x="197" y="197"/>
                    <a:pt x="185" y="172"/>
                  </a:cubicBezTo>
                  <a:cubicBezTo>
                    <a:pt x="169" y="137"/>
                    <a:pt x="184" y="94"/>
                    <a:pt x="220" y="78"/>
                  </a:cubicBezTo>
                  <a:cubicBezTo>
                    <a:pt x="229" y="74"/>
                    <a:pt x="239" y="71"/>
                    <a:pt x="250" y="71"/>
                  </a:cubicBezTo>
                  <a:cubicBezTo>
                    <a:pt x="277" y="71"/>
                    <a:pt x="303" y="88"/>
                    <a:pt x="314" y="113"/>
                  </a:cubicBezTo>
                  <a:cubicBezTo>
                    <a:pt x="331" y="148"/>
                    <a:pt x="315" y="191"/>
                    <a:pt x="279" y="207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60960" tIns="30480" rIns="60960" bIns="30480" numCol="1" anchor="t" anchorCtr="0" compatLnSpc="1"/>
            <a:lstStyle/>
            <a:p>
              <a:endParaRPr lang="en-US" sz="1200">
                <a:latin typeface="Agency FB" panose="020B0503020202020204" pitchFamily="34" charset="0"/>
              </a:endParaRPr>
            </a:p>
          </p:txBody>
        </p:sp>
        <p:sp>
          <p:nvSpPr>
            <p:cNvPr id="93" name="Freeform 5"/>
            <p:cNvSpPr>
              <a:spLocks noEditPoints="1"/>
            </p:cNvSpPr>
            <p:nvPr/>
          </p:nvSpPr>
          <p:spPr bwMode="auto">
            <a:xfrm>
              <a:off x="5164994" y="3655019"/>
              <a:ext cx="521596" cy="411274"/>
            </a:xfrm>
            <a:custGeom>
              <a:avLst/>
              <a:gdLst>
                <a:gd name="T0" fmla="*/ 969 w 1152"/>
                <a:gd name="T1" fmla="*/ 520 h 908"/>
                <a:gd name="T2" fmla="*/ 1145 w 1152"/>
                <a:gd name="T3" fmla="*/ 882 h 908"/>
                <a:gd name="T4" fmla="*/ 1128 w 1152"/>
                <a:gd name="T5" fmla="*/ 908 h 908"/>
                <a:gd name="T6" fmla="*/ 24 w 1152"/>
                <a:gd name="T7" fmla="*/ 908 h 908"/>
                <a:gd name="T8" fmla="*/ 7 w 1152"/>
                <a:gd name="T9" fmla="*/ 882 h 908"/>
                <a:gd name="T10" fmla="*/ 183 w 1152"/>
                <a:gd name="T11" fmla="*/ 520 h 908"/>
                <a:gd name="T12" fmla="*/ 200 w 1152"/>
                <a:gd name="T13" fmla="*/ 510 h 908"/>
                <a:gd name="T14" fmla="*/ 351 w 1152"/>
                <a:gd name="T15" fmla="*/ 510 h 908"/>
                <a:gd name="T16" fmla="*/ 365 w 1152"/>
                <a:gd name="T17" fmla="*/ 516 h 908"/>
                <a:gd name="T18" fmla="*/ 396 w 1152"/>
                <a:gd name="T19" fmla="*/ 551 h 908"/>
                <a:gd name="T20" fmla="*/ 426 w 1152"/>
                <a:gd name="T21" fmla="*/ 584 h 908"/>
                <a:gd name="T22" fmla="*/ 246 w 1152"/>
                <a:gd name="T23" fmla="*/ 584 h 908"/>
                <a:gd name="T24" fmla="*/ 230 w 1152"/>
                <a:gd name="T25" fmla="*/ 594 h 908"/>
                <a:gd name="T26" fmla="*/ 113 w 1152"/>
                <a:gd name="T27" fmla="*/ 834 h 908"/>
                <a:gd name="T28" fmla="*/ 1039 w 1152"/>
                <a:gd name="T29" fmla="*/ 834 h 908"/>
                <a:gd name="T30" fmla="*/ 922 w 1152"/>
                <a:gd name="T31" fmla="*/ 594 h 908"/>
                <a:gd name="T32" fmla="*/ 906 w 1152"/>
                <a:gd name="T33" fmla="*/ 584 h 908"/>
                <a:gd name="T34" fmla="*/ 726 w 1152"/>
                <a:gd name="T35" fmla="*/ 584 h 908"/>
                <a:gd name="T36" fmla="*/ 756 w 1152"/>
                <a:gd name="T37" fmla="*/ 551 h 908"/>
                <a:gd name="T38" fmla="*/ 787 w 1152"/>
                <a:gd name="T39" fmla="*/ 516 h 908"/>
                <a:gd name="T40" fmla="*/ 801 w 1152"/>
                <a:gd name="T41" fmla="*/ 510 h 908"/>
                <a:gd name="T42" fmla="*/ 952 w 1152"/>
                <a:gd name="T43" fmla="*/ 510 h 908"/>
                <a:gd name="T44" fmla="*/ 969 w 1152"/>
                <a:gd name="T45" fmla="*/ 520 h 908"/>
                <a:gd name="T46" fmla="*/ 835 w 1152"/>
                <a:gd name="T47" fmla="*/ 273 h 908"/>
                <a:gd name="T48" fmla="*/ 593 w 1152"/>
                <a:gd name="T49" fmla="*/ 697 h 908"/>
                <a:gd name="T50" fmla="*/ 559 w 1152"/>
                <a:gd name="T51" fmla="*/ 697 h 908"/>
                <a:gd name="T52" fmla="*/ 321 w 1152"/>
                <a:gd name="T53" fmla="*/ 327 h 908"/>
                <a:gd name="T54" fmla="*/ 551 w 1152"/>
                <a:gd name="T55" fmla="*/ 15 h 908"/>
                <a:gd name="T56" fmla="*/ 835 w 1152"/>
                <a:gd name="T57" fmla="*/ 273 h 908"/>
                <a:gd name="T58" fmla="*/ 713 w 1152"/>
                <a:gd name="T59" fmla="*/ 273 h 908"/>
                <a:gd name="T60" fmla="*/ 576 w 1152"/>
                <a:gd name="T61" fmla="*/ 136 h 908"/>
                <a:gd name="T62" fmla="*/ 439 w 1152"/>
                <a:gd name="T63" fmla="*/ 273 h 908"/>
                <a:gd name="T64" fmla="*/ 576 w 1152"/>
                <a:gd name="T65" fmla="*/ 410 h 908"/>
                <a:gd name="T66" fmla="*/ 713 w 1152"/>
                <a:gd name="T67" fmla="*/ 273 h 908"/>
                <a:gd name="T68" fmla="*/ 713 w 1152"/>
                <a:gd name="T69" fmla="*/ 273 h 908"/>
                <a:gd name="T70" fmla="*/ 713 w 1152"/>
                <a:gd name="T71" fmla="*/ 273 h 90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</a:cxnLst>
              <a:rect l="0" t="0" r="r" b="b"/>
              <a:pathLst>
                <a:path w="1152" h="908">
                  <a:moveTo>
                    <a:pt x="969" y="520"/>
                  </a:moveTo>
                  <a:cubicBezTo>
                    <a:pt x="1145" y="882"/>
                    <a:pt x="1145" y="882"/>
                    <a:pt x="1145" y="882"/>
                  </a:cubicBezTo>
                  <a:cubicBezTo>
                    <a:pt x="1152" y="896"/>
                    <a:pt x="1145" y="908"/>
                    <a:pt x="1128" y="908"/>
                  </a:cubicBezTo>
                  <a:cubicBezTo>
                    <a:pt x="24" y="908"/>
                    <a:pt x="24" y="908"/>
                    <a:pt x="24" y="908"/>
                  </a:cubicBezTo>
                  <a:cubicBezTo>
                    <a:pt x="7" y="908"/>
                    <a:pt x="0" y="896"/>
                    <a:pt x="7" y="882"/>
                  </a:cubicBezTo>
                  <a:cubicBezTo>
                    <a:pt x="183" y="520"/>
                    <a:pt x="183" y="520"/>
                    <a:pt x="183" y="520"/>
                  </a:cubicBezTo>
                  <a:cubicBezTo>
                    <a:pt x="186" y="514"/>
                    <a:pt x="193" y="510"/>
                    <a:pt x="200" y="510"/>
                  </a:cubicBezTo>
                  <a:cubicBezTo>
                    <a:pt x="351" y="510"/>
                    <a:pt x="351" y="510"/>
                    <a:pt x="351" y="510"/>
                  </a:cubicBezTo>
                  <a:cubicBezTo>
                    <a:pt x="355" y="510"/>
                    <a:pt x="362" y="512"/>
                    <a:pt x="365" y="516"/>
                  </a:cubicBezTo>
                  <a:cubicBezTo>
                    <a:pt x="375" y="528"/>
                    <a:pt x="385" y="539"/>
                    <a:pt x="396" y="551"/>
                  </a:cubicBezTo>
                  <a:cubicBezTo>
                    <a:pt x="406" y="562"/>
                    <a:pt x="416" y="573"/>
                    <a:pt x="426" y="584"/>
                  </a:cubicBezTo>
                  <a:cubicBezTo>
                    <a:pt x="246" y="584"/>
                    <a:pt x="246" y="584"/>
                    <a:pt x="246" y="584"/>
                  </a:cubicBezTo>
                  <a:cubicBezTo>
                    <a:pt x="240" y="584"/>
                    <a:pt x="232" y="589"/>
                    <a:pt x="230" y="594"/>
                  </a:cubicBezTo>
                  <a:cubicBezTo>
                    <a:pt x="113" y="834"/>
                    <a:pt x="113" y="834"/>
                    <a:pt x="113" y="834"/>
                  </a:cubicBezTo>
                  <a:cubicBezTo>
                    <a:pt x="1039" y="834"/>
                    <a:pt x="1039" y="834"/>
                    <a:pt x="1039" y="834"/>
                  </a:cubicBezTo>
                  <a:cubicBezTo>
                    <a:pt x="922" y="594"/>
                    <a:pt x="922" y="594"/>
                    <a:pt x="922" y="594"/>
                  </a:cubicBezTo>
                  <a:cubicBezTo>
                    <a:pt x="920" y="589"/>
                    <a:pt x="912" y="584"/>
                    <a:pt x="906" y="584"/>
                  </a:cubicBezTo>
                  <a:cubicBezTo>
                    <a:pt x="726" y="584"/>
                    <a:pt x="726" y="584"/>
                    <a:pt x="726" y="584"/>
                  </a:cubicBezTo>
                  <a:cubicBezTo>
                    <a:pt x="736" y="573"/>
                    <a:pt x="746" y="562"/>
                    <a:pt x="756" y="551"/>
                  </a:cubicBezTo>
                  <a:cubicBezTo>
                    <a:pt x="766" y="539"/>
                    <a:pt x="777" y="528"/>
                    <a:pt x="787" y="516"/>
                  </a:cubicBezTo>
                  <a:cubicBezTo>
                    <a:pt x="790" y="512"/>
                    <a:pt x="796" y="510"/>
                    <a:pt x="801" y="510"/>
                  </a:cubicBezTo>
                  <a:cubicBezTo>
                    <a:pt x="952" y="510"/>
                    <a:pt x="952" y="510"/>
                    <a:pt x="952" y="510"/>
                  </a:cubicBezTo>
                  <a:cubicBezTo>
                    <a:pt x="959" y="510"/>
                    <a:pt x="966" y="514"/>
                    <a:pt x="969" y="520"/>
                  </a:cubicBezTo>
                  <a:close/>
                  <a:moveTo>
                    <a:pt x="835" y="273"/>
                  </a:moveTo>
                  <a:cubicBezTo>
                    <a:pt x="835" y="470"/>
                    <a:pt x="670" y="508"/>
                    <a:pt x="593" y="697"/>
                  </a:cubicBezTo>
                  <a:cubicBezTo>
                    <a:pt x="587" y="713"/>
                    <a:pt x="565" y="713"/>
                    <a:pt x="559" y="697"/>
                  </a:cubicBezTo>
                  <a:cubicBezTo>
                    <a:pt x="489" y="526"/>
                    <a:pt x="348" y="479"/>
                    <a:pt x="321" y="327"/>
                  </a:cubicBezTo>
                  <a:cubicBezTo>
                    <a:pt x="295" y="176"/>
                    <a:pt x="399" y="29"/>
                    <a:pt x="551" y="15"/>
                  </a:cubicBezTo>
                  <a:cubicBezTo>
                    <a:pt x="705" y="0"/>
                    <a:pt x="835" y="121"/>
                    <a:pt x="835" y="273"/>
                  </a:cubicBezTo>
                  <a:close/>
                  <a:moveTo>
                    <a:pt x="713" y="273"/>
                  </a:moveTo>
                  <a:cubicBezTo>
                    <a:pt x="713" y="197"/>
                    <a:pt x="651" y="136"/>
                    <a:pt x="576" y="136"/>
                  </a:cubicBezTo>
                  <a:cubicBezTo>
                    <a:pt x="500" y="136"/>
                    <a:pt x="439" y="197"/>
                    <a:pt x="439" y="273"/>
                  </a:cubicBezTo>
                  <a:cubicBezTo>
                    <a:pt x="439" y="348"/>
                    <a:pt x="500" y="410"/>
                    <a:pt x="576" y="410"/>
                  </a:cubicBezTo>
                  <a:cubicBezTo>
                    <a:pt x="651" y="410"/>
                    <a:pt x="713" y="348"/>
                    <a:pt x="713" y="273"/>
                  </a:cubicBezTo>
                  <a:close/>
                  <a:moveTo>
                    <a:pt x="713" y="273"/>
                  </a:moveTo>
                  <a:cubicBezTo>
                    <a:pt x="713" y="273"/>
                    <a:pt x="713" y="273"/>
                    <a:pt x="713" y="273"/>
                  </a:cubicBezTo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60960" tIns="30480" rIns="60960" bIns="30480" numCol="1" anchor="t" anchorCtr="0" compatLnSpc="1"/>
            <a:lstStyle/>
            <a:p>
              <a:endParaRPr lang="en-US" sz="1200">
                <a:latin typeface="Agency FB" panose="020B0503020202020204" pitchFamily="34" charset="0"/>
              </a:endParaRPr>
            </a:p>
          </p:txBody>
        </p:sp>
        <p:sp>
          <p:nvSpPr>
            <p:cNvPr id="94" name="Freeform 9"/>
            <p:cNvSpPr>
              <a:spLocks noEditPoints="1"/>
            </p:cNvSpPr>
            <p:nvPr/>
          </p:nvSpPr>
          <p:spPr bwMode="auto">
            <a:xfrm>
              <a:off x="7399617" y="2758410"/>
              <a:ext cx="458258" cy="418042"/>
            </a:xfrm>
            <a:custGeom>
              <a:avLst/>
              <a:gdLst>
                <a:gd name="T0" fmla="*/ 872 w 929"/>
                <a:gd name="T1" fmla="*/ 232 h 850"/>
                <a:gd name="T2" fmla="*/ 814 w 929"/>
                <a:gd name="T3" fmla="*/ 177 h 850"/>
                <a:gd name="T4" fmla="*/ 512 w 929"/>
                <a:gd name="T5" fmla="*/ 491 h 850"/>
                <a:gd name="T6" fmla="*/ 484 w 929"/>
                <a:gd name="T7" fmla="*/ 504 h 850"/>
                <a:gd name="T8" fmla="*/ 484 w 929"/>
                <a:gd name="T9" fmla="*/ 504 h 850"/>
                <a:gd name="T10" fmla="*/ 455 w 929"/>
                <a:gd name="T11" fmla="*/ 491 h 850"/>
                <a:gd name="T12" fmla="*/ 297 w 929"/>
                <a:gd name="T13" fmla="*/ 328 h 850"/>
                <a:gd name="T14" fmla="*/ 73 w 929"/>
                <a:gd name="T15" fmla="*/ 564 h 850"/>
                <a:gd name="T16" fmla="*/ 44 w 929"/>
                <a:gd name="T17" fmla="*/ 577 h 850"/>
                <a:gd name="T18" fmla="*/ 17 w 929"/>
                <a:gd name="T19" fmla="*/ 566 h 850"/>
                <a:gd name="T20" fmla="*/ 15 w 929"/>
                <a:gd name="T21" fmla="*/ 509 h 850"/>
                <a:gd name="T22" fmla="*/ 268 w 929"/>
                <a:gd name="T23" fmla="*/ 243 h 850"/>
                <a:gd name="T24" fmla="*/ 297 w 929"/>
                <a:gd name="T25" fmla="*/ 231 h 850"/>
                <a:gd name="T26" fmla="*/ 297 w 929"/>
                <a:gd name="T27" fmla="*/ 231 h 850"/>
                <a:gd name="T28" fmla="*/ 326 w 929"/>
                <a:gd name="T29" fmla="*/ 243 h 850"/>
                <a:gd name="T30" fmla="*/ 484 w 929"/>
                <a:gd name="T31" fmla="*/ 406 h 850"/>
                <a:gd name="T32" fmla="*/ 757 w 929"/>
                <a:gd name="T33" fmla="*/ 122 h 850"/>
                <a:gd name="T34" fmla="*/ 699 w 929"/>
                <a:gd name="T35" fmla="*/ 67 h 850"/>
                <a:gd name="T36" fmla="*/ 929 w 929"/>
                <a:gd name="T37" fmla="*/ 0 h 850"/>
                <a:gd name="T38" fmla="*/ 872 w 929"/>
                <a:gd name="T39" fmla="*/ 232 h 850"/>
                <a:gd name="T40" fmla="*/ 44 w 929"/>
                <a:gd name="T41" fmla="*/ 630 h 850"/>
                <a:gd name="T42" fmla="*/ 18 w 929"/>
                <a:gd name="T43" fmla="*/ 626 h 850"/>
                <a:gd name="T44" fmla="*/ 18 w 929"/>
                <a:gd name="T45" fmla="*/ 850 h 850"/>
                <a:gd name="T46" fmla="*/ 138 w 929"/>
                <a:gd name="T47" fmla="*/ 850 h 850"/>
                <a:gd name="T48" fmla="*/ 138 w 929"/>
                <a:gd name="T49" fmla="*/ 574 h 850"/>
                <a:gd name="T50" fmla="*/ 112 w 929"/>
                <a:gd name="T51" fmla="*/ 601 h 850"/>
                <a:gd name="T52" fmla="*/ 44 w 929"/>
                <a:gd name="T53" fmla="*/ 630 h 850"/>
                <a:gd name="T54" fmla="*/ 164 w 929"/>
                <a:gd name="T55" fmla="*/ 850 h 850"/>
                <a:gd name="T56" fmla="*/ 284 w 929"/>
                <a:gd name="T57" fmla="*/ 850 h 850"/>
                <a:gd name="T58" fmla="*/ 284 w 929"/>
                <a:gd name="T59" fmla="*/ 420 h 850"/>
                <a:gd name="T60" fmla="*/ 164 w 929"/>
                <a:gd name="T61" fmla="*/ 546 h 850"/>
                <a:gd name="T62" fmla="*/ 164 w 929"/>
                <a:gd name="T63" fmla="*/ 850 h 850"/>
                <a:gd name="T64" fmla="*/ 417 w 929"/>
                <a:gd name="T65" fmla="*/ 528 h 850"/>
                <a:gd name="T66" fmla="*/ 311 w 929"/>
                <a:gd name="T67" fmla="*/ 418 h 850"/>
                <a:gd name="T68" fmla="*/ 311 w 929"/>
                <a:gd name="T69" fmla="*/ 850 h 850"/>
                <a:gd name="T70" fmla="*/ 430 w 929"/>
                <a:gd name="T71" fmla="*/ 850 h 850"/>
                <a:gd name="T72" fmla="*/ 430 w 929"/>
                <a:gd name="T73" fmla="*/ 540 h 850"/>
                <a:gd name="T74" fmla="*/ 417 w 929"/>
                <a:gd name="T75" fmla="*/ 528 h 850"/>
                <a:gd name="T76" fmla="*/ 484 w 929"/>
                <a:gd name="T77" fmla="*/ 557 h 850"/>
                <a:gd name="T78" fmla="*/ 457 w 929"/>
                <a:gd name="T79" fmla="*/ 553 h 850"/>
                <a:gd name="T80" fmla="*/ 457 w 929"/>
                <a:gd name="T81" fmla="*/ 850 h 850"/>
                <a:gd name="T82" fmla="*/ 577 w 929"/>
                <a:gd name="T83" fmla="*/ 850 h 850"/>
                <a:gd name="T84" fmla="*/ 577 w 929"/>
                <a:gd name="T85" fmla="*/ 501 h 850"/>
                <a:gd name="T86" fmla="*/ 551 w 929"/>
                <a:gd name="T87" fmla="*/ 528 h 850"/>
                <a:gd name="T88" fmla="*/ 484 w 929"/>
                <a:gd name="T89" fmla="*/ 557 h 850"/>
                <a:gd name="T90" fmla="*/ 603 w 929"/>
                <a:gd name="T91" fmla="*/ 473 h 850"/>
                <a:gd name="T92" fmla="*/ 603 w 929"/>
                <a:gd name="T93" fmla="*/ 850 h 850"/>
                <a:gd name="T94" fmla="*/ 723 w 929"/>
                <a:gd name="T95" fmla="*/ 850 h 850"/>
                <a:gd name="T96" fmla="*/ 723 w 929"/>
                <a:gd name="T97" fmla="*/ 349 h 850"/>
                <a:gd name="T98" fmla="*/ 603 w 929"/>
                <a:gd name="T99" fmla="*/ 473 h 850"/>
                <a:gd name="T100" fmla="*/ 816 w 929"/>
                <a:gd name="T101" fmla="*/ 252 h 850"/>
                <a:gd name="T102" fmla="*/ 750 w 929"/>
                <a:gd name="T103" fmla="*/ 321 h 850"/>
                <a:gd name="T104" fmla="*/ 750 w 929"/>
                <a:gd name="T105" fmla="*/ 850 h 850"/>
                <a:gd name="T106" fmla="*/ 870 w 929"/>
                <a:gd name="T107" fmla="*/ 850 h 850"/>
                <a:gd name="T108" fmla="*/ 870 w 929"/>
                <a:gd name="T109" fmla="*/ 304 h 850"/>
                <a:gd name="T110" fmla="*/ 816 w 929"/>
                <a:gd name="T111" fmla="*/ 252 h 850"/>
                <a:gd name="T112" fmla="*/ 816 w 929"/>
                <a:gd name="T113" fmla="*/ 252 h 850"/>
                <a:gd name="T114" fmla="*/ 816 w 929"/>
                <a:gd name="T115" fmla="*/ 252 h 85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929" h="850">
                  <a:moveTo>
                    <a:pt x="872" y="232"/>
                  </a:moveTo>
                  <a:cubicBezTo>
                    <a:pt x="814" y="177"/>
                    <a:pt x="814" y="177"/>
                    <a:pt x="814" y="177"/>
                  </a:cubicBezTo>
                  <a:cubicBezTo>
                    <a:pt x="512" y="491"/>
                    <a:pt x="512" y="491"/>
                    <a:pt x="512" y="491"/>
                  </a:cubicBezTo>
                  <a:cubicBezTo>
                    <a:pt x="505" y="499"/>
                    <a:pt x="494" y="504"/>
                    <a:pt x="484" y="504"/>
                  </a:cubicBezTo>
                  <a:cubicBezTo>
                    <a:pt x="484" y="504"/>
                    <a:pt x="484" y="504"/>
                    <a:pt x="484" y="504"/>
                  </a:cubicBezTo>
                  <a:cubicBezTo>
                    <a:pt x="473" y="504"/>
                    <a:pt x="462" y="499"/>
                    <a:pt x="455" y="491"/>
                  </a:cubicBezTo>
                  <a:cubicBezTo>
                    <a:pt x="297" y="328"/>
                    <a:pt x="297" y="328"/>
                    <a:pt x="297" y="328"/>
                  </a:cubicBezTo>
                  <a:cubicBezTo>
                    <a:pt x="73" y="564"/>
                    <a:pt x="73" y="564"/>
                    <a:pt x="73" y="564"/>
                  </a:cubicBezTo>
                  <a:cubicBezTo>
                    <a:pt x="65" y="573"/>
                    <a:pt x="55" y="577"/>
                    <a:pt x="44" y="577"/>
                  </a:cubicBezTo>
                  <a:cubicBezTo>
                    <a:pt x="34" y="577"/>
                    <a:pt x="25" y="573"/>
                    <a:pt x="17" y="566"/>
                  </a:cubicBezTo>
                  <a:cubicBezTo>
                    <a:pt x="1" y="551"/>
                    <a:pt x="0" y="525"/>
                    <a:pt x="15" y="509"/>
                  </a:cubicBezTo>
                  <a:cubicBezTo>
                    <a:pt x="268" y="243"/>
                    <a:pt x="268" y="243"/>
                    <a:pt x="268" y="243"/>
                  </a:cubicBezTo>
                  <a:cubicBezTo>
                    <a:pt x="276" y="235"/>
                    <a:pt x="286" y="231"/>
                    <a:pt x="297" y="231"/>
                  </a:cubicBezTo>
                  <a:cubicBezTo>
                    <a:pt x="297" y="231"/>
                    <a:pt x="297" y="231"/>
                    <a:pt x="297" y="231"/>
                  </a:cubicBezTo>
                  <a:cubicBezTo>
                    <a:pt x="308" y="231"/>
                    <a:pt x="318" y="235"/>
                    <a:pt x="326" y="243"/>
                  </a:cubicBezTo>
                  <a:cubicBezTo>
                    <a:pt x="484" y="406"/>
                    <a:pt x="484" y="406"/>
                    <a:pt x="484" y="406"/>
                  </a:cubicBezTo>
                  <a:cubicBezTo>
                    <a:pt x="757" y="122"/>
                    <a:pt x="757" y="122"/>
                    <a:pt x="757" y="122"/>
                  </a:cubicBezTo>
                  <a:cubicBezTo>
                    <a:pt x="699" y="67"/>
                    <a:pt x="699" y="67"/>
                    <a:pt x="699" y="67"/>
                  </a:cubicBezTo>
                  <a:cubicBezTo>
                    <a:pt x="929" y="0"/>
                    <a:pt x="929" y="0"/>
                    <a:pt x="929" y="0"/>
                  </a:cubicBezTo>
                  <a:lnTo>
                    <a:pt x="872" y="232"/>
                  </a:lnTo>
                  <a:close/>
                  <a:moveTo>
                    <a:pt x="44" y="630"/>
                  </a:moveTo>
                  <a:cubicBezTo>
                    <a:pt x="35" y="630"/>
                    <a:pt x="26" y="629"/>
                    <a:pt x="18" y="626"/>
                  </a:cubicBezTo>
                  <a:cubicBezTo>
                    <a:pt x="18" y="850"/>
                    <a:pt x="18" y="850"/>
                    <a:pt x="18" y="850"/>
                  </a:cubicBezTo>
                  <a:cubicBezTo>
                    <a:pt x="138" y="850"/>
                    <a:pt x="138" y="850"/>
                    <a:pt x="138" y="850"/>
                  </a:cubicBezTo>
                  <a:cubicBezTo>
                    <a:pt x="138" y="574"/>
                    <a:pt x="138" y="574"/>
                    <a:pt x="138" y="574"/>
                  </a:cubicBezTo>
                  <a:cubicBezTo>
                    <a:pt x="112" y="601"/>
                    <a:pt x="112" y="601"/>
                    <a:pt x="112" y="601"/>
                  </a:cubicBezTo>
                  <a:cubicBezTo>
                    <a:pt x="94" y="619"/>
                    <a:pt x="70" y="630"/>
                    <a:pt x="44" y="630"/>
                  </a:cubicBezTo>
                  <a:close/>
                  <a:moveTo>
                    <a:pt x="164" y="850"/>
                  </a:moveTo>
                  <a:cubicBezTo>
                    <a:pt x="284" y="850"/>
                    <a:pt x="284" y="850"/>
                    <a:pt x="284" y="850"/>
                  </a:cubicBezTo>
                  <a:cubicBezTo>
                    <a:pt x="284" y="420"/>
                    <a:pt x="284" y="420"/>
                    <a:pt x="284" y="420"/>
                  </a:cubicBezTo>
                  <a:cubicBezTo>
                    <a:pt x="164" y="546"/>
                    <a:pt x="164" y="546"/>
                    <a:pt x="164" y="546"/>
                  </a:cubicBezTo>
                  <a:lnTo>
                    <a:pt x="164" y="850"/>
                  </a:lnTo>
                  <a:close/>
                  <a:moveTo>
                    <a:pt x="417" y="528"/>
                  </a:moveTo>
                  <a:cubicBezTo>
                    <a:pt x="311" y="418"/>
                    <a:pt x="311" y="418"/>
                    <a:pt x="311" y="418"/>
                  </a:cubicBezTo>
                  <a:cubicBezTo>
                    <a:pt x="311" y="850"/>
                    <a:pt x="311" y="850"/>
                    <a:pt x="311" y="850"/>
                  </a:cubicBezTo>
                  <a:cubicBezTo>
                    <a:pt x="430" y="850"/>
                    <a:pt x="430" y="850"/>
                    <a:pt x="430" y="850"/>
                  </a:cubicBezTo>
                  <a:cubicBezTo>
                    <a:pt x="430" y="540"/>
                    <a:pt x="430" y="540"/>
                    <a:pt x="430" y="540"/>
                  </a:cubicBezTo>
                  <a:cubicBezTo>
                    <a:pt x="425" y="537"/>
                    <a:pt x="421" y="533"/>
                    <a:pt x="417" y="528"/>
                  </a:cubicBezTo>
                  <a:close/>
                  <a:moveTo>
                    <a:pt x="484" y="557"/>
                  </a:moveTo>
                  <a:cubicBezTo>
                    <a:pt x="474" y="557"/>
                    <a:pt x="466" y="555"/>
                    <a:pt x="457" y="553"/>
                  </a:cubicBezTo>
                  <a:cubicBezTo>
                    <a:pt x="457" y="850"/>
                    <a:pt x="457" y="850"/>
                    <a:pt x="457" y="850"/>
                  </a:cubicBezTo>
                  <a:cubicBezTo>
                    <a:pt x="577" y="850"/>
                    <a:pt x="577" y="850"/>
                    <a:pt x="577" y="850"/>
                  </a:cubicBezTo>
                  <a:cubicBezTo>
                    <a:pt x="577" y="501"/>
                    <a:pt x="577" y="501"/>
                    <a:pt x="577" y="501"/>
                  </a:cubicBezTo>
                  <a:cubicBezTo>
                    <a:pt x="551" y="528"/>
                    <a:pt x="551" y="528"/>
                    <a:pt x="551" y="528"/>
                  </a:cubicBezTo>
                  <a:cubicBezTo>
                    <a:pt x="533" y="546"/>
                    <a:pt x="509" y="557"/>
                    <a:pt x="484" y="557"/>
                  </a:cubicBezTo>
                  <a:close/>
                  <a:moveTo>
                    <a:pt x="603" y="473"/>
                  </a:moveTo>
                  <a:cubicBezTo>
                    <a:pt x="603" y="850"/>
                    <a:pt x="603" y="850"/>
                    <a:pt x="603" y="850"/>
                  </a:cubicBezTo>
                  <a:cubicBezTo>
                    <a:pt x="723" y="850"/>
                    <a:pt x="723" y="850"/>
                    <a:pt x="723" y="850"/>
                  </a:cubicBezTo>
                  <a:cubicBezTo>
                    <a:pt x="723" y="349"/>
                    <a:pt x="723" y="349"/>
                    <a:pt x="723" y="349"/>
                  </a:cubicBezTo>
                  <a:lnTo>
                    <a:pt x="603" y="473"/>
                  </a:lnTo>
                  <a:close/>
                  <a:moveTo>
                    <a:pt x="816" y="252"/>
                  </a:moveTo>
                  <a:cubicBezTo>
                    <a:pt x="750" y="321"/>
                    <a:pt x="750" y="321"/>
                    <a:pt x="750" y="321"/>
                  </a:cubicBezTo>
                  <a:cubicBezTo>
                    <a:pt x="750" y="850"/>
                    <a:pt x="750" y="850"/>
                    <a:pt x="750" y="850"/>
                  </a:cubicBezTo>
                  <a:cubicBezTo>
                    <a:pt x="870" y="850"/>
                    <a:pt x="870" y="850"/>
                    <a:pt x="870" y="850"/>
                  </a:cubicBezTo>
                  <a:cubicBezTo>
                    <a:pt x="870" y="304"/>
                    <a:pt x="870" y="304"/>
                    <a:pt x="870" y="304"/>
                  </a:cubicBezTo>
                  <a:lnTo>
                    <a:pt x="816" y="252"/>
                  </a:lnTo>
                  <a:close/>
                  <a:moveTo>
                    <a:pt x="816" y="252"/>
                  </a:moveTo>
                  <a:cubicBezTo>
                    <a:pt x="816" y="252"/>
                    <a:pt x="816" y="252"/>
                    <a:pt x="816" y="252"/>
                  </a:cubicBezTo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60960" tIns="30480" rIns="60960" bIns="30480" numCol="1" anchor="t" anchorCtr="0" compatLnSpc="1"/>
            <a:lstStyle/>
            <a:p>
              <a:endParaRPr lang="en-US" sz="1200">
                <a:latin typeface="Agency FB" panose="020B0503020202020204" pitchFamily="34" charset="0"/>
              </a:endParaRPr>
            </a:p>
          </p:txBody>
        </p:sp>
        <p:sp>
          <p:nvSpPr>
            <p:cNvPr id="95" name="Freeform 13"/>
            <p:cNvSpPr/>
            <p:nvPr/>
          </p:nvSpPr>
          <p:spPr bwMode="auto">
            <a:xfrm>
              <a:off x="6311400" y="2940502"/>
              <a:ext cx="452966" cy="412751"/>
            </a:xfrm>
            <a:custGeom>
              <a:avLst/>
              <a:gdLst>
                <a:gd name="T0" fmla="*/ 65 w 84"/>
                <a:gd name="T1" fmla="*/ 32 h 76"/>
                <a:gd name="T2" fmla="*/ 76 w 84"/>
                <a:gd name="T3" fmla="*/ 30 h 76"/>
                <a:gd name="T4" fmla="*/ 82 w 84"/>
                <a:gd name="T5" fmla="*/ 10 h 76"/>
                <a:gd name="T6" fmla="*/ 74 w 84"/>
                <a:gd name="T7" fmla="*/ 1 h 76"/>
                <a:gd name="T8" fmla="*/ 54 w 84"/>
                <a:gd name="T9" fmla="*/ 5 h 76"/>
                <a:gd name="T10" fmla="*/ 50 w 84"/>
                <a:gd name="T11" fmla="*/ 15 h 76"/>
                <a:gd name="T12" fmla="*/ 55 w 84"/>
                <a:gd name="T13" fmla="*/ 21 h 76"/>
                <a:gd name="T14" fmla="*/ 11 w 84"/>
                <a:gd name="T15" fmla="*/ 60 h 76"/>
                <a:gd name="T16" fmla="*/ 9 w 84"/>
                <a:gd name="T17" fmla="*/ 33 h 76"/>
                <a:gd name="T18" fmla="*/ 13 w 84"/>
                <a:gd name="T19" fmla="*/ 29 h 76"/>
                <a:gd name="T20" fmla="*/ 28 w 84"/>
                <a:gd name="T21" fmla="*/ 28 h 76"/>
                <a:gd name="T22" fmla="*/ 30 w 84"/>
                <a:gd name="T23" fmla="*/ 9 h 76"/>
                <a:gd name="T24" fmla="*/ 11 w 84"/>
                <a:gd name="T25" fmla="*/ 8 h 76"/>
                <a:gd name="T26" fmla="*/ 7 w 84"/>
                <a:gd name="T27" fmla="*/ 23 h 76"/>
                <a:gd name="T28" fmla="*/ 4 w 84"/>
                <a:gd name="T29" fmla="*/ 27 h 76"/>
                <a:gd name="T30" fmla="*/ 0 w 84"/>
                <a:gd name="T31" fmla="*/ 35 h 76"/>
                <a:gd name="T32" fmla="*/ 3 w 84"/>
                <a:gd name="T33" fmla="*/ 66 h 76"/>
                <a:gd name="T34" fmla="*/ 42 w 84"/>
                <a:gd name="T35" fmla="*/ 75 h 76"/>
                <a:gd name="T36" fmla="*/ 51 w 84"/>
                <a:gd name="T37" fmla="*/ 73 h 76"/>
                <a:gd name="T38" fmla="*/ 57 w 84"/>
                <a:gd name="T39" fmla="*/ 68 h 76"/>
                <a:gd name="T40" fmla="*/ 58 w 84"/>
                <a:gd name="T41" fmla="*/ 70 h 76"/>
                <a:gd name="T42" fmla="*/ 69 w 84"/>
                <a:gd name="T43" fmla="*/ 71 h 76"/>
                <a:gd name="T44" fmla="*/ 77 w 84"/>
                <a:gd name="T45" fmla="*/ 63 h 76"/>
                <a:gd name="T46" fmla="*/ 78 w 84"/>
                <a:gd name="T47" fmla="*/ 53 h 76"/>
                <a:gd name="T48" fmla="*/ 69 w 84"/>
                <a:gd name="T49" fmla="*/ 43 h 76"/>
                <a:gd name="T50" fmla="*/ 58 w 84"/>
                <a:gd name="T51" fmla="*/ 42 h 76"/>
                <a:gd name="T52" fmla="*/ 50 w 84"/>
                <a:gd name="T53" fmla="*/ 50 h 76"/>
                <a:gd name="T54" fmla="*/ 49 w 84"/>
                <a:gd name="T55" fmla="*/ 60 h 76"/>
                <a:gd name="T56" fmla="*/ 51 w 84"/>
                <a:gd name="T57" fmla="*/ 62 h 76"/>
                <a:gd name="T58" fmla="*/ 45 w 84"/>
                <a:gd name="T59" fmla="*/ 67 h 76"/>
                <a:gd name="T60" fmla="*/ 22 w 84"/>
                <a:gd name="T61" fmla="*/ 62 h 76"/>
                <a:gd name="T62" fmla="*/ 61 w 84"/>
                <a:gd name="T63" fmla="*/ 27 h 76"/>
                <a:gd name="T64" fmla="*/ 65 w 84"/>
                <a:gd name="T65" fmla="*/ 32 h 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</a:cxnLst>
              <a:rect l="0" t="0" r="r" b="b"/>
              <a:pathLst>
                <a:path w="84" h="76">
                  <a:moveTo>
                    <a:pt x="65" y="32"/>
                  </a:moveTo>
                  <a:cubicBezTo>
                    <a:pt x="69" y="36"/>
                    <a:pt x="75" y="34"/>
                    <a:pt x="76" y="30"/>
                  </a:cubicBezTo>
                  <a:cubicBezTo>
                    <a:pt x="82" y="10"/>
                    <a:pt x="82" y="10"/>
                    <a:pt x="82" y="10"/>
                  </a:cubicBezTo>
                  <a:cubicBezTo>
                    <a:pt x="84" y="5"/>
                    <a:pt x="79" y="0"/>
                    <a:pt x="74" y="1"/>
                  </a:cubicBezTo>
                  <a:cubicBezTo>
                    <a:pt x="54" y="5"/>
                    <a:pt x="54" y="5"/>
                    <a:pt x="54" y="5"/>
                  </a:cubicBezTo>
                  <a:cubicBezTo>
                    <a:pt x="49" y="6"/>
                    <a:pt x="47" y="11"/>
                    <a:pt x="50" y="15"/>
                  </a:cubicBezTo>
                  <a:cubicBezTo>
                    <a:pt x="55" y="21"/>
                    <a:pt x="55" y="21"/>
                    <a:pt x="55" y="21"/>
                  </a:cubicBezTo>
                  <a:cubicBezTo>
                    <a:pt x="11" y="60"/>
                    <a:pt x="11" y="60"/>
                    <a:pt x="11" y="60"/>
                  </a:cubicBezTo>
                  <a:cubicBezTo>
                    <a:pt x="9" y="33"/>
                    <a:pt x="9" y="33"/>
                    <a:pt x="9" y="33"/>
                  </a:cubicBezTo>
                  <a:cubicBezTo>
                    <a:pt x="13" y="29"/>
                    <a:pt x="13" y="29"/>
                    <a:pt x="13" y="29"/>
                  </a:cubicBezTo>
                  <a:cubicBezTo>
                    <a:pt x="18" y="32"/>
                    <a:pt x="24" y="32"/>
                    <a:pt x="28" y="28"/>
                  </a:cubicBezTo>
                  <a:cubicBezTo>
                    <a:pt x="34" y="23"/>
                    <a:pt x="34" y="15"/>
                    <a:pt x="30" y="9"/>
                  </a:cubicBezTo>
                  <a:cubicBezTo>
                    <a:pt x="25" y="3"/>
                    <a:pt x="16" y="3"/>
                    <a:pt x="11" y="8"/>
                  </a:cubicBezTo>
                  <a:cubicBezTo>
                    <a:pt x="6" y="12"/>
                    <a:pt x="5" y="18"/>
                    <a:pt x="7" y="23"/>
                  </a:cubicBezTo>
                  <a:cubicBezTo>
                    <a:pt x="4" y="27"/>
                    <a:pt x="4" y="27"/>
                    <a:pt x="4" y="27"/>
                  </a:cubicBezTo>
                  <a:cubicBezTo>
                    <a:pt x="1" y="29"/>
                    <a:pt x="0" y="32"/>
                    <a:pt x="0" y="35"/>
                  </a:cubicBezTo>
                  <a:cubicBezTo>
                    <a:pt x="3" y="66"/>
                    <a:pt x="3" y="66"/>
                    <a:pt x="3" y="66"/>
                  </a:cubicBezTo>
                  <a:cubicBezTo>
                    <a:pt x="42" y="75"/>
                    <a:pt x="42" y="75"/>
                    <a:pt x="42" y="75"/>
                  </a:cubicBezTo>
                  <a:cubicBezTo>
                    <a:pt x="46" y="76"/>
                    <a:pt x="49" y="75"/>
                    <a:pt x="51" y="73"/>
                  </a:cubicBezTo>
                  <a:cubicBezTo>
                    <a:pt x="57" y="68"/>
                    <a:pt x="57" y="68"/>
                    <a:pt x="57" y="68"/>
                  </a:cubicBezTo>
                  <a:cubicBezTo>
                    <a:pt x="58" y="70"/>
                    <a:pt x="58" y="70"/>
                    <a:pt x="58" y="70"/>
                  </a:cubicBezTo>
                  <a:cubicBezTo>
                    <a:pt x="61" y="73"/>
                    <a:pt x="66" y="73"/>
                    <a:pt x="69" y="71"/>
                  </a:cubicBezTo>
                  <a:cubicBezTo>
                    <a:pt x="77" y="63"/>
                    <a:pt x="77" y="63"/>
                    <a:pt x="77" y="63"/>
                  </a:cubicBezTo>
                  <a:cubicBezTo>
                    <a:pt x="80" y="60"/>
                    <a:pt x="80" y="56"/>
                    <a:pt x="78" y="53"/>
                  </a:cubicBezTo>
                  <a:cubicBezTo>
                    <a:pt x="69" y="43"/>
                    <a:pt x="69" y="43"/>
                    <a:pt x="69" y="43"/>
                  </a:cubicBezTo>
                  <a:cubicBezTo>
                    <a:pt x="66" y="40"/>
                    <a:pt x="61" y="39"/>
                    <a:pt x="58" y="42"/>
                  </a:cubicBezTo>
                  <a:cubicBezTo>
                    <a:pt x="50" y="50"/>
                    <a:pt x="50" y="50"/>
                    <a:pt x="50" y="50"/>
                  </a:cubicBezTo>
                  <a:cubicBezTo>
                    <a:pt x="47" y="52"/>
                    <a:pt x="47" y="57"/>
                    <a:pt x="49" y="60"/>
                  </a:cubicBezTo>
                  <a:cubicBezTo>
                    <a:pt x="51" y="62"/>
                    <a:pt x="51" y="62"/>
                    <a:pt x="51" y="62"/>
                  </a:cubicBezTo>
                  <a:cubicBezTo>
                    <a:pt x="45" y="67"/>
                    <a:pt x="45" y="67"/>
                    <a:pt x="45" y="67"/>
                  </a:cubicBezTo>
                  <a:cubicBezTo>
                    <a:pt x="22" y="62"/>
                    <a:pt x="22" y="62"/>
                    <a:pt x="22" y="62"/>
                  </a:cubicBezTo>
                  <a:cubicBezTo>
                    <a:pt x="61" y="27"/>
                    <a:pt x="61" y="27"/>
                    <a:pt x="61" y="27"/>
                  </a:cubicBezTo>
                  <a:lnTo>
                    <a:pt x="65" y="32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60960" tIns="30480" rIns="60960" bIns="30480" numCol="1" anchor="t" anchorCtr="0" compatLnSpc="1"/>
            <a:lstStyle/>
            <a:p>
              <a:endParaRPr lang="en-US" sz="1200">
                <a:latin typeface="Agency FB" panose="020B0503020202020204" pitchFamily="34" charset="0"/>
              </a:endParaRPr>
            </a:p>
          </p:txBody>
        </p:sp>
      </p:grpSp>
      <p:sp>
        <p:nvSpPr>
          <p:cNvPr id="107" name="文本框 106"/>
          <p:cNvSpPr txBox="1"/>
          <p:nvPr/>
        </p:nvSpPr>
        <p:spPr>
          <a:xfrm>
            <a:off x="1029080" y="2631709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8" name="文本框 107"/>
          <p:cNvSpPr txBox="1"/>
          <p:nvPr/>
        </p:nvSpPr>
        <p:spPr>
          <a:xfrm>
            <a:off x="1032303" y="545615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9" name="文本框 108"/>
          <p:cNvSpPr txBox="1"/>
          <p:nvPr/>
        </p:nvSpPr>
        <p:spPr>
          <a:xfrm>
            <a:off x="8630627" y="2631709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10" name="文本框 109"/>
          <p:cNvSpPr txBox="1"/>
          <p:nvPr/>
        </p:nvSpPr>
        <p:spPr>
          <a:xfrm>
            <a:off x="8630627" y="532644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800" decel="100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800" decel="100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800" decel="100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800" decel="100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1000"/>
                            </p:stCondLst>
                            <p:childTnLst>
                              <p:par>
                                <p:cTn id="1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7" grpId="0"/>
      <p:bldP spid="108" grpId="0"/>
      <p:bldP spid="109" grpId="0"/>
      <p:bldP spid="110" grpId="0"/>
    </p:bld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矩形 85"/>
          <p:cNvSpPr/>
          <p:nvPr/>
        </p:nvSpPr>
        <p:spPr>
          <a:xfrm>
            <a:off x="1419488" y="1664968"/>
            <a:ext cx="3059278" cy="1712912"/>
          </a:xfrm>
          <a:prstGeom prst="rect">
            <a:avLst/>
          </a:prstGeom>
          <a:blipFill rotWithShape="1">
            <a:blip r:embed="rId3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7" name="矩形 86"/>
          <p:cNvSpPr/>
          <p:nvPr/>
        </p:nvSpPr>
        <p:spPr>
          <a:xfrm>
            <a:off x="4566361" y="1664968"/>
            <a:ext cx="3059278" cy="1712912"/>
          </a:xfrm>
          <a:prstGeom prst="rect">
            <a:avLst/>
          </a:prstGeom>
          <a:blipFill rotWithShape="1">
            <a:blip r:embed="rId4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8" name="矩形 87"/>
          <p:cNvSpPr/>
          <p:nvPr/>
        </p:nvSpPr>
        <p:spPr>
          <a:xfrm>
            <a:off x="7713234" y="1664968"/>
            <a:ext cx="3059278" cy="1712912"/>
          </a:xfrm>
          <a:prstGeom prst="rect">
            <a:avLst/>
          </a:prstGeom>
          <a:blipFill>
            <a:blip r:embed="rId5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9" name="矩形 88"/>
          <p:cNvSpPr/>
          <p:nvPr/>
        </p:nvSpPr>
        <p:spPr>
          <a:xfrm>
            <a:off x="1419488" y="3480120"/>
            <a:ext cx="3059278" cy="1712912"/>
          </a:xfrm>
          <a:prstGeom prst="rect">
            <a:avLst/>
          </a:prstGeom>
          <a:blipFill>
            <a:blip r:embed="rId6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90" name="矩形 89"/>
          <p:cNvSpPr/>
          <p:nvPr/>
        </p:nvSpPr>
        <p:spPr>
          <a:xfrm>
            <a:off x="4566361" y="3480120"/>
            <a:ext cx="3059278" cy="171291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91" name="矩形 90"/>
          <p:cNvSpPr/>
          <p:nvPr/>
        </p:nvSpPr>
        <p:spPr>
          <a:xfrm>
            <a:off x="7713234" y="3480120"/>
            <a:ext cx="3059278" cy="1712912"/>
          </a:xfrm>
          <a:prstGeom prst="rect">
            <a:avLst/>
          </a:prstGeom>
          <a:blipFill>
            <a:blip r:embed="rId7"/>
            <a:srcRect/>
            <a:stretch>
              <a:fillRect/>
            </a:stretch>
          </a:blip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92" name="组合 91"/>
          <p:cNvGrpSpPr/>
          <p:nvPr/>
        </p:nvGrpSpPr>
        <p:grpSpPr>
          <a:xfrm>
            <a:off x="5810250" y="3792786"/>
            <a:ext cx="571500" cy="571500"/>
            <a:chOff x="3926364" y="2939880"/>
            <a:chExt cx="571500" cy="571500"/>
          </a:xfrm>
        </p:grpSpPr>
        <p:sp>
          <p:nvSpPr>
            <p:cNvPr id="93" name="Rectangle 29"/>
            <p:cNvSpPr/>
            <p:nvPr/>
          </p:nvSpPr>
          <p:spPr>
            <a:xfrm>
              <a:off x="3926364" y="2939880"/>
              <a:ext cx="571500" cy="571500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dirty="0">
                <a:solidFill>
                  <a:schemeClr val="bg1">
                    <a:lumMod val="95000"/>
                  </a:schemeClr>
                </a:solidFill>
              </a:endParaRPr>
            </a:p>
          </p:txBody>
        </p:sp>
        <p:sp>
          <p:nvSpPr>
            <p:cNvPr id="94" name="Freeform 9"/>
            <p:cNvSpPr/>
            <p:nvPr/>
          </p:nvSpPr>
          <p:spPr bwMode="auto">
            <a:xfrm flipH="1">
              <a:off x="4017264" y="3067948"/>
              <a:ext cx="399429" cy="250217"/>
            </a:xfrm>
            <a:custGeom>
              <a:avLst/>
              <a:gdLst>
                <a:gd name="T0" fmla="*/ 262 w 320"/>
                <a:gd name="T1" fmla="*/ 70 h 200"/>
                <a:gd name="T2" fmla="*/ 163 w 320"/>
                <a:gd name="T3" fmla="*/ 0 h 200"/>
                <a:gd name="T4" fmla="*/ 63 w 320"/>
                <a:gd name="T5" fmla="*/ 94 h 200"/>
                <a:gd name="T6" fmla="*/ 54 w 320"/>
                <a:gd name="T7" fmla="*/ 93 h 200"/>
                <a:gd name="T8" fmla="*/ 0 w 320"/>
                <a:gd name="T9" fmla="*/ 146 h 200"/>
                <a:gd name="T10" fmla="*/ 43 w 320"/>
                <a:gd name="T11" fmla="*/ 200 h 200"/>
                <a:gd name="T12" fmla="*/ 251 w 320"/>
                <a:gd name="T13" fmla="*/ 200 h 200"/>
                <a:gd name="T14" fmla="*/ 320 w 320"/>
                <a:gd name="T15" fmla="*/ 134 h 200"/>
                <a:gd name="T16" fmla="*/ 262 w 320"/>
                <a:gd name="T17" fmla="*/ 70 h 2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320" h="200">
                  <a:moveTo>
                    <a:pt x="262" y="70"/>
                  </a:moveTo>
                  <a:cubicBezTo>
                    <a:pt x="249" y="29"/>
                    <a:pt x="209" y="0"/>
                    <a:pt x="163" y="0"/>
                  </a:cubicBezTo>
                  <a:cubicBezTo>
                    <a:pt x="108" y="0"/>
                    <a:pt x="66" y="41"/>
                    <a:pt x="63" y="94"/>
                  </a:cubicBezTo>
                  <a:cubicBezTo>
                    <a:pt x="60" y="94"/>
                    <a:pt x="57" y="93"/>
                    <a:pt x="54" y="93"/>
                  </a:cubicBezTo>
                  <a:cubicBezTo>
                    <a:pt x="24" y="93"/>
                    <a:pt x="0" y="117"/>
                    <a:pt x="0" y="146"/>
                  </a:cubicBezTo>
                  <a:cubicBezTo>
                    <a:pt x="0" y="171"/>
                    <a:pt x="19" y="195"/>
                    <a:pt x="43" y="200"/>
                  </a:cubicBezTo>
                  <a:cubicBezTo>
                    <a:pt x="251" y="200"/>
                    <a:pt x="251" y="200"/>
                    <a:pt x="251" y="200"/>
                  </a:cubicBezTo>
                  <a:cubicBezTo>
                    <a:pt x="287" y="200"/>
                    <a:pt x="320" y="170"/>
                    <a:pt x="320" y="134"/>
                  </a:cubicBezTo>
                  <a:cubicBezTo>
                    <a:pt x="320" y="101"/>
                    <a:pt x="295" y="74"/>
                    <a:pt x="262" y="70"/>
                  </a:cubicBez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>
              <a:defPPr>
                <a:defRPr lang="zh-CN"/>
              </a:defPPr>
              <a:lvl1pPr marL="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8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0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2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4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600" algn="l" defTabSz="914400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marR="0" lvl="0" indent="0" algn="l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zh-CN" altLang="en-US" sz="1800" b="0" i="0" u="none" strike="noStrike" kern="1200" cap="none" spc="0" normalizeH="0" baseline="0" noProof="0">
                <a:ln>
                  <a:noFill/>
                </a:ln>
                <a:solidFill>
                  <a:sysClr val="windowText" lastClr="000000"/>
                </a:solidFill>
                <a:effectLst/>
                <a:uLnTx/>
                <a:uFillTx/>
                <a:latin typeface="Calibri" panose="020F0502020204030204"/>
                <a:ea typeface="宋体" panose="02010600030101010101" pitchFamily="2" charset="-122"/>
              </a:endParaRPr>
            </a:p>
          </p:txBody>
        </p:sp>
      </p:grpSp>
      <p:sp>
        <p:nvSpPr>
          <p:cNvPr id="95" name="矩形 3"/>
          <p:cNvSpPr>
            <a:spLocks noChangeArrowheads="1"/>
          </p:cNvSpPr>
          <p:nvPr/>
        </p:nvSpPr>
        <p:spPr bwMode="auto">
          <a:xfrm>
            <a:off x="5103429" y="4621532"/>
            <a:ext cx="1985145" cy="43857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 lIns="68573" tIns="34287" rIns="68573" bIns="34287">
            <a:spAutoFit/>
          </a:bodyPr>
          <a:lstStyle/>
          <a:p>
            <a:pPr algn="ctr">
              <a:spcBef>
                <a:spcPct val="0"/>
              </a:spcBef>
              <a:buFont typeface="Arial" panose="020B0604020202020204" pitchFamily="34" charset="0"/>
              <a:buNone/>
            </a:pPr>
            <a:r>
              <a:rPr lang="zh-CN" altLang="en-US" sz="2400" b="1" dirty="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rPr>
              <a:t>输入您的标题</a:t>
            </a:r>
            <a:endParaRPr lang="en-US" altLang="zh-CN" sz="240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cs typeface="Arial" panose="020B0604020202020204" pitchFamily="34" charset="0"/>
            </a:endParaRPr>
          </a:p>
        </p:txBody>
      </p:sp>
      <p:sp>
        <p:nvSpPr>
          <p:cNvPr id="96" name="矩形 47"/>
          <p:cNvSpPr>
            <a:spLocks noChangeArrowheads="1"/>
          </p:cNvSpPr>
          <p:nvPr/>
        </p:nvSpPr>
        <p:spPr bwMode="auto">
          <a:xfrm>
            <a:off x="1553068" y="5450278"/>
            <a:ext cx="9219444" cy="10664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68573" tIns="34287" rIns="68573" bIns="34287">
            <a:spAutoFit/>
          </a:bodyPr>
          <a:lstStyle/>
          <a:p>
            <a:pPr algn="ctr">
              <a:lnSpc>
                <a:spcPct val="120000"/>
              </a:lnSpc>
              <a:spcBef>
                <a:spcPct val="0"/>
              </a:spcBef>
            </a:pPr>
            <a:r>
              <a:rPr lang="zh-CN" altLang="en-US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  <a:sym typeface="微软雅黑" panose="020B0503020204020204" pitchFamily="34" charset="-122"/>
              </a:rPr>
              <a:t>右键点击图片选择设置图片格式可直接替换图片。您可以点击文字框输入您的描述说明，或者通过复制粘贴。</a:t>
            </a:r>
            <a:r>
              <a:rPr lang="zh-CN" altLang="en-US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您的内容打在这里，或者通过复制您的文本后，在此框中选择粘贴，并选择只保留文字。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500"/>
                            </p:stCondLst>
                            <p:childTnLst>
                              <p:par>
                                <p:cTn id="11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000"/>
                            </p:stCondLst>
                            <p:childTnLst>
                              <p:par>
                                <p:cTn id="17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1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1500"/>
                            </p:stCondLst>
                            <p:childTnLst>
                              <p:par>
                                <p:cTn id="23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2000"/>
                            </p:stCondLst>
                            <p:childTnLst>
                              <p:par>
                                <p:cTn id="2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2500"/>
                            </p:stCondLst>
                            <p:childTnLst>
                              <p:par>
                                <p:cTn id="35" presetID="16" presetClass="entr" presetSubtype="37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37" dur="75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3500"/>
                            </p:stCondLst>
                            <p:childTnLst>
                              <p:par>
                                <p:cTn id="3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4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4000"/>
                            </p:stCondLst>
                            <p:childTnLst>
                              <p:par>
                                <p:cTn id="46" presetID="42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10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bldLvl="0" animBg="1"/>
      <p:bldP spid="87" grpId="0" bldLvl="0" animBg="1"/>
      <p:bldP spid="88" grpId="0" animBg="1"/>
      <p:bldP spid="89" grpId="0" animBg="1"/>
      <p:bldP spid="90" grpId="0" animBg="1"/>
      <p:bldP spid="91" grpId="0" animBg="1"/>
      <p:bldP spid="95" grpId="0"/>
      <p:bldP spid="96" grpId="0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아래쪽 화살표 461"/>
          <p:cNvSpPr/>
          <p:nvPr/>
        </p:nvSpPr>
        <p:spPr>
          <a:xfrm>
            <a:off x="8451668" y="4795542"/>
            <a:ext cx="533400" cy="323850"/>
          </a:xfrm>
          <a:prstGeom prst="downArrow">
            <a:avLst/>
          </a:prstGeom>
          <a:solidFill>
            <a:srgbClr val="C1C7D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sp>
        <p:nvSpPr>
          <p:cNvPr id="87" name="아래쪽 화살표 462"/>
          <p:cNvSpPr/>
          <p:nvPr/>
        </p:nvSpPr>
        <p:spPr>
          <a:xfrm>
            <a:off x="8451668" y="3191898"/>
            <a:ext cx="533400" cy="323850"/>
          </a:xfrm>
          <a:prstGeom prst="downArrow">
            <a:avLst/>
          </a:prstGeom>
          <a:solidFill>
            <a:srgbClr val="C1C7D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sp>
        <p:nvSpPr>
          <p:cNvPr id="88" name="모서리가 둥근 직사각형 445"/>
          <p:cNvSpPr/>
          <p:nvPr/>
        </p:nvSpPr>
        <p:spPr bwMode="auto">
          <a:xfrm>
            <a:off x="7353118" y="3677658"/>
            <a:ext cx="2817562" cy="920894"/>
          </a:xfrm>
          <a:prstGeom prst="roundRect">
            <a:avLst>
              <a:gd name="adj" fmla="val 4658"/>
            </a:avLst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sp>
        <p:nvSpPr>
          <p:cNvPr id="89" name="모서리가 둥근 직사각형 450"/>
          <p:cNvSpPr/>
          <p:nvPr/>
        </p:nvSpPr>
        <p:spPr bwMode="auto">
          <a:xfrm>
            <a:off x="7353118" y="5289412"/>
            <a:ext cx="2817562" cy="920894"/>
          </a:xfrm>
          <a:prstGeom prst="roundRect">
            <a:avLst>
              <a:gd name="adj" fmla="val 4658"/>
            </a:avLst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sp>
        <p:nvSpPr>
          <p:cNvPr id="90" name="모서리가 둥근 직사각형 438"/>
          <p:cNvSpPr/>
          <p:nvPr/>
        </p:nvSpPr>
        <p:spPr bwMode="auto">
          <a:xfrm>
            <a:off x="7353117" y="2053204"/>
            <a:ext cx="2817562" cy="920894"/>
          </a:xfrm>
          <a:prstGeom prst="roundRect">
            <a:avLst>
              <a:gd name="adj" fmla="val 4658"/>
            </a:avLst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<a:noAutofit/>
          </a:bodyPr>
          <a:lstStyle/>
          <a:p>
            <a:pPr algn="ctr"/>
            <a:endParaRPr lang="ko-KR" altLang="en-US">
              <a:solidFill>
                <a:schemeClr val="lt1"/>
              </a:solidFill>
              <a:latin typeface="Arial" panose="020B0604020202020204" pitchFamily="34" charset="0"/>
              <a:cs typeface="+mn-ea"/>
              <a:sym typeface="Arial" panose="020B0604020202020204" pitchFamily="34" charset="0"/>
            </a:endParaRPr>
          </a:p>
        </p:txBody>
      </p:sp>
      <p:grpSp>
        <p:nvGrpSpPr>
          <p:cNvPr id="91" name="组合 90"/>
          <p:cNvGrpSpPr/>
          <p:nvPr/>
        </p:nvGrpSpPr>
        <p:grpSpPr>
          <a:xfrm>
            <a:off x="1716259" y="2004490"/>
            <a:ext cx="3916363" cy="4017434"/>
            <a:chOff x="1972279" y="1687148"/>
            <a:chExt cx="3916363" cy="4017434"/>
          </a:xfrm>
        </p:grpSpPr>
        <p:sp>
          <p:nvSpPr>
            <p:cNvPr id="92" name="Freeform 25"/>
            <p:cNvSpPr/>
            <p:nvPr/>
          </p:nvSpPr>
          <p:spPr bwMode="auto">
            <a:xfrm>
              <a:off x="1972279" y="3531390"/>
              <a:ext cx="842737" cy="1491596"/>
            </a:xfrm>
            <a:custGeom>
              <a:avLst/>
              <a:gdLst/>
              <a:ahLst/>
              <a:cxnLst>
                <a:cxn ang="0">
                  <a:pos x="766" y="0"/>
                </a:cxn>
                <a:cxn ang="0">
                  <a:pos x="704" y="60"/>
                </a:cxn>
                <a:cxn ang="0">
                  <a:pos x="616" y="162"/>
                </a:cxn>
                <a:cxn ang="0">
                  <a:pos x="566" y="228"/>
                </a:cxn>
                <a:cxn ang="0">
                  <a:pos x="516" y="306"/>
                </a:cxn>
                <a:cxn ang="0">
                  <a:pos x="468" y="392"/>
                </a:cxn>
                <a:cxn ang="0">
                  <a:pos x="426" y="488"/>
                </a:cxn>
                <a:cxn ang="0">
                  <a:pos x="392" y="592"/>
                </a:cxn>
                <a:cxn ang="0">
                  <a:pos x="370" y="704"/>
                </a:cxn>
                <a:cxn ang="0">
                  <a:pos x="360" y="822"/>
                </a:cxn>
                <a:cxn ang="0">
                  <a:pos x="366" y="948"/>
                </a:cxn>
                <a:cxn ang="0">
                  <a:pos x="382" y="1044"/>
                </a:cxn>
                <a:cxn ang="0">
                  <a:pos x="400" y="1112"/>
                </a:cxn>
                <a:cxn ang="0">
                  <a:pos x="422" y="1180"/>
                </a:cxn>
                <a:cxn ang="0">
                  <a:pos x="452" y="1250"/>
                </a:cxn>
                <a:cxn ang="0">
                  <a:pos x="486" y="1320"/>
                </a:cxn>
                <a:cxn ang="0">
                  <a:pos x="116" y="1288"/>
                </a:cxn>
                <a:cxn ang="0">
                  <a:pos x="110" y="1286"/>
                </a:cxn>
                <a:cxn ang="0">
                  <a:pos x="76" y="1252"/>
                </a:cxn>
                <a:cxn ang="0">
                  <a:pos x="52" y="1220"/>
                </a:cxn>
                <a:cxn ang="0">
                  <a:pos x="30" y="1176"/>
                </a:cxn>
                <a:cxn ang="0">
                  <a:pos x="12" y="1118"/>
                </a:cxn>
                <a:cxn ang="0">
                  <a:pos x="0" y="1046"/>
                </a:cxn>
                <a:cxn ang="0">
                  <a:pos x="2" y="956"/>
                </a:cxn>
                <a:cxn ang="0">
                  <a:pos x="6" y="904"/>
                </a:cxn>
                <a:cxn ang="0">
                  <a:pos x="22" y="804"/>
                </a:cxn>
                <a:cxn ang="0">
                  <a:pos x="48" y="710"/>
                </a:cxn>
                <a:cxn ang="0">
                  <a:pos x="80" y="624"/>
                </a:cxn>
                <a:cxn ang="0">
                  <a:pos x="118" y="544"/>
                </a:cxn>
                <a:cxn ang="0">
                  <a:pos x="162" y="470"/>
                </a:cxn>
                <a:cxn ang="0">
                  <a:pos x="212" y="402"/>
                </a:cxn>
                <a:cxn ang="0">
                  <a:pos x="264" y="338"/>
                </a:cxn>
                <a:cxn ang="0">
                  <a:pos x="292" y="308"/>
                </a:cxn>
                <a:cxn ang="0">
                  <a:pos x="354" y="250"/>
                </a:cxn>
                <a:cxn ang="0">
                  <a:pos x="426" y="194"/>
                </a:cxn>
                <a:cxn ang="0">
                  <a:pos x="502" y="142"/>
                </a:cxn>
                <a:cxn ang="0">
                  <a:pos x="646" y="60"/>
                </a:cxn>
                <a:cxn ang="0">
                  <a:pos x="766" y="0"/>
                </a:cxn>
              </a:cxnLst>
              <a:rect l="0" t="0" r="r" b="b"/>
              <a:pathLst>
                <a:path w="766" h="1356">
                  <a:moveTo>
                    <a:pt x="766" y="0"/>
                  </a:moveTo>
                  <a:lnTo>
                    <a:pt x="766" y="0"/>
                  </a:lnTo>
                  <a:lnTo>
                    <a:pt x="736" y="28"/>
                  </a:lnTo>
                  <a:lnTo>
                    <a:pt x="704" y="60"/>
                  </a:lnTo>
                  <a:lnTo>
                    <a:pt x="662" y="106"/>
                  </a:lnTo>
                  <a:lnTo>
                    <a:pt x="616" y="162"/>
                  </a:lnTo>
                  <a:lnTo>
                    <a:pt x="590" y="194"/>
                  </a:lnTo>
                  <a:lnTo>
                    <a:pt x="566" y="228"/>
                  </a:lnTo>
                  <a:lnTo>
                    <a:pt x="540" y="266"/>
                  </a:lnTo>
                  <a:lnTo>
                    <a:pt x="516" y="306"/>
                  </a:lnTo>
                  <a:lnTo>
                    <a:pt x="492" y="348"/>
                  </a:lnTo>
                  <a:lnTo>
                    <a:pt x="468" y="392"/>
                  </a:lnTo>
                  <a:lnTo>
                    <a:pt x="446" y="438"/>
                  </a:lnTo>
                  <a:lnTo>
                    <a:pt x="426" y="488"/>
                  </a:lnTo>
                  <a:lnTo>
                    <a:pt x="408" y="538"/>
                  </a:lnTo>
                  <a:lnTo>
                    <a:pt x="392" y="592"/>
                  </a:lnTo>
                  <a:lnTo>
                    <a:pt x="380" y="646"/>
                  </a:lnTo>
                  <a:lnTo>
                    <a:pt x="370" y="704"/>
                  </a:lnTo>
                  <a:lnTo>
                    <a:pt x="362" y="762"/>
                  </a:lnTo>
                  <a:lnTo>
                    <a:pt x="360" y="822"/>
                  </a:lnTo>
                  <a:lnTo>
                    <a:pt x="360" y="884"/>
                  </a:lnTo>
                  <a:lnTo>
                    <a:pt x="366" y="948"/>
                  </a:lnTo>
                  <a:lnTo>
                    <a:pt x="376" y="1012"/>
                  </a:lnTo>
                  <a:lnTo>
                    <a:pt x="382" y="1044"/>
                  </a:lnTo>
                  <a:lnTo>
                    <a:pt x="390" y="1078"/>
                  </a:lnTo>
                  <a:lnTo>
                    <a:pt x="400" y="1112"/>
                  </a:lnTo>
                  <a:lnTo>
                    <a:pt x="410" y="1146"/>
                  </a:lnTo>
                  <a:lnTo>
                    <a:pt x="422" y="1180"/>
                  </a:lnTo>
                  <a:lnTo>
                    <a:pt x="436" y="1214"/>
                  </a:lnTo>
                  <a:lnTo>
                    <a:pt x="452" y="1250"/>
                  </a:lnTo>
                  <a:lnTo>
                    <a:pt x="468" y="1284"/>
                  </a:lnTo>
                  <a:lnTo>
                    <a:pt x="486" y="1320"/>
                  </a:lnTo>
                  <a:lnTo>
                    <a:pt x="508" y="1356"/>
                  </a:lnTo>
                  <a:lnTo>
                    <a:pt x="116" y="1288"/>
                  </a:lnTo>
                  <a:lnTo>
                    <a:pt x="116" y="1288"/>
                  </a:lnTo>
                  <a:lnTo>
                    <a:pt x="110" y="1286"/>
                  </a:lnTo>
                  <a:lnTo>
                    <a:pt x="96" y="1274"/>
                  </a:lnTo>
                  <a:lnTo>
                    <a:pt x="76" y="1252"/>
                  </a:lnTo>
                  <a:lnTo>
                    <a:pt x="64" y="1238"/>
                  </a:lnTo>
                  <a:lnTo>
                    <a:pt x="52" y="1220"/>
                  </a:lnTo>
                  <a:lnTo>
                    <a:pt x="40" y="1200"/>
                  </a:lnTo>
                  <a:lnTo>
                    <a:pt x="30" y="1176"/>
                  </a:lnTo>
                  <a:lnTo>
                    <a:pt x="20" y="1148"/>
                  </a:lnTo>
                  <a:lnTo>
                    <a:pt x="12" y="1118"/>
                  </a:lnTo>
                  <a:lnTo>
                    <a:pt x="6" y="1084"/>
                  </a:lnTo>
                  <a:lnTo>
                    <a:pt x="0" y="1046"/>
                  </a:lnTo>
                  <a:lnTo>
                    <a:pt x="0" y="1002"/>
                  </a:lnTo>
                  <a:lnTo>
                    <a:pt x="2" y="956"/>
                  </a:lnTo>
                  <a:lnTo>
                    <a:pt x="2" y="956"/>
                  </a:lnTo>
                  <a:lnTo>
                    <a:pt x="6" y="904"/>
                  </a:lnTo>
                  <a:lnTo>
                    <a:pt x="14" y="852"/>
                  </a:lnTo>
                  <a:lnTo>
                    <a:pt x="22" y="804"/>
                  </a:lnTo>
                  <a:lnTo>
                    <a:pt x="34" y="756"/>
                  </a:lnTo>
                  <a:lnTo>
                    <a:pt x="48" y="710"/>
                  </a:lnTo>
                  <a:lnTo>
                    <a:pt x="62" y="666"/>
                  </a:lnTo>
                  <a:lnTo>
                    <a:pt x="80" y="624"/>
                  </a:lnTo>
                  <a:lnTo>
                    <a:pt x="98" y="584"/>
                  </a:lnTo>
                  <a:lnTo>
                    <a:pt x="118" y="544"/>
                  </a:lnTo>
                  <a:lnTo>
                    <a:pt x="140" y="508"/>
                  </a:lnTo>
                  <a:lnTo>
                    <a:pt x="162" y="470"/>
                  </a:lnTo>
                  <a:lnTo>
                    <a:pt x="186" y="436"/>
                  </a:lnTo>
                  <a:lnTo>
                    <a:pt x="212" y="402"/>
                  </a:lnTo>
                  <a:lnTo>
                    <a:pt x="238" y="370"/>
                  </a:lnTo>
                  <a:lnTo>
                    <a:pt x="264" y="338"/>
                  </a:lnTo>
                  <a:lnTo>
                    <a:pt x="292" y="308"/>
                  </a:lnTo>
                  <a:lnTo>
                    <a:pt x="292" y="308"/>
                  </a:lnTo>
                  <a:lnTo>
                    <a:pt x="322" y="278"/>
                  </a:lnTo>
                  <a:lnTo>
                    <a:pt x="354" y="250"/>
                  </a:lnTo>
                  <a:lnTo>
                    <a:pt x="390" y="220"/>
                  </a:lnTo>
                  <a:lnTo>
                    <a:pt x="426" y="194"/>
                  </a:lnTo>
                  <a:lnTo>
                    <a:pt x="464" y="168"/>
                  </a:lnTo>
                  <a:lnTo>
                    <a:pt x="502" y="142"/>
                  </a:lnTo>
                  <a:lnTo>
                    <a:pt x="578" y="98"/>
                  </a:lnTo>
                  <a:lnTo>
                    <a:pt x="646" y="60"/>
                  </a:lnTo>
                  <a:lnTo>
                    <a:pt x="704" y="30"/>
                  </a:lnTo>
                  <a:lnTo>
                    <a:pt x="766" y="0"/>
                  </a:lnTo>
                  <a:lnTo>
                    <a:pt x="766" y="0"/>
                  </a:lnTo>
                  <a:close/>
                </a:path>
              </a:pathLst>
            </a:custGeom>
            <a:solidFill>
              <a:srgbClr val="146BAC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5pPr>
              <a:lvl6pPr marL="25146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6pPr>
              <a:lvl7pPr marL="29718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7pPr>
              <a:lvl8pPr marL="34290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8pPr>
              <a:lvl9pPr marL="38862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9pPr>
            </a:lstStyle>
            <a:p>
              <a:pPr algn="ctr"/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ea typeface="+mn-ea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3" name="Freeform 25"/>
            <p:cNvSpPr/>
            <p:nvPr/>
          </p:nvSpPr>
          <p:spPr bwMode="auto">
            <a:xfrm rot="14549685">
              <a:off x="4375559" y="4526588"/>
              <a:ext cx="842597" cy="1491843"/>
            </a:xfrm>
            <a:custGeom>
              <a:avLst/>
              <a:gdLst/>
              <a:ahLst/>
              <a:cxnLst>
                <a:cxn ang="0">
                  <a:pos x="766" y="0"/>
                </a:cxn>
                <a:cxn ang="0">
                  <a:pos x="704" y="60"/>
                </a:cxn>
                <a:cxn ang="0">
                  <a:pos x="616" y="162"/>
                </a:cxn>
                <a:cxn ang="0">
                  <a:pos x="566" y="228"/>
                </a:cxn>
                <a:cxn ang="0">
                  <a:pos x="516" y="306"/>
                </a:cxn>
                <a:cxn ang="0">
                  <a:pos x="468" y="392"/>
                </a:cxn>
                <a:cxn ang="0">
                  <a:pos x="426" y="488"/>
                </a:cxn>
                <a:cxn ang="0">
                  <a:pos x="392" y="592"/>
                </a:cxn>
                <a:cxn ang="0">
                  <a:pos x="370" y="704"/>
                </a:cxn>
                <a:cxn ang="0">
                  <a:pos x="360" y="822"/>
                </a:cxn>
                <a:cxn ang="0">
                  <a:pos x="366" y="948"/>
                </a:cxn>
                <a:cxn ang="0">
                  <a:pos x="382" y="1044"/>
                </a:cxn>
                <a:cxn ang="0">
                  <a:pos x="400" y="1112"/>
                </a:cxn>
                <a:cxn ang="0">
                  <a:pos x="422" y="1180"/>
                </a:cxn>
                <a:cxn ang="0">
                  <a:pos x="452" y="1250"/>
                </a:cxn>
                <a:cxn ang="0">
                  <a:pos x="486" y="1320"/>
                </a:cxn>
                <a:cxn ang="0">
                  <a:pos x="116" y="1288"/>
                </a:cxn>
                <a:cxn ang="0">
                  <a:pos x="110" y="1286"/>
                </a:cxn>
                <a:cxn ang="0">
                  <a:pos x="76" y="1252"/>
                </a:cxn>
                <a:cxn ang="0">
                  <a:pos x="52" y="1220"/>
                </a:cxn>
                <a:cxn ang="0">
                  <a:pos x="30" y="1176"/>
                </a:cxn>
                <a:cxn ang="0">
                  <a:pos x="12" y="1118"/>
                </a:cxn>
                <a:cxn ang="0">
                  <a:pos x="0" y="1046"/>
                </a:cxn>
                <a:cxn ang="0">
                  <a:pos x="2" y="956"/>
                </a:cxn>
                <a:cxn ang="0">
                  <a:pos x="6" y="904"/>
                </a:cxn>
                <a:cxn ang="0">
                  <a:pos x="22" y="804"/>
                </a:cxn>
                <a:cxn ang="0">
                  <a:pos x="48" y="710"/>
                </a:cxn>
                <a:cxn ang="0">
                  <a:pos x="80" y="624"/>
                </a:cxn>
                <a:cxn ang="0">
                  <a:pos x="118" y="544"/>
                </a:cxn>
                <a:cxn ang="0">
                  <a:pos x="162" y="470"/>
                </a:cxn>
                <a:cxn ang="0">
                  <a:pos x="212" y="402"/>
                </a:cxn>
                <a:cxn ang="0">
                  <a:pos x="264" y="338"/>
                </a:cxn>
                <a:cxn ang="0">
                  <a:pos x="292" y="308"/>
                </a:cxn>
                <a:cxn ang="0">
                  <a:pos x="354" y="250"/>
                </a:cxn>
                <a:cxn ang="0">
                  <a:pos x="426" y="194"/>
                </a:cxn>
                <a:cxn ang="0">
                  <a:pos x="502" y="142"/>
                </a:cxn>
                <a:cxn ang="0">
                  <a:pos x="646" y="60"/>
                </a:cxn>
                <a:cxn ang="0">
                  <a:pos x="766" y="0"/>
                </a:cxn>
              </a:cxnLst>
              <a:rect l="0" t="0" r="r" b="b"/>
              <a:pathLst>
                <a:path w="766" h="1356">
                  <a:moveTo>
                    <a:pt x="766" y="0"/>
                  </a:moveTo>
                  <a:lnTo>
                    <a:pt x="766" y="0"/>
                  </a:lnTo>
                  <a:lnTo>
                    <a:pt x="736" y="28"/>
                  </a:lnTo>
                  <a:lnTo>
                    <a:pt x="704" y="60"/>
                  </a:lnTo>
                  <a:lnTo>
                    <a:pt x="662" y="106"/>
                  </a:lnTo>
                  <a:lnTo>
                    <a:pt x="616" y="162"/>
                  </a:lnTo>
                  <a:lnTo>
                    <a:pt x="590" y="194"/>
                  </a:lnTo>
                  <a:lnTo>
                    <a:pt x="566" y="228"/>
                  </a:lnTo>
                  <a:lnTo>
                    <a:pt x="540" y="266"/>
                  </a:lnTo>
                  <a:lnTo>
                    <a:pt x="516" y="306"/>
                  </a:lnTo>
                  <a:lnTo>
                    <a:pt x="492" y="348"/>
                  </a:lnTo>
                  <a:lnTo>
                    <a:pt x="468" y="392"/>
                  </a:lnTo>
                  <a:lnTo>
                    <a:pt x="446" y="438"/>
                  </a:lnTo>
                  <a:lnTo>
                    <a:pt x="426" y="488"/>
                  </a:lnTo>
                  <a:lnTo>
                    <a:pt x="408" y="538"/>
                  </a:lnTo>
                  <a:lnTo>
                    <a:pt x="392" y="592"/>
                  </a:lnTo>
                  <a:lnTo>
                    <a:pt x="380" y="646"/>
                  </a:lnTo>
                  <a:lnTo>
                    <a:pt x="370" y="704"/>
                  </a:lnTo>
                  <a:lnTo>
                    <a:pt x="362" y="762"/>
                  </a:lnTo>
                  <a:lnTo>
                    <a:pt x="360" y="822"/>
                  </a:lnTo>
                  <a:lnTo>
                    <a:pt x="360" y="884"/>
                  </a:lnTo>
                  <a:lnTo>
                    <a:pt x="366" y="948"/>
                  </a:lnTo>
                  <a:lnTo>
                    <a:pt x="376" y="1012"/>
                  </a:lnTo>
                  <a:lnTo>
                    <a:pt x="382" y="1044"/>
                  </a:lnTo>
                  <a:lnTo>
                    <a:pt x="390" y="1078"/>
                  </a:lnTo>
                  <a:lnTo>
                    <a:pt x="400" y="1112"/>
                  </a:lnTo>
                  <a:lnTo>
                    <a:pt x="410" y="1146"/>
                  </a:lnTo>
                  <a:lnTo>
                    <a:pt x="422" y="1180"/>
                  </a:lnTo>
                  <a:lnTo>
                    <a:pt x="436" y="1214"/>
                  </a:lnTo>
                  <a:lnTo>
                    <a:pt x="452" y="1250"/>
                  </a:lnTo>
                  <a:lnTo>
                    <a:pt x="468" y="1284"/>
                  </a:lnTo>
                  <a:lnTo>
                    <a:pt x="486" y="1320"/>
                  </a:lnTo>
                  <a:lnTo>
                    <a:pt x="508" y="1356"/>
                  </a:lnTo>
                  <a:lnTo>
                    <a:pt x="116" y="1288"/>
                  </a:lnTo>
                  <a:lnTo>
                    <a:pt x="116" y="1288"/>
                  </a:lnTo>
                  <a:lnTo>
                    <a:pt x="110" y="1286"/>
                  </a:lnTo>
                  <a:lnTo>
                    <a:pt x="96" y="1274"/>
                  </a:lnTo>
                  <a:lnTo>
                    <a:pt x="76" y="1252"/>
                  </a:lnTo>
                  <a:lnTo>
                    <a:pt x="64" y="1238"/>
                  </a:lnTo>
                  <a:lnTo>
                    <a:pt x="52" y="1220"/>
                  </a:lnTo>
                  <a:lnTo>
                    <a:pt x="40" y="1200"/>
                  </a:lnTo>
                  <a:lnTo>
                    <a:pt x="30" y="1176"/>
                  </a:lnTo>
                  <a:lnTo>
                    <a:pt x="20" y="1148"/>
                  </a:lnTo>
                  <a:lnTo>
                    <a:pt x="12" y="1118"/>
                  </a:lnTo>
                  <a:lnTo>
                    <a:pt x="6" y="1084"/>
                  </a:lnTo>
                  <a:lnTo>
                    <a:pt x="0" y="1046"/>
                  </a:lnTo>
                  <a:lnTo>
                    <a:pt x="0" y="1002"/>
                  </a:lnTo>
                  <a:lnTo>
                    <a:pt x="2" y="956"/>
                  </a:lnTo>
                  <a:lnTo>
                    <a:pt x="2" y="956"/>
                  </a:lnTo>
                  <a:lnTo>
                    <a:pt x="6" y="904"/>
                  </a:lnTo>
                  <a:lnTo>
                    <a:pt x="14" y="852"/>
                  </a:lnTo>
                  <a:lnTo>
                    <a:pt x="22" y="804"/>
                  </a:lnTo>
                  <a:lnTo>
                    <a:pt x="34" y="756"/>
                  </a:lnTo>
                  <a:lnTo>
                    <a:pt x="48" y="710"/>
                  </a:lnTo>
                  <a:lnTo>
                    <a:pt x="62" y="666"/>
                  </a:lnTo>
                  <a:lnTo>
                    <a:pt x="80" y="624"/>
                  </a:lnTo>
                  <a:lnTo>
                    <a:pt x="98" y="584"/>
                  </a:lnTo>
                  <a:lnTo>
                    <a:pt x="118" y="544"/>
                  </a:lnTo>
                  <a:lnTo>
                    <a:pt x="140" y="508"/>
                  </a:lnTo>
                  <a:lnTo>
                    <a:pt x="162" y="470"/>
                  </a:lnTo>
                  <a:lnTo>
                    <a:pt x="186" y="436"/>
                  </a:lnTo>
                  <a:lnTo>
                    <a:pt x="212" y="402"/>
                  </a:lnTo>
                  <a:lnTo>
                    <a:pt x="238" y="370"/>
                  </a:lnTo>
                  <a:lnTo>
                    <a:pt x="264" y="338"/>
                  </a:lnTo>
                  <a:lnTo>
                    <a:pt x="292" y="308"/>
                  </a:lnTo>
                  <a:lnTo>
                    <a:pt x="292" y="308"/>
                  </a:lnTo>
                  <a:lnTo>
                    <a:pt x="322" y="278"/>
                  </a:lnTo>
                  <a:lnTo>
                    <a:pt x="354" y="250"/>
                  </a:lnTo>
                  <a:lnTo>
                    <a:pt x="390" y="220"/>
                  </a:lnTo>
                  <a:lnTo>
                    <a:pt x="426" y="194"/>
                  </a:lnTo>
                  <a:lnTo>
                    <a:pt x="464" y="168"/>
                  </a:lnTo>
                  <a:lnTo>
                    <a:pt x="502" y="142"/>
                  </a:lnTo>
                  <a:lnTo>
                    <a:pt x="578" y="98"/>
                  </a:lnTo>
                  <a:lnTo>
                    <a:pt x="646" y="60"/>
                  </a:lnTo>
                  <a:lnTo>
                    <a:pt x="704" y="30"/>
                  </a:lnTo>
                  <a:lnTo>
                    <a:pt x="766" y="0"/>
                  </a:lnTo>
                  <a:lnTo>
                    <a:pt x="766" y="0"/>
                  </a:lnTo>
                  <a:close/>
                </a:path>
              </a:pathLst>
            </a:custGeom>
            <a:solidFill>
              <a:srgbClr val="D6A203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5pPr>
              <a:lvl6pPr marL="25146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6pPr>
              <a:lvl7pPr marL="29718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7pPr>
              <a:lvl8pPr marL="34290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8pPr>
              <a:lvl9pPr marL="38862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9pPr>
            </a:lstStyle>
            <a:p>
              <a:pPr algn="ctr"/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ea typeface="+mn-ea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4" name="Freeform 25"/>
            <p:cNvSpPr/>
            <p:nvPr/>
          </p:nvSpPr>
          <p:spPr bwMode="auto">
            <a:xfrm rot="7202387">
              <a:off x="4073603" y="1879431"/>
              <a:ext cx="842597" cy="1491843"/>
            </a:xfrm>
            <a:custGeom>
              <a:avLst/>
              <a:gdLst/>
              <a:ahLst/>
              <a:cxnLst>
                <a:cxn ang="0">
                  <a:pos x="766" y="0"/>
                </a:cxn>
                <a:cxn ang="0">
                  <a:pos x="704" y="60"/>
                </a:cxn>
                <a:cxn ang="0">
                  <a:pos x="616" y="162"/>
                </a:cxn>
                <a:cxn ang="0">
                  <a:pos x="566" y="228"/>
                </a:cxn>
                <a:cxn ang="0">
                  <a:pos x="516" y="306"/>
                </a:cxn>
                <a:cxn ang="0">
                  <a:pos x="468" y="392"/>
                </a:cxn>
                <a:cxn ang="0">
                  <a:pos x="426" y="488"/>
                </a:cxn>
                <a:cxn ang="0">
                  <a:pos x="392" y="592"/>
                </a:cxn>
                <a:cxn ang="0">
                  <a:pos x="370" y="704"/>
                </a:cxn>
                <a:cxn ang="0">
                  <a:pos x="360" y="822"/>
                </a:cxn>
                <a:cxn ang="0">
                  <a:pos x="366" y="948"/>
                </a:cxn>
                <a:cxn ang="0">
                  <a:pos x="382" y="1044"/>
                </a:cxn>
                <a:cxn ang="0">
                  <a:pos x="400" y="1112"/>
                </a:cxn>
                <a:cxn ang="0">
                  <a:pos x="422" y="1180"/>
                </a:cxn>
                <a:cxn ang="0">
                  <a:pos x="452" y="1250"/>
                </a:cxn>
                <a:cxn ang="0">
                  <a:pos x="486" y="1320"/>
                </a:cxn>
                <a:cxn ang="0">
                  <a:pos x="116" y="1288"/>
                </a:cxn>
                <a:cxn ang="0">
                  <a:pos x="110" y="1286"/>
                </a:cxn>
                <a:cxn ang="0">
                  <a:pos x="76" y="1252"/>
                </a:cxn>
                <a:cxn ang="0">
                  <a:pos x="52" y="1220"/>
                </a:cxn>
                <a:cxn ang="0">
                  <a:pos x="30" y="1176"/>
                </a:cxn>
                <a:cxn ang="0">
                  <a:pos x="12" y="1118"/>
                </a:cxn>
                <a:cxn ang="0">
                  <a:pos x="0" y="1046"/>
                </a:cxn>
                <a:cxn ang="0">
                  <a:pos x="2" y="956"/>
                </a:cxn>
                <a:cxn ang="0">
                  <a:pos x="6" y="904"/>
                </a:cxn>
                <a:cxn ang="0">
                  <a:pos x="22" y="804"/>
                </a:cxn>
                <a:cxn ang="0">
                  <a:pos x="48" y="710"/>
                </a:cxn>
                <a:cxn ang="0">
                  <a:pos x="80" y="624"/>
                </a:cxn>
                <a:cxn ang="0">
                  <a:pos x="118" y="544"/>
                </a:cxn>
                <a:cxn ang="0">
                  <a:pos x="162" y="470"/>
                </a:cxn>
                <a:cxn ang="0">
                  <a:pos x="212" y="402"/>
                </a:cxn>
                <a:cxn ang="0">
                  <a:pos x="264" y="338"/>
                </a:cxn>
                <a:cxn ang="0">
                  <a:pos x="292" y="308"/>
                </a:cxn>
                <a:cxn ang="0">
                  <a:pos x="354" y="250"/>
                </a:cxn>
                <a:cxn ang="0">
                  <a:pos x="426" y="194"/>
                </a:cxn>
                <a:cxn ang="0">
                  <a:pos x="502" y="142"/>
                </a:cxn>
                <a:cxn ang="0">
                  <a:pos x="646" y="60"/>
                </a:cxn>
                <a:cxn ang="0">
                  <a:pos x="766" y="0"/>
                </a:cxn>
              </a:cxnLst>
              <a:rect l="0" t="0" r="r" b="b"/>
              <a:pathLst>
                <a:path w="766" h="1356">
                  <a:moveTo>
                    <a:pt x="766" y="0"/>
                  </a:moveTo>
                  <a:lnTo>
                    <a:pt x="766" y="0"/>
                  </a:lnTo>
                  <a:lnTo>
                    <a:pt x="736" y="28"/>
                  </a:lnTo>
                  <a:lnTo>
                    <a:pt x="704" y="60"/>
                  </a:lnTo>
                  <a:lnTo>
                    <a:pt x="662" y="106"/>
                  </a:lnTo>
                  <a:lnTo>
                    <a:pt x="616" y="162"/>
                  </a:lnTo>
                  <a:lnTo>
                    <a:pt x="590" y="194"/>
                  </a:lnTo>
                  <a:lnTo>
                    <a:pt x="566" y="228"/>
                  </a:lnTo>
                  <a:lnTo>
                    <a:pt x="540" y="266"/>
                  </a:lnTo>
                  <a:lnTo>
                    <a:pt x="516" y="306"/>
                  </a:lnTo>
                  <a:lnTo>
                    <a:pt x="492" y="348"/>
                  </a:lnTo>
                  <a:lnTo>
                    <a:pt x="468" y="392"/>
                  </a:lnTo>
                  <a:lnTo>
                    <a:pt x="446" y="438"/>
                  </a:lnTo>
                  <a:lnTo>
                    <a:pt x="426" y="488"/>
                  </a:lnTo>
                  <a:lnTo>
                    <a:pt x="408" y="538"/>
                  </a:lnTo>
                  <a:lnTo>
                    <a:pt x="392" y="592"/>
                  </a:lnTo>
                  <a:lnTo>
                    <a:pt x="380" y="646"/>
                  </a:lnTo>
                  <a:lnTo>
                    <a:pt x="370" y="704"/>
                  </a:lnTo>
                  <a:lnTo>
                    <a:pt x="362" y="762"/>
                  </a:lnTo>
                  <a:lnTo>
                    <a:pt x="360" y="822"/>
                  </a:lnTo>
                  <a:lnTo>
                    <a:pt x="360" y="884"/>
                  </a:lnTo>
                  <a:lnTo>
                    <a:pt x="366" y="948"/>
                  </a:lnTo>
                  <a:lnTo>
                    <a:pt x="376" y="1012"/>
                  </a:lnTo>
                  <a:lnTo>
                    <a:pt x="382" y="1044"/>
                  </a:lnTo>
                  <a:lnTo>
                    <a:pt x="390" y="1078"/>
                  </a:lnTo>
                  <a:lnTo>
                    <a:pt x="400" y="1112"/>
                  </a:lnTo>
                  <a:lnTo>
                    <a:pt x="410" y="1146"/>
                  </a:lnTo>
                  <a:lnTo>
                    <a:pt x="422" y="1180"/>
                  </a:lnTo>
                  <a:lnTo>
                    <a:pt x="436" y="1214"/>
                  </a:lnTo>
                  <a:lnTo>
                    <a:pt x="452" y="1250"/>
                  </a:lnTo>
                  <a:lnTo>
                    <a:pt x="468" y="1284"/>
                  </a:lnTo>
                  <a:lnTo>
                    <a:pt x="486" y="1320"/>
                  </a:lnTo>
                  <a:lnTo>
                    <a:pt x="508" y="1356"/>
                  </a:lnTo>
                  <a:lnTo>
                    <a:pt x="116" y="1288"/>
                  </a:lnTo>
                  <a:lnTo>
                    <a:pt x="116" y="1288"/>
                  </a:lnTo>
                  <a:lnTo>
                    <a:pt x="110" y="1286"/>
                  </a:lnTo>
                  <a:lnTo>
                    <a:pt x="96" y="1274"/>
                  </a:lnTo>
                  <a:lnTo>
                    <a:pt x="76" y="1252"/>
                  </a:lnTo>
                  <a:lnTo>
                    <a:pt x="64" y="1238"/>
                  </a:lnTo>
                  <a:lnTo>
                    <a:pt x="52" y="1220"/>
                  </a:lnTo>
                  <a:lnTo>
                    <a:pt x="40" y="1200"/>
                  </a:lnTo>
                  <a:lnTo>
                    <a:pt x="30" y="1176"/>
                  </a:lnTo>
                  <a:lnTo>
                    <a:pt x="20" y="1148"/>
                  </a:lnTo>
                  <a:lnTo>
                    <a:pt x="12" y="1118"/>
                  </a:lnTo>
                  <a:lnTo>
                    <a:pt x="6" y="1084"/>
                  </a:lnTo>
                  <a:lnTo>
                    <a:pt x="0" y="1046"/>
                  </a:lnTo>
                  <a:lnTo>
                    <a:pt x="0" y="1002"/>
                  </a:lnTo>
                  <a:lnTo>
                    <a:pt x="2" y="956"/>
                  </a:lnTo>
                  <a:lnTo>
                    <a:pt x="2" y="956"/>
                  </a:lnTo>
                  <a:lnTo>
                    <a:pt x="6" y="904"/>
                  </a:lnTo>
                  <a:lnTo>
                    <a:pt x="14" y="852"/>
                  </a:lnTo>
                  <a:lnTo>
                    <a:pt x="22" y="804"/>
                  </a:lnTo>
                  <a:lnTo>
                    <a:pt x="34" y="756"/>
                  </a:lnTo>
                  <a:lnTo>
                    <a:pt x="48" y="710"/>
                  </a:lnTo>
                  <a:lnTo>
                    <a:pt x="62" y="666"/>
                  </a:lnTo>
                  <a:lnTo>
                    <a:pt x="80" y="624"/>
                  </a:lnTo>
                  <a:lnTo>
                    <a:pt x="98" y="584"/>
                  </a:lnTo>
                  <a:lnTo>
                    <a:pt x="118" y="544"/>
                  </a:lnTo>
                  <a:lnTo>
                    <a:pt x="140" y="508"/>
                  </a:lnTo>
                  <a:lnTo>
                    <a:pt x="162" y="470"/>
                  </a:lnTo>
                  <a:lnTo>
                    <a:pt x="186" y="436"/>
                  </a:lnTo>
                  <a:lnTo>
                    <a:pt x="212" y="402"/>
                  </a:lnTo>
                  <a:lnTo>
                    <a:pt x="238" y="370"/>
                  </a:lnTo>
                  <a:lnTo>
                    <a:pt x="264" y="338"/>
                  </a:lnTo>
                  <a:lnTo>
                    <a:pt x="292" y="308"/>
                  </a:lnTo>
                  <a:lnTo>
                    <a:pt x="292" y="308"/>
                  </a:lnTo>
                  <a:lnTo>
                    <a:pt x="322" y="278"/>
                  </a:lnTo>
                  <a:lnTo>
                    <a:pt x="354" y="250"/>
                  </a:lnTo>
                  <a:lnTo>
                    <a:pt x="390" y="220"/>
                  </a:lnTo>
                  <a:lnTo>
                    <a:pt x="426" y="194"/>
                  </a:lnTo>
                  <a:lnTo>
                    <a:pt x="464" y="168"/>
                  </a:lnTo>
                  <a:lnTo>
                    <a:pt x="502" y="142"/>
                  </a:lnTo>
                  <a:lnTo>
                    <a:pt x="578" y="98"/>
                  </a:lnTo>
                  <a:lnTo>
                    <a:pt x="646" y="60"/>
                  </a:lnTo>
                  <a:lnTo>
                    <a:pt x="704" y="30"/>
                  </a:lnTo>
                  <a:lnTo>
                    <a:pt x="766" y="0"/>
                  </a:lnTo>
                  <a:lnTo>
                    <a:pt x="766" y="0"/>
                  </a:lnTo>
                  <a:close/>
                </a:path>
              </a:pathLst>
            </a:custGeom>
            <a:solidFill>
              <a:srgbClr val="B1132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noAutofit/>
            </a:bodyPr>
            <a:lstStyle/>
            <a:p>
              <a:pPr algn="ctr"/>
              <a:endParaRPr lang="ko-KR" altLang="en-US">
                <a:solidFill>
                  <a:schemeClr val="lt1"/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5" name="모서리가 둥근 직사각형 236"/>
            <p:cNvSpPr/>
            <p:nvPr/>
          </p:nvSpPr>
          <p:spPr bwMode="auto">
            <a:xfrm>
              <a:off x="2330879" y="2336800"/>
              <a:ext cx="3078145" cy="3036106"/>
            </a:xfrm>
            <a:prstGeom prst="roundRect">
              <a:avLst>
                <a:gd name="adj" fmla="val 5110"/>
              </a:avLst>
            </a:prstGeom>
            <a:solidFill>
              <a:schemeClr val="bg1">
                <a:lumMod val="95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0" fromWordArt="0" anchor="ctr" anchorCtr="0" forceAA="0" compatLnSpc="1">
              <a:noAutofit/>
            </a:bodyPr>
            <a:lstStyle/>
            <a:p>
              <a:pPr algn="ctr"/>
              <a:endParaRPr lang="ko-KR" altLang="en-US">
                <a:solidFill>
                  <a:prstClr val="white"/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6" name="Freeform 49"/>
            <p:cNvSpPr/>
            <p:nvPr/>
          </p:nvSpPr>
          <p:spPr bwMode="auto">
            <a:xfrm rot="7202387">
              <a:off x="2534792" y="2086360"/>
              <a:ext cx="1852395" cy="1053972"/>
            </a:xfrm>
            <a:custGeom>
              <a:avLst/>
              <a:gdLst/>
              <a:ahLst/>
              <a:cxnLst>
                <a:cxn ang="0">
                  <a:pos x="1440" y="656"/>
                </a:cxn>
                <a:cxn ang="0">
                  <a:pos x="1416" y="558"/>
                </a:cxn>
                <a:cxn ang="0">
                  <a:pos x="1370" y="444"/>
                </a:cxn>
                <a:cxn ang="0">
                  <a:pos x="1326" y="374"/>
                </a:cxn>
                <a:cxn ang="0">
                  <a:pos x="1266" y="306"/>
                </a:cxn>
                <a:cxn ang="0">
                  <a:pos x="1192" y="246"/>
                </a:cxn>
                <a:cxn ang="0">
                  <a:pos x="1098" y="200"/>
                </a:cxn>
                <a:cxn ang="0">
                  <a:pos x="982" y="174"/>
                </a:cxn>
                <a:cxn ang="0">
                  <a:pos x="894" y="168"/>
                </a:cxn>
                <a:cxn ang="0">
                  <a:pos x="432" y="230"/>
                </a:cxn>
                <a:cxn ang="0">
                  <a:pos x="386" y="236"/>
                </a:cxn>
                <a:cxn ang="0">
                  <a:pos x="276" y="238"/>
                </a:cxn>
                <a:cxn ang="0">
                  <a:pos x="178" y="220"/>
                </a:cxn>
                <a:cxn ang="0">
                  <a:pos x="82" y="174"/>
                </a:cxn>
                <a:cxn ang="0">
                  <a:pos x="42" y="136"/>
                </a:cxn>
                <a:cxn ang="0">
                  <a:pos x="24" y="116"/>
                </a:cxn>
                <a:cxn ang="0">
                  <a:pos x="10" y="80"/>
                </a:cxn>
                <a:cxn ang="0">
                  <a:pos x="0" y="0"/>
                </a:cxn>
                <a:cxn ang="0">
                  <a:pos x="2" y="42"/>
                </a:cxn>
                <a:cxn ang="0">
                  <a:pos x="22" y="152"/>
                </a:cxn>
                <a:cxn ang="0">
                  <a:pos x="74" y="284"/>
                </a:cxn>
                <a:cxn ang="0">
                  <a:pos x="126" y="378"/>
                </a:cxn>
                <a:cxn ang="0">
                  <a:pos x="198" y="478"/>
                </a:cxn>
                <a:cxn ang="0">
                  <a:pos x="294" y="586"/>
                </a:cxn>
                <a:cxn ang="0">
                  <a:pos x="418" y="696"/>
                </a:cxn>
                <a:cxn ang="0">
                  <a:pos x="570" y="806"/>
                </a:cxn>
                <a:cxn ang="0">
                  <a:pos x="614" y="834"/>
                </a:cxn>
                <a:cxn ang="0">
                  <a:pos x="732" y="892"/>
                </a:cxn>
                <a:cxn ang="0">
                  <a:pos x="854" y="934"/>
                </a:cxn>
                <a:cxn ang="0">
                  <a:pos x="990" y="958"/>
                </a:cxn>
                <a:cxn ang="0">
                  <a:pos x="1086" y="954"/>
                </a:cxn>
                <a:cxn ang="0">
                  <a:pos x="1152" y="936"/>
                </a:cxn>
                <a:cxn ang="0">
                  <a:pos x="1252" y="892"/>
                </a:cxn>
                <a:cxn ang="0">
                  <a:pos x="1340" y="836"/>
                </a:cxn>
                <a:cxn ang="0">
                  <a:pos x="1430" y="754"/>
                </a:cxn>
                <a:cxn ang="0">
                  <a:pos x="1444" y="744"/>
                </a:cxn>
                <a:cxn ang="0">
                  <a:pos x="1488" y="734"/>
                </a:cxn>
                <a:cxn ang="0">
                  <a:pos x="1562" y="734"/>
                </a:cxn>
                <a:cxn ang="0">
                  <a:pos x="1630" y="736"/>
                </a:cxn>
                <a:cxn ang="0">
                  <a:pos x="1664" y="742"/>
                </a:cxn>
                <a:cxn ang="0">
                  <a:pos x="1680" y="732"/>
                </a:cxn>
                <a:cxn ang="0">
                  <a:pos x="1684" y="700"/>
                </a:cxn>
                <a:cxn ang="0">
                  <a:pos x="1680" y="684"/>
                </a:cxn>
                <a:cxn ang="0">
                  <a:pos x="1668" y="670"/>
                </a:cxn>
                <a:cxn ang="0">
                  <a:pos x="1654" y="668"/>
                </a:cxn>
                <a:cxn ang="0">
                  <a:pos x="1624" y="688"/>
                </a:cxn>
                <a:cxn ang="0">
                  <a:pos x="1600" y="696"/>
                </a:cxn>
                <a:cxn ang="0">
                  <a:pos x="1544" y="696"/>
                </a:cxn>
                <a:cxn ang="0">
                  <a:pos x="1506" y="694"/>
                </a:cxn>
                <a:cxn ang="0">
                  <a:pos x="1458" y="688"/>
                </a:cxn>
                <a:cxn ang="0">
                  <a:pos x="1444" y="678"/>
                </a:cxn>
              </a:cxnLst>
              <a:rect l="0" t="0" r="r" b="b"/>
              <a:pathLst>
                <a:path w="1684" h="958">
                  <a:moveTo>
                    <a:pt x="1444" y="678"/>
                  </a:moveTo>
                  <a:lnTo>
                    <a:pt x="1444" y="678"/>
                  </a:lnTo>
                  <a:lnTo>
                    <a:pt x="1440" y="656"/>
                  </a:lnTo>
                  <a:lnTo>
                    <a:pt x="1436" y="630"/>
                  </a:lnTo>
                  <a:lnTo>
                    <a:pt x="1428" y="598"/>
                  </a:lnTo>
                  <a:lnTo>
                    <a:pt x="1416" y="558"/>
                  </a:lnTo>
                  <a:lnTo>
                    <a:pt x="1402" y="514"/>
                  </a:lnTo>
                  <a:lnTo>
                    <a:pt x="1382" y="468"/>
                  </a:lnTo>
                  <a:lnTo>
                    <a:pt x="1370" y="444"/>
                  </a:lnTo>
                  <a:lnTo>
                    <a:pt x="1356" y="420"/>
                  </a:lnTo>
                  <a:lnTo>
                    <a:pt x="1342" y="396"/>
                  </a:lnTo>
                  <a:lnTo>
                    <a:pt x="1326" y="374"/>
                  </a:lnTo>
                  <a:lnTo>
                    <a:pt x="1308" y="350"/>
                  </a:lnTo>
                  <a:lnTo>
                    <a:pt x="1288" y="328"/>
                  </a:lnTo>
                  <a:lnTo>
                    <a:pt x="1266" y="306"/>
                  </a:lnTo>
                  <a:lnTo>
                    <a:pt x="1244" y="284"/>
                  </a:lnTo>
                  <a:lnTo>
                    <a:pt x="1218" y="264"/>
                  </a:lnTo>
                  <a:lnTo>
                    <a:pt x="1192" y="246"/>
                  </a:lnTo>
                  <a:lnTo>
                    <a:pt x="1162" y="228"/>
                  </a:lnTo>
                  <a:lnTo>
                    <a:pt x="1130" y="214"/>
                  </a:lnTo>
                  <a:lnTo>
                    <a:pt x="1098" y="200"/>
                  </a:lnTo>
                  <a:lnTo>
                    <a:pt x="1062" y="190"/>
                  </a:lnTo>
                  <a:lnTo>
                    <a:pt x="1024" y="180"/>
                  </a:lnTo>
                  <a:lnTo>
                    <a:pt x="982" y="174"/>
                  </a:lnTo>
                  <a:lnTo>
                    <a:pt x="940" y="170"/>
                  </a:lnTo>
                  <a:lnTo>
                    <a:pt x="894" y="168"/>
                  </a:lnTo>
                  <a:lnTo>
                    <a:pt x="894" y="168"/>
                  </a:lnTo>
                  <a:lnTo>
                    <a:pt x="730" y="188"/>
                  </a:lnTo>
                  <a:lnTo>
                    <a:pt x="580" y="208"/>
                  </a:lnTo>
                  <a:lnTo>
                    <a:pt x="432" y="230"/>
                  </a:lnTo>
                  <a:lnTo>
                    <a:pt x="432" y="230"/>
                  </a:lnTo>
                  <a:lnTo>
                    <a:pt x="420" y="232"/>
                  </a:lnTo>
                  <a:lnTo>
                    <a:pt x="386" y="236"/>
                  </a:lnTo>
                  <a:lnTo>
                    <a:pt x="336" y="238"/>
                  </a:lnTo>
                  <a:lnTo>
                    <a:pt x="308" y="238"/>
                  </a:lnTo>
                  <a:lnTo>
                    <a:pt x="276" y="238"/>
                  </a:lnTo>
                  <a:lnTo>
                    <a:pt x="244" y="234"/>
                  </a:lnTo>
                  <a:lnTo>
                    <a:pt x="212" y="228"/>
                  </a:lnTo>
                  <a:lnTo>
                    <a:pt x="178" y="220"/>
                  </a:lnTo>
                  <a:lnTo>
                    <a:pt x="144" y="208"/>
                  </a:lnTo>
                  <a:lnTo>
                    <a:pt x="112" y="194"/>
                  </a:lnTo>
                  <a:lnTo>
                    <a:pt x="82" y="174"/>
                  </a:lnTo>
                  <a:lnTo>
                    <a:pt x="68" y="162"/>
                  </a:lnTo>
                  <a:lnTo>
                    <a:pt x="54" y="150"/>
                  </a:lnTo>
                  <a:lnTo>
                    <a:pt x="42" y="136"/>
                  </a:lnTo>
                  <a:lnTo>
                    <a:pt x="30" y="122"/>
                  </a:lnTo>
                  <a:lnTo>
                    <a:pt x="30" y="122"/>
                  </a:lnTo>
                  <a:lnTo>
                    <a:pt x="24" y="116"/>
                  </a:lnTo>
                  <a:lnTo>
                    <a:pt x="20" y="108"/>
                  </a:lnTo>
                  <a:lnTo>
                    <a:pt x="14" y="96"/>
                  </a:lnTo>
                  <a:lnTo>
                    <a:pt x="10" y="80"/>
                  </a:lnTo>
                  <a:lnTo>
                    <a:pt x="4" y="58"/>
                  </a:lnTo>
                  <a:lnTo>
                    <a:pt x="2" y="32"/>
                  </a:lnTo>
                  <a:lnTo>
                    <a:pt x="0" y="0"/>
                  </a:lnTo>
                  <a:lnTo>
                    <a:pt x="0" y="0"/>
                  </a:lnTo>
                  <a:lnTo>
                    <a:pt x="0" y="20"/>
                  </a:lnTo>
                  <a:lnTo>
                    <a:pt x="2" y="42"/>
                  </a:lnTo>
                  <a:lnTo>
                    <a:pt x="4" y="72"/>
                  </a:lnTo>
                  <a:lnTo>
                    <a:pt x="12" y="108"/>
                  </a:lnTo>
                  <a:lnTo>
                    <a:pt x="22" y="152"/>
                  </a:lnTo>
                  <a:lnTo>
                    <a:pt x="38" y="200"/>
                  </a:lnTo>
                  <a:lnTo>
                    <a:pt x="60" y="256"/>
                  </a:lnTo>
                  <a:lnTo>
                    <a:pt x="74" y="284"/>
                  </a:lnTo>
                  <a:lnTo>
                    <a:pt x="90" y="314"/>
                  </a:lnTo>
                  <a:lnTo>
                    <a:pt x="106" y="346"/>
                  </a:lnTo>
                  <a:lnTo>
                    <a:pt x="126" y="378"/>
                  </a:lnTo>
                  <a:lnTo>
                    <a:pt x="148" y="410"/>
                  </a:lnTo>
                  <a:lnTo>
                    <a:pt x="172" y="444"/>
                  </a:lnTo>
                  <a:lnTo>
                    <a:pt x="198" y="478"/>
                  </a:lnTo>
                  <a:lnTo>
                    <a:pt x="228" y="514"/>
                  </a:lnTo>
                  <a:lnTo>
                    <a:pt x="260" y="550"/>
                  </a:lnTo>
                  <a:lnTo>
                    <a:pt x="294" y="586"/>
                  </a:lnTo>
                  <a:lnTo>
                    <a:pt x="332" y="622"/>
                  </a:lnTo>
                  <a:lnTo>
                    <a:pt x="374" y="658"/>
                  </a:lnTo>
                  <a:lnTo>
                    <a:pt x="418" y="696"/>
                  </a:lnTo>
                  <a:lnTo>
                    <a:pt x="464" y="732"/>
                  </a:lnTo>
                  <a:lnTo>
                    <a:pt x="516" y="770"/>
                  </a:lnTo>
                  <a:lnTo>
                    <a:pt x="570" y="806"/>
                  </a:lnTo>
                  <a:lnTo>
                    <a:pt x="570" y="806"/>
                  </a:lnTo>
                  <a:lnTo>
                    <a:pt x="582" y="814"/>
                  </a:lnTo>
                  <a:lnTo>
                    <a:pt x="614" y="834"/>
                  </a:lnTo>
                  <a:lnTo>
                    <a:pt x="666" y="862"/>
                  </a:lnTo>
                  <a:lnTo>
                    <a:pt x="698" y="876"/>
                  </a:lnTo>
                  <a:lnTo>
                    <a:pt x="732" y="892"/>
                  </a:lnTo>
                  <a:lnTo>
                    <a:pt x="770" y="908"/>
                  </a:lnTo>
                  <a:lnTo>
                    <a:pt x="810" y="922"/>
                  </a:lnTo>
                  <a:lnTo>
                    <a:pt x="854" y="934"/>
                  </a:lnTo>
                  <a:lnTo>
                    <a:pt x="898" y="944"/>
                  </a:lnTo>
                  <a:lnTo>
                    <a:pt x="944" y="952"/>
                  </a:lnTo>
                  <a:lnTo>
                    <a:pt x="990" y="958"/>
                  </a:lnTo>
                  <a:lnTo>
                    <a:pt x="1038" y="958"/>
                  </a:lnTo>
                  <a:lnTo>
                    <a:pt x="1086" y="954"/>
                  </a:lnTo>
                  <a:lnTo>
                    <a:pt x="1086" y="954"/>
                  </a:lnTo>
                  <a:lnTo>
                    <a:pt x="1094" y="952"/>
                  </a:lnTo>
                  <a:lnTo>
                    <a:pt x="1116" y="948"/>
                  </a:lnTo>
                  <a:lnTo>
                    <a:pt x="1152" y="936"/>
                  </a:lnTo>
                  <a:lnTo>
                    <a:pt x="1198" y="918"/>
                  </a:lnTo>
                  <a:lnTo>
                    <a:pt x="1224" y="906"/>
                  </a:lnTo>
                  <a:lnTo>
                    <a:pt x="1252" y="892"/>
                  </a:lnTo>
                  <a:lnTo>
                    <a:pt x="1280" y="876"/>
                  </a:lnTo>
                  <a:lnTo>
                    <a:pt x="1310" y="856"/>
                  </a:lnTo>
                  <a:lnTo>
                    <a:pt x="1340" y="836"/>
                  </a:lnTo>
                  <a:lnTo>
                    <a:pt x="1370" y="810"/>
                  </a:lnTo>
                  <a:lnTo>
                    <a:pt x="1400" y="784"/>
                  </a:lnTo>
                  <a:lnTo>
                    <a:pt x="1430" y="754"/>
                  </a:lnTo>
                  <a:lnTo>
                    <a:pt x="1430" y="754"/>
                  </a:lnTo>
                  <a:lnTo>
                    <a:pt x="1434" y="750"/>
                  </a:lnTo>
                  <a:lnTo>
                    <a:pt x="1444" y="744"/>
                  </a:lnTo>
                  <a:lnTo>
                    <a:pt x="1462" y="738"/>
                  </a:lnTo>
                  <a:lnTo>
                    <a:pt x="1474" y="736"/>
                  </a:lnTo>
                  <a:lnTo>
                    <a:pt x="1488" y="734"/>
                  </a:lnTo>
                  <a:lnTo>
                    <a:pt x="1488" y="734"/>
                  </a:lnTo>
                  <a:lnTo>
                    <a:pt x="1518" y="734"/>
                  </a:lnTo>
                  <a:lnTo>
                    <a:pt x="1562" y="734"/>
                  </a:lnTo>
                  <a:lnTo>
                    <a:pt x="1604" y="734"/>
                  </a:lnTo>
                  <a:lnTo>
                    <a:pt x="1630" y="736"/>
                  </a:lnTo>
                  <a:lnTo>
                    <a:pt x="1630" y="736"/>
                  </a:lnTo>
                  <a:lnTo>
                    <a:pt x="1646" y="742"/>
                  </a:lnTo>
                  <a:lnTo>
                    <a:pt x="1658" y="744"/>
                  </a:lnTo>
                  <a:lnTo>
                    <a:pt x="1664" y="742"/>
                  </a:lnTo>
                  <a:lnTo>
                    <a:pt x="1668" y="740"/>
                  </a:lnTo>
                  <a:lnTo>
                    <a:pt x="1680" y="732"/>
                  </a:lnTo>
                  <a:lnTo>
                    <a:pt x="1680" y="732"/>
                  </a:lnTo>
                  <a:lnTo>
                    <a:pt x="1684" y="728"/>
                  </a:lnTo>
                  <a:lnTo>
                    <a:pt x="1684" y="722"/>
                  </a:lnTo>
                  <a:lnTo>
                    <a:pt x="1684" y="700"/>
                  </a:lnTo>
                  <a:lnTo>
                    <a:pt x="1684" y="700"/>
                  </a:lnTo>
                  <a:lnTo>
                    <a:pt x="1684" y="690"/>
                  </a:lnTo>
                  <a:lnTo>
                    <a:pt x="1680" y="684"/>
                  </a:lnTo>
                  <a:lnTo>
                    <a:pt x="1676" y="678"/>
                  </a:lnTo>
                  <a:lnTo>
                    <a:pt x="1672" y="672"/>
                  </a:lnTo>
                  <a:lnTo>
                    <a:pt x="1668" y="670"/>
                  </a:lnTo>
                  <a:lnTo>
                    <a:pt x="1662" y="668"/>
                  </a:lnTo>
                  <a:lnTo>
                    <a:pt x="1658" y="666"/>
                  </a:lnTo>
                  <a:lnTo>
                    <a:pt x="1654" y="668"/>
                  </a:lnTo>
                  <a:lnTo>
                    <a:pt x="1654" y="668"/>
                  </a:lnTo>
                  <a:lnTo>
                    <a:pt x="1636" y="680"/>
                  </a:lnTo>
                  <a:lnTo>
                    <a:pt x="1624" y="688"/>
                  </a:lnTo>
                  <a:lnTo>
                    <a:pt x="1624" y="688"/>
                  </a:lnTo>
                  <a:lnTo>
                    <a:pt x="1618" y="690"/>
                  </a:lnTo>
                  <a:lnTo>
                    <a:pt x="1600" y="696"/>
                  </a:lnTo>
                  <a:lnTo>
                    <a:pt x="1586" y="696"/>
                  </a:lnTo>
                  <a:lnTo>
                    <a:pt x="1568" y="698"/>
                  </a:lnTo>
                  <a:lnTo>
                    <a:pt x="1544" y="696"/>
                  </a:lnTo>
                  <a:lnTo>
                    <a:pt x="1516" y="694"/>
                  </a:lnTo>
                  <a:lnTo>
                    <a:pt x="1516" y="694"/>
                  </a:lnTo>
                  <a:lnTo>
                    <a:pt x="1506" y="694"/>
                  </a:lnTo>
                  <a:lnTo>
                    <a:pt x="1484" y="692"/>
                  </a:lnTo>
                  <a:lnTo>
                    <a:pt x="1470" y="690"/>
                  </a:lnTo>
                  <a:lnTo>
                    <a:pt x="1458" y="688"/>
                  </a:lnTo>
                  <a:lnTo>
                    <a:pt x="1448" y="684"/>
                  </a:lnTo>
                  <a:lnTo>
                    <a:pt x="1444" y="678"/>
                  </a:lnTo>
                  <a:lnTo>
                    <a:pt x="1444" y="678"/>
                  </a:lnTo>
                  <a:close/>
                </a:path>
              </a:pathLst>
            </a:custGeom>
            <a:solidFill>
              <a:srgbClr val="E04548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>
              <a:lvl1pPr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1pPr>
              <a:lvl2pPr marL="742950" indent="-28575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2pPr>
              <a:lvl3pPr marL="11430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3pPr>
              <a:lvl4pPr marL="16002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4pPr>
              <a:lvl5pPr marL="2057400" indent="-228600"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5pPr>
              <a:lvl6pPr marL="25146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6pPr>
              <a:lvl7pPr marL="29718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7pPr>
              <a:lvl8pPr marL="34290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8pPr>
              <a:lvl9pPr marL="3886200" indent="-228600" fontAlgn="base" latinLnBrk="1">
                <a:spcBef>
                  <a:spcPct val="0"/>
                </a:spcBef>
                <a:spcAft>
                  <a:spcPct val="0"/>
                </a:spcAft>
                <a:defRPr>
                  <a:solidFill>
                    <a:schemeClr val="tx1"/>
                  </a:solidFill>
                  <a:latin typeface="Malgun Gothic" panose="020B0503020000020004" pitchFamily="34" charset="-127"/>
                  <a:ea typeface="Malgun Gothic" panose="020B0503020000020004" pitchFamily="34" charset="-127"/>
                </a:defRPr>
              </a:lvl9pPr>
            </a:lstStyle>
            <a:p>
              <a:pPr algn="ctr"/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ea typeface="+mn-ea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7" name="Freeform 49"/>
            <p:cNvSpPr/>
            <p:nvPr/>
          </p:nvSpPr>
          <p:spPr bwMode="auto">
            <a:xfrm rot="14549685">
              <a:off x="4435285" y="3880280"/>
              <a:ext cx="1852613" cy="1054100"/>
            </a:xfrm>
            <a:custGeom>
              <a:avLst/>
              <a:gdLst/>
              <a:ahLst/>
              <a:cxnLst>
                <a:cxn ang="0">
                  <a:pos x="1440" y="656"/>
                </a:cxn>
                <a:cxn ang="0">
                  <a:pos x="1416" y="558"/>
                </a:cxn>
                <a:cxn ang="0">
                  <a:pos x="1370" y="444"/>
                </a:cxn>
                <a:cxn ang="0">
                  <a:pos x="1326" y="374"/>
                </a:cxn>
                <a:cxn ang="0">
                  <a:pos x="1266" y="306"/>
                </a:cxn>
                <a:cxn ang="0">
                  <a:pos x="1192" y="246"/>
                </a:cxn>
                <a:cxn ang="0">
                  <a:pos x="1098" y="200"/>
                </a:cxn>
                <a:cxn ang="0">
                  <a:pos x="982" y="174"/>
                </a:cxn>
                <a:cxn ang="0">
                  <a:pos x="894" y="168"/>
                </a:cxn>
                <a:cxn ang="0">
                  <a:pos x="432" y="230"/>
                </a:cxn>
                <a:cxn ang="0">
                  <a:pos x="386" y="236"/>
                </a:cxn>
                <a:cxn ang="0">
                  <a:pos x="276" y="238"/>
                </a:cxn>
                <a:cxn ang="0">
                  <a:pos x="178" y="220"/>
                </a:cxn>
                <a:cxn ang="0">
                  <a:pos x="82" y="174"/>
                </a:cxn>
                <a:cxn ang="0">
                  <a:pos x="42" y="136"/>
                </a:cxn>
                <a:cxn ang="0">
                  <a:pos x="24" y="116"/>
                </a:cxn>
                <a:cxn ang="0">
                  <a:pos x="10" y="80"/>
                </a:cxn>
                <a:cxn ang="0">
                  <a:pos x="0" y="0"/>
                </a:cxn>
                <a:cxn ang="0">
                  <a:pos x="2" y="42"/>
                </a:cxn>
                <a:cxn ang="0">
                  <a:pos x="22" y="152"/>
                </a:cxn>
                <a:cxn ang="0">
                  <a:pos x="74" y="284"/>
                </a:cxn>
                <a:cxn ang="0">
                  <a:pos x="126" y="378"/>
                </a:cxn>
                <a:cxn ang="0">
                  <a:pos x="198" y="478"/>
                </a:cxn>
                <a:cxn ang="0">
                  <a:pos x="294" y="586"/>
                </a:cxn>
                <a:cxn ang="0">
                  <a:pos x="418" y="696"/>
                </a:cxn>
                <a:cxn ang="0">
                  <a:pos x="570" y="806"/>
                </a:cxn>
                <a:cxn ang="0">
                  <a:pos x="614" y="834"/>
                </a:cxn>
                <a:cxn ang="0">
                  <a:pos x="732" y="892"/>
                </a:cxn>
                <a:cxn ang="0">
                  <a:pos x="854" y="934"/>
                </a:cxn>
                <a:cxn ang="0">
                  <a:pos x="990" y="958"/>
                </a:cxn>
                <a:cxn ang="0">
                  <a:pos x="1086" y="954"/>
                </a:cxn>
                <a:cxn ang="0">
                  <a:pos x="1152" y="936"/>
                </a:cxn>
                <a:cxn ang="0">
                  <a:pos x="1252" y="892"/>
                </a:cxn>
                <a:cxn ang="0">
                  <a:pos x="1340" y="836"/>
                </a:cxn>
                <a:cxn ang="0">
                  <a:pos x="1430" y="754"/>
                </a:cxn>
                <a:cxn ang="0">
                  <a:pos x="1444" y="744"/>
                </a:cxn>
                <a:cxn ang="0">
                  <a:pos x="1488" y="734"/>
                </a:cxn>
                <a:cxn ang="0">
                  <a:pos x="1562" y="734"/>
                </a:cxn>
                <a:cxn ang="0">
                  <a:pos x="1630" y="736"/>
                </a:cxn>
                <a:cxn ang="0">
                  <a:pos x="1664" y="742"/>
                </a:cxn>
                <a:cxn ang="0">
                  <a:pos x="1680" y="732"/>
                </a:cxn>
                <a:cxn ang="0">
                  <a:pos x="1684" y="700"/>
                </a:cxn>
                <a:cxn ang="0">
                  <a:pos x="1680" y="684"/>
                </a:cxn>
                <a:cxn ang="0">
                  <a:pos x="1668" y="670"/>
                </a:cxn>
                <a:cxn ang="0">
                  <a:pos x="1654" y="668"/>
                </a:cxn>
                <a:cxn ang="0">
                  <a:pos x="1624" y="688"/>
                </a:cxn>
                <a:cxn ang="0">
                  <a:pos x="1600" y="696"/>
                </a:cxn>
                <a:cxn ang="0">
                  <a:pos x="1544" y="696"/>
                </a:cxn>
                <a:cxn ang="0">
                  <a:pos x="1506" y="694"/>
                </a:cxn>
                <a:cxn ang="0">
                  <a:pos x="1458" y="688"/>
                </a:cxn>
                <a:cxn ang="0">
                  <a:pos x="1444" y="678"/>
                </a:cxn>
              </a:cxnLst>
              <a:rect l="0" t="0" r="r" b="b"/>
              <a:pathLst>
                <a:path w="1684" h="958">
                  <a:moveTo>
                    <a:pt x="1444" y="678"/>
                  </a:moveTo>
                  <a:lnTo>
                    <a:pt x="1444" y="678"/>
                  </a:lnTo>
                  <a:lnTo>
                    <a:pt x="1440" y="656"/>
                  </a:lnTo>
                  <a:lnTo>
                    <a:pt x="1436" y="630"/>
                  </a:lnTo>
                  <a:lnTo>
                    <a:pt x="1428" y="598"/>
                  </a:lnTo>
                  <a:lnTo>
                    <a:pt x="1416" y="558"/>
                  </a:lnTo>
                  <a:lnTo>
                    <a:pt x="1402" y="514"/>
                  </a:lnTo>
                  <a:lnTo>
                    <a:pt x="1382" y="468"/>
                  </a:lnTo>
                  <a:lnTo>
                    <a:pt x="1370" y="444"/>
                  </a:lnTo>
                  <a:lnTo>
                    <a:pt x="1356" y="420"/>
                  </a:lnTo>
                  <a:lnTo>
                    <a:pt x="1342" y="396"/>
                  </a:lnTo>
                  <a:lnTo>
                    <a:pt x="1326" y="374"/>
                  </a:lnTo>
                  <a:lnTo>
                    <a:pt x="1308" y="350"/>
                  </a:lnTo>
                  <a:lnTo>
                    <a:pt x="1288" y="328"/>
                  </a:lnTo>
                  <a:lnTo>
                    <a:pt x="1266" y="306"/>
                  </a:lnTo>
                  <a:lnTo>
                    <a:pt x="1244" y="284"/>
                  </a:lnTo>
                  <a:lnTo>
                    <a:pt x="1218" y="264"/>
                  </a:lnTo>
                  <a:lnTo>
                    <a:pt x="1192" y="246"/>
                  </a:lnTo>
                  <a:lnTo>
                    <a:pt x="1162" y="228"/>
                  </a:lnTo>
                  <a:lnTo>
                    <a:pt x="1130" y="214"/>
                  </a:lnTo>
                  <a:lnTo>
                    <a:pt x="1098" y="200"/>
                  </a:lnTo>
                  <a:lnTo>
                    <a:pt x="1062" y="190"/>
                  </a:lnTo>
                  <a:lnTo>
                    <a:pt x="1024" y="180"/>
                  </a:lnTo>
                  <a:lnTo>
                    <a:pt x="982" y="174"/>
                  </a:lnTo>
                  <a:lnTo>
                    <a:pt x="940" y="170"/>
                  </a:lnTo>
                  <a:lnTo>
                    <a:pt x="894" y="168"/>
                  </a:lnTo>
                  <a:lnTo>
                    <a:pt x="894" y="168"/>
                  </a:lnTo>
                  <a:lnTo>
                    <a:pt x="730" y="188"/>
                  </a:lnTo>
                  <a:lnTo>
                    <a:pt x="580" y="208"/>
                  </a:lnTo>
                  <a:lnTo>
                    <a:pt x="432" y="230"/>
                  </a:lnTo>
                  <a:lnTo>
                    <a:pt x="432" y="230"/>
                  </a:lnTo>
                  <a:lnTo>
                    <a:pt x="420" y="232"/>
                  </a:lnTo>
                  <a:lnTo>
                    <a:pt x="386" y="236"/>
                  </a:lnTo>
                  <a:lnTo>
                    <a:pt x="336" y="238"/>
                  </a:lnTo>
                  <a:lnTo>
                    <a:pt x="308" y="238"/>
                  </a:lnTo>
                  <a:lnTo>
                    <a:pt x="276" y="238"/>
                  </a:lnTo>
                  <a:lnTo>
                    <a:pt x="244" y="234"/>
                  </a:lnTo>
                  <a:lnTo>
                    <a:pt x="212" y="228"/>
                  </a:lnTo>
                  <a:lnTo>
                    <a:pt x="178" y="220"/>
                  </a:lnTo>
                  <a:lnTo>
                    <a:pt x="144" y="208"/>
                  </a:lnTo>
                  <a:lnTo>
                    <a:pt x="112" y="194"/>
                  </a:lnTo>
                  <a:lnTo>
                    <a:pt x="82" y="174"/>
                  </a:lnTo>
                  <a:lnTo>
                    <a:pt x="68" y="162"/>
                  </a:lnTo>
                  <a:lnTo>
                    <a:pt x="54" y="150"/>
                  </a:lnTo>
                  <a:lnTo>
                    <a:pt x="42" y="136"/>
                  </a:lnTo>
                  <a:lnTo>
                    <a:pt x="30" y="122"/>
                  </a:lnTo>
                  <a:lnTo>
                    <a:pt x="30" y="122"/>
                  </a:lnTo>
                  <a:lnTo>
                    <a:pt x="24" y="116"/>
                  </a:lnTo>
                  <a:lnTo>
                    <a:pt x="20" y="108"/>
                  </a:lnTo>
                  <a:lnTo>
                    <a:pt x="14" y="96"/>
                  </a:lnTo>
                  <a:lnTo>
                    <a:pt x="10" y="80"/>
                  </a:lnTo>
                  <a:lnTo>
                    <a:pt x="4" y="58"/>
                  </a:lnTo>
                  <a:lnTo>
                    <a:pt x="2" y="32"/>
                  </a:lnTo>
                  <a:lnTo>
                    <a:pt x="0" y="0"/>
                  </a:lnTo>
                  <a:lnTo>
                    <a:pt x="0" y="0"/>
                  </a:lnTo>
                  <a:lnTo>
                    <a:pt x="0" y="20"/>
                  </a:lnTo>
                  <a:lnTo>
                    <a:pt x="2" y="42"/>
                  </a:lnTo>
                  <a:lnTo>
                    <a:pt x="4" y="72"/>
                  </a:lnTo>
                  <a:lnTo>
                    <a:pt x="12" y="108"/>
                  </a:lnTo>
                  <a:lnTo>
                    <a:pt x="22" y="152"/>
                  </a:lnTo>
                  <a:lnTo>
                    <a:pt x="38" y="200"/>
                  </a:lnTo>
                  <a:lnTo>
                    <a:pt x="60" y="256"/>
                  </a:lnTo>
                  <a:lnTo>
                    <a:pt x="74" y="284"/>
                  </a:lnTo>
                  <a:lnTo>
                    <a:pt x="90" y="314"/>
                  </a:lnTo>
                  <a:lnTo>
                    <a:pt x="106" y="346"/>
                  </a:lnTo>
                  <a:lnTo>
                    <a:pt x="126" y="378"/>
                  </a:lnTo>
                  <a:lnTo>
                    <a:pt x="148" y="410"/>
                  </a:lnTo>
                  <a:lnTo>
                    <a:pt x="172" y="444"/>
                  </a:lnTo>
                  <a:lnTo>
                    <a:pt x="198" y="478"/>
                  </a:lnTo>
                  <a:lnTo>
                    <a:pt x="228" y="514"/>
                  </a:lnTo>
                  <a:lnTo>
                    <a:pt x="260" y="550"/>
                  </a:lnTo>
                  <a:lnTo>
                    <a:pt x="294" y="586"/>
                  </a:lnTo>
                  <a:lnTo>
                    <a:pt x="332" y="622"/>
                  </a:lnTo>
                  <a:lnTo>
                    <a:pt x="374" y="658"/>
                  </a:lnTo>
                  <a:lnTo>
                    <a:pt x="418" y="696"/>
                  </a:lnTo>
                  <a:lnTo>
                    <a:pt x="464" y="732"/>
                  </a:lnTo>
                  <a:lnTo>
                    <a:pt x="516" y="770"/>
                  </a:lnTo>
                  <a:lnTo>
                    <a:pt x="570" y="806"/>
                  </a:lnTo>
                  <a:lnTo>
                    <a:pt x="570" y="806"/>
                  </a:lnTo>
                  <a:lnTo>
                    <a:pt x="582" y="814"/>
                  </a:lnTo>
                  <a:lnTo>
                    <a:pt x="614" y="834"/>
                  </a:lnTo>
                  <a:lnTo>
                    <a:pt x="666" y="862"/>
                  </a:lnTo>
                  <a:lnTo>
                    <a:pt x="698" y="876"/>
                  </a:lnTo>
                  <a:lnTo>
                    <a:pt x="732" y="892"/>
                  </a:lnTo>
                  <a:lnTo>
                    <a:pt x="770" y="908"/>
                  </a:lnTo>
                  <a:lnTo>
                    <a:pt x="810" y="922"/>
                  </a:lnTo>
                  <a:lnTo>
                    <a:pt x="854" y="934"/>
                  </a:lnTo>
                  <a:lnTo>
                    <a:pt x="898" y="944"/>
                  </a:lnTo>
                  <a:lnTo>
                    <a:pt x="944" y="952"/>
                  </a:lnTo>
                  <a:lnTo>
                    <a:pt x="990" y="958"/>
                  </a:lnTo>
                  <a:lnTo>
                    <a:pt x="1038" y="958"/>
                  </a:lnTo>
                  <a:lnTo>
                    <a:pt x="1086" y="954"/>
                  </a:lnTo>
                  <a:lnTo>
                    <a:pt x="1086" y="954"/>
                  </a:lnTo>
                  <a:lnTo>
                    <a:pt x="1094" y="952"/>
                  </a:lnTo>
                  <a:lnTo>
                    <a:pt x="1116" y="948"/>
                  </a:lnTo>
                  <a:lnTo>
                    <a:pt x="1152" y="936"/>
                  </a:lnTo>
                  <a:lnTo>
                    <a:pt x="1198" y="918"/>
                  </a:lnTo>
                  <a:lnTo>
                    <a:pt x="1224" y="906"/>
                  </a:lnTo>
                  <a:lnTo>
                    <a:pt x="1252" y="892"/>
                  </a:lnTo>
                  <a:lnTo>
                    <a:pt x="1280" y="876"/>
                  </a:lnTo>
                  <a:lnTo>
                    <a:pt x="1310" y="856"/>
                  </a:lnTo>
                  <a:lnTo>
                    <a:pt x="1340" y="836"/>
                  </a:lnTo>
                  <a:lnTo>
                    <a:pt x="1370" y="810"/>
                  </a:lnTo>
                  <a:lnTo>
                    <a:pt x="1400" y="784"/>
                  </a:lnTo>
                  <a:lnTo>
                    <a:pt x="1430" y="754"/>
                  </a:lnTo>
                  <a:lnTo>
                    <a:pt x="1430" y="754"/>
                  </a:lnTo>
                  <a:lnTo>
                    <a:pt x="1434" y="750"/>
                  </a:lnTo>
                  <a:lnTo>
                    <a:pt x="1444" y="744"/>
                  </a:lnTo>
                  <a:lnTo>
                    <a:pt x="1462" y="738"/>
                  </a:lnTo>
                  <a:lnTo>
                    <a:pt x="1474" y="736"/>
                  </a:lnTo>
                  <a:lnTo>
                    <a:pt x="1488" y="734"/>
                  </a:lnTo>
                  <a:lnTo>
                    <a:pt x="1488" y="734"/>
                  </a:lnTo>
                  <a:lnTo>
                    <a:pt x="1518" y="734"/>
                  </a:lnTo>
                  <a:lnTo>
                    <a:pt x="1562" y="734"/>
                  </a:lnTo>
                  <a:lnTo>
                    <a:pt x="1604" y="734"/>
                  </a:lnTo>
                  <a:lnTo>
                    <a:pt x="1630" y="736"/>
                  </a:lnTo>
                  <a:lnTo>
                    <a:pt x="1630" y="736"/>
                  </a:lnTo>
                  <a:lnTo>
                    <a:pt x="1646" y="742"/>
                  </a:lnTo>
                  <a:lnTo>
                    <a:pt x="1658" y="744"/>
                  </a:lnTo>
                  <a:lnTo>
                    <a:pt x="1664" y="742"/>
                  </a:lnTo>
                  <a:lnTo>
                    <a:pt x="1668" y="740"/>
                  </a:lnTo>
                  <a:lnTo>
                    <a:pt x="1680" y="732"/>
                  </a:lnTo>
                  <a:lnTo>
                    <a:pt x="1680" y="732"/>
                  </a:lnTo>
                  <a:lnTo>
                    <a:pt x="1684" y="728"/>
                  </a:lnTo>
                  <a:lnTo>
                    <a:pt x="1684" y="722"/>
                  </a:lnTo>
                  <a:lnTo>
                    <a:pt x="1684" y="700"/>
                  </a:lnTo>
                  <a:lnTo>
                    <a:pt x="1684" y="700"/>
                  </a:lnTo>
                  <a:lnTo>
                    <a:pt x="1684" y="690"/>
                  </a:lnTo>
                  <a:lnTo>
                    <a:pt x="1680" y="684"/>
                  </a:lnTo>
                  <a:lnTo>
                    <a:pt x="1676" y="678"/>
                  </a:lnTo>
                  <a:lnTo>
                    <a:pt x="1672" y="672"/>
                  </a:lnTo>
                  <a:lnTo>
                    <a:pt x="1668" y="670"/>
                  </a:lnTo>
                  <a:lnTo>
                    <a:pt x="1662" y="668"/>
                  </a:lnTo>
                  <a:lnTo>
                    <a:pt x="1658" y="666"/>
                  </a:lnTo>
                  <a:lnTo>
                    <a:pt x="1654" y="668"/>
                  </a:lnTo>
                  <a:lnTo>
                    <a:pt x="1654" y="668"/>
                  </a:lnTo>
                  <a:lnTo>
                    <a:pt x="1636" y="680"/>
                  </a:lnTo>
                  <a:lnTo>
                    <a:pt x="1624" y="688"/>
                  </a:lnTo>
                  <a:lnTo>
                    <a:pt x="1624" y="688"/>
                  </a:lnTo>
                  <a:lnTo>
                    <a:pt x="1618" y="690"/>
                  </a:lnTo>
                  <a:lnTo>
                    <a:pt x="1600" y="696"/>
                  </a:lnTo>
                  <a:lnTo>
                    <a:pt x="1586" y="696"/>
                  </a:lnTo>
                  <a:lnTo>
                    <a:pt x="1568" y="698"/>
                  </a:lnTo>
                  <a:lnTo>
                    <a:pt x="1544" y="696"/>
                  </a:lnTo>
                  <a:lnTo>
                    <a:pt x="1516" y="694"/>
                  </a:lnTo>
                  <a:lnTo>
                    <a:pt x="1516" y="694"/>
                  </a:lnTo>
                  <a:lnTo>
                    <a:pt x="1506" y="694"/>
                  </a:lnTo>
                  <a:lnTo>
                    <a:pt x="1484" y="692"/>
                  </a:lnTo>
                  <a:lnTo>
                    <a:pt x="1470" y="690"/>
                  </a:lnTo>
                  <a:lnTo>
                    <a:pt x="1458" y="688"/>
                  </a:lnTo>
                  <a:lnTo>
                    <a:pt x="1448" y="684"/>
                  </a:lnTo>
                  <a:lnTo>
                    <a:pt x="1444" y="678"/>
                  </a:lnTo>
                  <a:lnTo>
                    <a:pt x="1444" y="678"/>
                  </a:lnTo>
                  <a:close/>
                </a:path>
              </a:pathLst>
            </a:custGeom>
            <a:solidFill>
              <a:srgbClr val="FDB52D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>
                <a:defRPr/>
              </a:pPr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8" name="Freeform 49"/>
            <p:cNvSpPr/>
            <p:nvPr/>
          </p:nvSpPr>
          <p:spPr bwMode="auto">
            <a:xfrm>
              <a:off x="1973866" y="4650482"/>
              <a:ext cx="1852613" cy="1054100"/>
            </a:xfrm>
            <a:custGeom>
              <a:avLst/>
              <a:gdLst/>
              <a:ahLst/>
              <a:cxnLst>
                <a:cxn ang="0">
                  <a:pos x="1440" y="656"/>
                </a:cxn>
                <a:cxn ang="0">
                  <a:pos x="1416" y="558"/>
                </a:cxn>
                <a:cxn ang="0">
                  <a:pos x="1370" y="444"/>
                </a:cxn>
                <a:cxn ang="0">
                  <a:pos x="1326" y="374"/>
                </a:cxn>
                <a:cxn ang="0">
                  <a:pos x="1266" y="306"/>
                </a:cxn>
                <a:cxn ang="0">
                  <a:pos x="1192" y="246"/>
                </a:cxn>
                <a:cxn ang="0">
                  <a:pos x="1098" y="200"/>
                </a:cxn>
                <a:cxn ang="0">
                  <a:pos x="982" y="174"/>
                </a:cxn>
                <a:cxn ang="0">
                  <a:pos x="894" y="168"/>
                </a:cxn>
                <a:cxn ang="0">
                  <a:pos x="432" y="230"/>
                </a:cxn>
                <a:cxn ang="0">
                  <a:pos x="386" y="236"/>
                </a:cxn>
                <a:cxn ang="0">
                  <a:pos x="276" y="238"/>
                </a:cxn>
                <a:cxn ang="0">
                  <a:pos x="178" y="220"/>
                </a:cxn>
                <a:cxn ang="0">
                  <a:pos x="82" y="174"/>
                </a:cxn>
                <a:cxn ang="0">
                  <a:pos x="42" y="136"/>
                </a:cxn>
                <a:cxn ang="0">
                  <a:pos x="24" y="116"/>
                </a:cxn>
                <a:cxn ang="0">
                  <a:pos x="10" y="80"/>
                </a:cxn>
                <a:cxn ang="0">
                  <a:pos x="0" y="0"/>
                </a:cxn>
                <a:cxn ang="0">
                  <a:pos x="2" y="42"/>
                </a:cxn>
                <a:cxn ang="0">
                  <a:pos x="22" y="152"/>
                </a:cxn>
                <a:cxn ang="0">
                  <a:pos x="74" y="284"/>
                </a:cxn>
                <a:cxn ang="0">
                  <a:pos x="126" y="378"/>
                </a:cxn>
                <a:cxn ang="0">
                  <a:pos x="198" y="478"/>
                </a:cxn>
                <a:cxn ang="0">
                  <a:pos x="294" y="586"/>
                </a:cxn>
                <a:cxn ang="0">
                  <a:pos x="418" y="696"/>
                </a:cxn>
                <a:cxn ang="0">
                  <a:pos x="570" y="806"/>
                </a:cxn>
                <a:cxn ang="0">
                  <a:pos x="614" y="834"/>
                </a:cxn>
                <a:cxn ang="0">
                  <a:pos x="732" y="892"/>
                </a:cxn>
                <a:cxn ang="0">
                  <a:pos x="854" y="934"/>
                </a:cxn>
                <a:cxn ang="0">
                  <a:pos x="990" y="958"/>
                </a:cxn>
                <a:cxn ang="0">
                  <a:pos x="1086" y="954"/>
                </a:cxn>
                <a:cxn ang="0">
                  <a:pos x="1152" y="936"/>
                </a:cxn>
                <a:cxn ang="0">
                  <a:pos x="1252" y="892"/>
                </a:cxn>
                <a:cxn ang="0">
                  <a:pos x="1340" y="836"/>
                </a:cxn>
                <a:cxn ang="0">
                  <a:pos x="1430" y="754"/>
                </a:cxn>
                <a:cxn ang="0">
                  <a:pos x="1444" y="744"/>
                </a:cxn>
                <a:cxn ang="0">
                  <a:pos x="1488" y="734"/>
                </a:cxn>
                <a:cxn ang="0">
                  <a:pos x="1562" y="734"/>
                </a:cxn>
                <a:cxn ang="0">
                  <a:pos x="1630" y="736"/>
                </a:cxn>
                <a:cxn ang="0">
                  <a:pos x="1664" y="742"/>
                </a:cxn>
                <a:cxn ang="0">
                  <a:pos x="1680" y="732"/>
                </a:cxn>
                <a:cxn ang="0">
                  <a:pos x="1684" y="700"/>
                </a:cxn>
                <a:cxn ang="0">
                  <a:pos x="1680" y="684"/>
                </a:cxn>
                <a:cxn ang="0">
                  <a:pos x="1668" y="670"/>
                </a:cxn>
                <a:cxn ang="0">
                  <a:pos x="1654" y="668"/>
                </a:cxn>
                <a:cxn ang="0">
                  <a:pos x="1624" y="688"/>
                </a:cxn>
                <a:cxn ang="0">
                  <a:pos x="1600" y="696"/>
                </a:cxn>
                <a:cxn ang="0">
                  <a:pos x="1544" y="696"/>
                </a:cxn>
                <a:cxn ang="0">
                  <a:pos x="1506" y="694"/>
                </a:cxn>
                <a:cxn ang="0">
                  <a:pos x="1458" y="688"/>
                </a:cxn>
                <a:cxn ang="0">
                  <a:pos x="1444" y="678"/>
                </a:cxn>
              </a:cxnLst>
              <a:rect l="0" t="0" r="r" b="b"/>
              <a:pathLst>
                <a:path w="1684" h="958">
                  <a:moveTo>
                    <a:pt x="1444" y="678"/>
                  </a:moveTo>
                  <a:lnTo>
                    <a:pt x="1444" y="678"/>
                  </a:lnTo>
                  <a:lnTo>
                    <a:pt x="1440" y="656"/>
                  </a:lnTo>
                  <a:lnTo>
                    <a:pt x="1436" y="630"/>
                  </a:lnTo>
                  <a:lnTo>
                    <a:pt x="1428" y="598"/>
                  </a:lnTo>
                  <a:lnTo>
                    <a:pt x="1416" y="558"/>
                  </a:lnTo>
                  <a:lnTo>
                    <a:pt x="1402" y="514"/>
                  </a:lnTo>
                  <a:lnTo>
                    <a:pt x="1382" y="468"/>
                  </a:lnTo>
                  <a:lnTo>
                    <a:pt x="1370" y="444"/>
                  </a:lnTo>
                  <a:lnTo>
                    <a:pt x="1356" y="420"/>
                  </a:lnTo>
                  <a:lnTo>
                    <a:pt x="1342" y="396"/>
                  </a:lnTo>
                  <a:lnTo>
                    <a:pt x="1326" y="374"/>
                  </a:lnTo>
                  <a:lnTo>
                    <a:pt x="1308" y="350"/>
                  </a:lnTo>
                  <a:lnTo>
                    <a:pt x="1288" y="328"/>
                  </a:lnTo>
                  <a:lnTo>
                    <a:pt x="1266" y="306"/>
                  </a:lnTo>
                  <a:lnTo>
                    <a:pt x="1244" y="284"/>
                  </a:lnTo>
                  <a:lnTo>
                    <a:pt x="1218" y="264"/>
                  </a:lnTo>
                  <a:lnTo>
                    <a:pt x="1192" y="246"/>
                  </a:lnTo>
                  <a:lnTo>
                    <a:pt x="1162" y="228"/>
                  </a:lnTo>
                  <a:lnTo>
                    <a:pt x="1130" y="214"/>
                  </a:lnTo>
                  <a:lnTo>
                    <a:pt x="1098" y="200"/>
                  </a:lnTo>
                  <a:lnTo>
                    <a:pt x="1062" y="190"/>
                  </a:lnTo>
                  <a:lnTo>
                    <a:pt x="1024" y="180"/>
                  </a:lnTo>
                  <a:lnTo>
                    <a:pt x="982" y="174"/>
                  </a:lnTo>
                  <a:lnTo>
                    <a:pt x="940" y="170"/>
                  </a:lnTo>
                  <a:lnTo>
                    <a:pt x="894" y="168"/>
                  </a:lnTo>
                  <a:lnTo>
                    <a:pt x="894" y="168"/>
                  </a:lnTo>
                  <a:lnTo>
                    <a:pt x="730" y="188"/>
                  </a:lnTo>
                  <a:lnTo>
                    <a:pt x="580" y="208"/>
                  </a:lnTo>
                  <a:lnTo>
                    <a:pt x="432" y="230"/>
                  </a:lnTo>
                  <a:lnTo>
                    <a:pt x="432" y="230"/>
                  </a:lnTo>
                  <a:lnTo>
                    <a:pt x="420" y="232"/>
                  </a:lnTo>
                  <a:lnTo>
                    <a:pt x="386" y="236"/>
                  </a:lnTo>
                  <a:lnTo>
                    <a:pt x="336" y="238"/>
                  </a:lnTo>
                  <a:lnTo>
                    <a:pt x="308" y="238"/>
                  </a:lnTo>
                  <a:lnTo>
                    <a:pt x="276" y="238"/>
                  </a:lnTo>
                  <a:lnTo>
                    <a:pt x="244" y="234"/>
                  </a:lnTo>
                  <a:lnTo>
                    <a:pt x="212" y="228"/>
                  </a:lnTo>
                  <a:lnTo>
                    <a:pt x="178" y="220"/>
                  </a:lnTo>
                  <a:lnTo>
                    <a:pt x="144" y="208"/>
                  </a:lnTo>
                  <a:lnTo>
                    <a:pt x="112" y="194"/>
                  </a:lnTo>
                  <a:lnTo>
                    <a:pt x="82" y="174"/>
                  </a:lnTo>
                  <a:lnTo>
                    <a:pt x="68" y="162"/>
                  </a:lnTo>
                  <a:lnTo>
                    <a:pt x="54" y="150"/>
                  </a:lnTo>
                  <a:lnTo>
                    <a:pt x="42" y="136"/>
                  </a:lnTo>
                  <a:lnTo>
                    <a:pt x="30" y="122"/>
                  </a:lnTo>
                  <a:lnTo>
                    <a:pt x="30" y="122"/>
                  </a:lnTo>
                  <a:lnTo>
                    <a:pt x="24" y="116"/>
                  </a:lnTo>
                  <a:lnTo>
                    <a:pt x="20" y="108"/>
                  </a:lnTo>
                  <a:lnTo>
                    <a:pt x="14" y="96"/>
                  </a:lnTo>
                  <a:lnTo>
                    <a:pt x="10" y="80"/>
                  </a:lnTo>
                  <a:lnTo>
                    <a:pt x="4" y="58"/>
                  </a:lnTo>
                  <a:lnTo>
                    <a:pt x="2" y="32"/>
                  </a:lnTo>
                  <a:lnTo>
                    <a:pt x="0" y="0"/>
                  </a:lnTo>
                  <a:lnTo>
                    <a:pt x="0" y="0"/>
                  </a:lnTo>
                  <a:lnTo>
                    <a:pt x="0" y="20"/>
                  </a:lnTo>
                  <a:lnTo>
                    <a:pt x="2" y="42"/>
                  </a:lnTo>
                  <a:lnTo>
                    <a:pt x="4" y="72"/>
                  </a:lnTo>
                  <a:lnTo>
                    <a:pt x="12" y="108"/>
                  </a:lnTo>
                  <a:lnTo>
                    <a:pt x="22" y="152"/>
                  </a:lnTo>
                  <a:lnTo>
                    <a:pt x="38" y="200"/>
                  </a:lnTo>
                  <a:lnTo>
                    <a:pt x="60" y="256"/>
                  </a:lnTo>
                  <a:lnTo>
                    <a:pt x="74" y="284"/>
                  </a:lnTo>
                  <a:lnTo>
                    <a:pt x="90" y="314"/>
                  </a:lnTo>
                  <a:lnTo>
                    <a:pt x="106" y="346"/>
                  </a:lnTo>
                  <a:lnTo>
                    <a:pt x="126" y="378"/>
                  </a:lnTo>
                  <a:lnTo>
                    <a:pt x="148" y="410"/>
                  </a:lnTo>
                  <a:lnTo>
                    <a:pt x="172" y="444"/>
                  </a:lnTo>
                  <a:lnTo>
                    <a:pt x="198" y="478"/>
                  </a:lnTo>
                  <a:lnTo>
                    <a:pt x="228" y="514"/>
                  </a:lnTo>
                  <a:lnTo>
                    <a:pt x="260" y="550"/>
                  </a:lnTo>
                  <a:lnTo>
                    <a:pt x="294" y="586"/>
                  </a:lnTo>
                  <a:lnTo>
                    <a:pt x="332" y="622"/>
                  </a:lnTo>
                  <a:lnTo>
                    <a:pt x="374" y="658"/>
                  </a:lnTo>
                  <a:lnTo>
                    <a:pt x="418" y="696"/>
                  </a:lnTo>
                  <a:lnTo>
                    <a:pt x="464" y="732"/>
                  </a:lnTo>
                  <a:lnTo>
                    <a:pt x="516" y="770"/>
                  </a:lnTo>
                  <a:lnTo>
                    <a:pt x="570" y="806"/>
                  </a:lnTo>
                  <a:lnTo>
                    <a:pt x="570" y="806"/>
                  </a:lnTo>
                  <a:lnTo>
                    <a:pt x="582" y="814"/>
                  </a:lnTo>
                  <a:lnTo>
                    <a:pt x="614" y="834"/>
                  </a:lnTo>
                  <a:lnTo>
                    <a:pt x="666" y="862"/>
                  </a:lnTo>
                  <a:lnTo>
                    <a:pt x="698" y="876"/>
                  </a:lnTo>
                  <a:lnTo>
                    <a:pt x="732" y="892"/>
                  </a:lnTo>
                  <a:lnTo>
                    <a:pt x="770" y="908"/>
                  </a:lnTo>
                  <a:lnTo>
                    <a:pt x="810" y="922"/>
                  </a:lnTo>
                  <a:lnTo>
                    <a:pt x="854" y="934"/>
                  </a:lnTo>
                  <a:lnTo>
                    <a:pt x="898" y="944"/>
                  </a:lnTo>
                  <a:lnTo>
                    <a:pt x="944" y="952"/>
                  </a:lnTo>
                  <a:lnTo>
                    <a:pt x="990" y="958"/>
                  </a:lnTo>
                  <a:lnTo>
                    <a:pt x="1038" y="958"/>
                  </a:lnTo>
                  <a:lnTo>
                    <a:pt x="1086" y="954"/>
                  </a:lnTo>
                  <a:lnTo>
                    <a:pt x="1086" y="954"/>
                  </a:lnTo>
                  <a:lnTo>
                    <a:pt x="1094" y="952"/>
                  </a:lnTo>
                  <a:lnTo>
                    <a:pt x="1116" y="948"/>
                  </a:lnTo>
                  <a:lnTo>
                    <a:pt x="1152" y="936"/>
                  </a:lnTo>
                  <a:lnTo>
                    <a:pt x="1198" y="918"/>
                  </a:lnTo>
                  <a:lnTo>
                    <a:pt x="1224" y="906"/>
                  </a:lnTo>
                  <a:lnTo>
                    <a:pt x="1252" y="892"/>
                  </a:lnTo>
                  <a:lnTo>
                    <a:pt x="1280" y="876"/>
                  </a:lnTo>
                  <a:lnTo>
                    <a:pt x="1310" y="856"/>
                  </a:lnTo>
                  <a:lnTo>
                    <a:pt x="1340" y="836"/>
                  </a:lnTo>
                  <a:lnTo>
                    <a:pt x="1370" y="810"/>
                  </a:lnTo>
                  <a:lnTo>
                    <a:pt x="1400" y="784"/>
                  </a:lnTo>
                  <a:lnTo>
                    <a:pt x="1430" y="754"/>
                  </a:lnTo>
                  <a:lnTo>
                    <a:pt x="1430" y="754"/>
                  </a:lnTo>
                  <a:lnTo>
                    <a:pt x="1434" y="750"/>
                  </a:lnTo>
                  <a:lnTo>
                    <a:pt x="1444" y="744"/>
                  </a:lnTo>
                  <a:lnTo>
                    <a:pt x="1462" y="738"/>
                  </a:lnTo>
                  <a:lnTo>
                    <a:pt x="1474" y="736"/>
                  </a:lnTo>
                  <a:lnTo>
                    <a:pt x="1488" y="734"/>
                  </a:lnTo>
                  <a:lnTo>
                    <a:pt x="1488" y="734"/>
                  </a:lnTo>
                  <a:lnTo>
                    <a:pt x="1518" y="734"/>
                  </a:lnTo>
                  <a:lnTo>
                    <a:pt x="1562" y="734"/>
                  </a:lnTo>
                  <a:lnTo>
                    <a:pt x="1604" y="734"/>
                  </a:lnTo>
                  <a:lnTo>
                    <a:pt x="1630" y="736"/>
                  </a:lnTo>
                  <a:lnTo>
                    <a:pt x="1630" y="736"/>
                  </a:lnTo>
                  <a:lnTo>
                    <a:pt x="1646" y="742"/>
                  </a:lnTo>
                  <a:lnTo>
                    <a:pt x="1658" y="744"/>
                  </a:lnTo>
                  <a:lnTo>
                    <a:pt x="1664" y="742"/>
                  </a:lnTo>
                  <a:lnTo>
                    <a:pt x="1668" y="740"/>
                  </a:lnTo>
                  <a:lnTo>
                    <a:pt x="1680" y="732"/>
                  </a:lnTo>
                  <a:lnTo>
                    <a:pt x="1680" y="732"/>
                  </a:lnTo>
                  <a:lnTo>
                    <a:pt x="1684" y="728"/>
                  </a:lnTo>
                  <a:lnTo>
                    <a:pt x="1684" y="722"/>
                  </a:lnTo>
                  <a:lnTo>
                    <a:pt x="1684" y="700"/>
                  </a:lnTo>
                  <a:lnTo>
                    <a:pt x="1684" y="700"/>
                  </a:lnTo>
                  <a:lnTo>
                    <a:pt x="1684" y="690"/>
                  </a:lnTo>
                  <a:lnTo>
                    <a:pt x="1680" y="684"/>
                  </a:lnTo>
                  <a:lnTo>
                    <a:pt x="1676" y="678"/>
                  </a:lnTo>
                  <a:lnTo>
                    <a:pt x="1672" y="672"/>
                  </a:lnTo>
                  <a:lnTo>
                    <a:pt x="1668" y="670"/>
                  </a:lnTo>
                  <a:lnTo>
                    <a:pt x="1662" y="668"/>
                  </a:lnTo>
                  <a:lnTo>
                    <a:pt x="1658" y="666"/>
                  </a:lnTo>
                  <a:lnTo>
                    <a:pt x="1654" y="668"/>
                  </a:lnTo>
                  <a:lnTo>
                    <a:pt x="1654" y="668"/>
                  </a:lnTo>
                  <a:lnTo>
                    <a:pt x="1636" y="680"/>
                  </a:lnTo>
                  <a:lnTo>
                    <a:pt x="1624" y="688"/>
                  </a:lnTo>
                  <a:lnTo>
                    <a:pt x="1624" y="688"/>
                  </a:lnTo>
                  <a:lnTo>
                    <a:pt x="1618" y="690"/>
                  </a:lnTo>
                  <a:lnTo>
                    <a:pt x="1600" y="696"/>
                  </a:lnTo>
                  <a:lnTo>
                    <a:pt x="1586" y="696"/>
                  </a:lnTo>
                  <a:lnTo>
                    <a:pt x="1568" y="698"/>
                  </a:lnTo>
                  <a:lnTo>
                    <a:pt x="1544" y="696"/>
                  </a:lnTo>
                  <a:lnTo>
                    <a:pt x="1516" y="694"/>
                  </a:lnTo>
                  <a:lnTo>
                    <a:pt x="1516" y="694"/>
                  </a:lnTo>
                  <a:lnTo>
                    <a:pt x="1506" y="694"/>
                  </a:lnTo>
                  <a:lnTo>
                    <a:pt x="1484" y="692"/>
                  </a:lnTo>
                  <a:lnTo>
                    <a:pt x="1470" y="690"/>
                  </a:lnTo>
                  <a:lnTo>
                    <a:pt x="1458" y="688"/>
                  </a:lnTo>
                  <a:lnTo>
                    <a:pt x="1448" y="684"/>
                  </a:lnTo>
                  <a:lnTo>
                    <a:pt x="1444" y="678"/>
                  </a:lnTo>
                  <a:lnTo>
                    <a:pt x="1444" y="678"/>
                  </a:lnTo>
                  <a:close/>
                </a:path>
              </a:pathLst>
            </a:custGeom>
            <a:solidFill>
              <a:srgbClr val="288DBB"/>
            </a:solidFill>
            <a:ln w="19050">
              <a:noFill/>
              <a:headEnd type="oval"/>
              <a:tailEnd type="oval"/>
            </a:ln>
            <a:effectLst/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  <p:txBody>
            <a:bodyPr anchor="ctr"/>
            <a:lstStyle/>
            <a:p>
              <a:pPr algn="ctr">
                <a:defRPr/>
              </a:pPr>
              <a:endParaRPr lang="ko-KR" altLang="en-US">
                <a:solidFill>
                  <a:prstClr val="black"/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9" name="직사각형 401"/>
            <p:cNvSpPr/>
            <p:nvPr/>
          </p:nvSpPr>
          <p:spPr bwMode="auto">
            <a:xfrm>
              <a:off x="3042155" y="2560838"/>
              <a:ext cx="589905" cy="276999"/>
            </a:xfrm>
            <a:prstGeom prst="rect">
              <a:avLst/>
            </a:prstGeom>
          </p:spPr>
          <p:txBody>
            <a:bodyPr wrap="none" lIns="0" tIns="0" rIns="0" bIns="0" anchor="ctr">
              <a:spAutoFit/>
            </a:bodyPr>
            <a:lstStyle/>
            <a:p>
              <a:pPr algn="ctr">
                <a:defRPr/>
              </a:pPr>
              <a:r>
                <a:rPr lang="zh-CN" altLang="en-US" dirty="0">
                  <a:ln>
                    <a:solidFill>
                      <a:prstClr val="white"/>
                    </a:solidFill>
                  </a:ln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标 题 </a:t>
              </a:r>
              <a:endParaRPr lang="en-US" altLang="ko-KR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00" name="직사각형 402"/>
            <p:cNvSpPr/>
            <p:nvPr/>
          </p:nvSpPr>
          <p:spPr bwMode="auto">
            <a:xfrm>
              <a:off x="2635161" y="5087630"/>
              <a:ext cx="589916" cy="276958"/>
            </a:xfrm>
            <a:prstGeom prst="rect">
              <a:avLst/>
            </a:prstGeom>
          </p:spPr>
          <p:txBody>
            <a:bodyPr wrap="none" lIns="0" tIns="0" rIns="0" bIns="0" anchor="ctr">
              <a:spAutoFit/>
            </a:bodyPr>
            <a:lstStyle/>
            <a:p>
              <a:pPr algn="ctr">
                <a:defRPr/>
              </a:pPr>
              <a:r>
                <a:rPr lang="zh-CN" altLang="en-US" dirty="0">
                  <a:ln>
                    <a:solidFill>
                      <a:prstClr val="white"/>
                    </a:solidFill>
                  </a:ln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标 题 </a:t>
              </a:r>
              <a:endParaRPr lang="en-US" altLang="ko-KR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05" name="직사각형 403"/>
            <p:cNvSpPr/>
            <p:nvPr/>
          </p:nvSpPr>
          <p:spPr bwMode="auto">
            <a:xfrm>
              <a:off x="5113485" y="4172334"/>
              <a:ext cx="589916" cy="276958"/>
            </a:xfrm>
            <a:prstGeom prst="rect">
              <a:avLst/>
            </a:prstGeom>
          </p:spPr>
          <p:txBody>
            <a:bodyPr wrap="none" lIns="0" tIns="0" rIns="0" bIns="0" anchor="ctr">
              <a:spAutoFit/>
            </a:bodyPr>
            <a:lstStyle/>
            <a:p>
              <a:pPr algn="ctr">
                <a:defRPr/>
              </a:pPr>
              <a:r>
                <a:rPr lang="zh-CN" altLang="en-US" dirty="0">
                  <a:ln>
                    <a:solidFill>
                      <a:prstClr val="white"/>
                    </a:solidFill>
                  </a:ln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标 题 </a:t>
              </a:r>
              <a:endParaRPr lang="en-US" altLang="ko-KR" dirty="0">
                <a:ln>
                  <a:solidFill>
                    <a:prstClr val="white"/>
                  </a:solidFill>
                </a:ln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06" name="직사각형 399"/>
            <p:cNvSpPr/>
            <p:nvPr/>
          </p:nvSpPr>
          <p:spPr bwMode="auto">
            <a:xfrm>
              <a:off x="3162065" y="3233663"/>
              <a:ext cx="1415772" cy="338554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pPr defTabSz="1216660">
                <a:spcBef>
                  <a:spcPct val="20000"/>
                </a:spcBef>
                <a:defRPr/>
              </a:pPr>
              <a:r>
                <a:rPr lang="zh-CN" altLang="en-US" sz="1600" b="1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单击编辑标题</a:t>
              </a:r>
              <a:endParaRPr lang="ko-KR" altLang="en-US" sz="1600" b="1" dirty="0">
                <a:solidFill>
                  <a:schemeClr val="tx1">
                    <a:lumMod val="85000"/>
                    <a:lumOff val="15000"/>
                  </a:schemeClr>
                </a:solidFill>
                <a:latin typeface="Arial" panose="020B0604020202020204" pitchFamily="34" charset="0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107" name="직사각형 400"/>
            <p:cNvSpPr/>
            <p:nvPr/>
          </p:nvSpPr>
          <p:spPr bwMode="auto">
            <a:xfrm>
              <a:off x="2826603" y="3652835"/>
              <a:ext cx="2024063" cy="1107996"/>
            </a:xfrm>
            <a:prstGeom prst="rect">
              <a:avLst/>
            </a:prstGeom>
          </p:spPr>
          <p:txBody>
            <a:bodyPr lIns="0" tIns="0" rIns="0" bIns="0" anchor="ctr">
              <a:spAutoFit/>
            </a:bodyPr>
            <a:lstStyle/>
            <a:p>
              <a:pPr algn="just">
                <a:lnSpc>
                  <a:spcPct val="150000"/>
                </a:lnSpc>
              </a:pPr>
              <a:r>
                <a:rPr lang="zh-CN" altLang="en-US" sz="1200" dirty="0">
                  <a:solidFill>
                    <a:schemeClr val="tx1">
                      <a:lumMod val="85000"/>
                      <a:lumOff val="15000"/>
                    </a:schemeClr>
                  </a:solidFill>
                  <a:latin typeface="微软雅黑 Light" panose="020B0502040204020203" pitchFamily="34" charset="-122"/>
                  <a:ea typeface="微软雅黑 Light" panose="020B0502040204020203" pitchFamily="34" charset="-122"/>
                </a:rPr>
                <a:t>点击输入简要文字内容，文字内容需概括精炼，不用多余的文字修饰，言简意赅的说明分项内容。</a:t>
              </a:r>
              <a:endParaRPr lang="en-US" altLang="zh-CN" sz="1200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 Light" panose="020B0502040204020203" pitchFamily="34" charset="-122"/>
                <a:ea typeface="微软雅黑 Light" panose="020B0502040204020203" pitchFamily="34" charset="-122"/>
              </a:endParaRPr>
            </a:p>
          </p:txBody>
        </p:sp>
      </p:grpSp>
      <p:sp>
        <p:nvSpPr>
          <p:cNvPr id="108" name="TextBox 13"/>
          <p:cNvSpPr txBox="1"/>
          <p:nvPr/>
        </p:nvSpPr>
        <p:spPr>
          <a:xfrm>
            <a:off x="8006303" y="2267430"/>
            <a:ext cx="1376899" cy="246221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algn="ctr" defTabSz="1216660">
              <a:spcBef>
                <a:spcPct val="20000"/>
              </a:spcBef>
              <a:defRPr/>
            </a:pPr>
            <a:r>
              <a:rPr lang="zh-CN" altLang="en-US" sz="1600" b="1" dirty="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编辑标题</a:t>
            </a:r>
            <a:endParaRPr lang="en-US" sz="160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09" name="TextBox 13"/>
          <p:cNvSpPr txBox="1"/>
          <p:nvPr/>
        </p:nvSpPr>
        <p:spPr>
          <a:xfrm>
            <a:off x="8010384" y="2553335"/>
            <a:ext cx="1381495" cy="184666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defTabSz="1216660">
              <a:spcBef>
                <a:spcPct val="20000"/>
              </a:spcBef>
              <a:defRPr/>
            </a:pPr>
            <a:r>
              <a:rPr lang="zh-CN" altLang="en-US" sz="120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此处可编辑内容</a:t>
            </a:r>
            <a:endParaRPr lang="en-US" altLang="zh-CN" sz="120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10" name="TextBox 13"/>
          <p:cNvSpPr txBox="1"/>
          <p:nvPr/>
        </p:nvSpPr>
        <p:spPr>
          <a:xfrm>
            <a:off x="8006303" y="3871024"/>
            <a:ext cx="1376899" cy="246221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algn="ctr" defTabSz="1216660">
              <a:spcBef>
                <a:spcPct val="20000"/>
              </a:spcBef>
              <a:defRPr/>
            </a:pPr>
            <a:r>
              <a:rPr lang="zh-CN" altLang="en-US" sz="1600" b="1" dirty="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编辑标题</a:t>
            </a:r>
            <a:endParaRPr lang="en-US" sz="160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11" name="TextBox 13"/>
          <p:cNvSpPr txBox="1"/>
          <p:nvPr/>
        </p:nvSpPr>
        <p:spPr>
          <a:xfrm>
            <a:off x="8010384" y="4156929"/>
            <a:ext cx="1381495" cy="184666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defTabSz="1216660">
              <a:spcBef>
                <a:spcPct val="20000"/>
              </a:spcBef>
              <a:defRPr/>
            </a:pPr>
            <a:r>
              <a:rPr lang="zh-CN" altLang="en-US" sz="120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此处可编辑内容</a:t>
            </a:r>
            <a:endParaRPr lang="en-US" altLang="zh-CN" sz="120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12" name="TextBox 13"/>
          <p:cNvSpPr txBox="1"/>
          <p:nvPr/>
        </p:nvSpPr>
        <p:spPr>
          <a:xfrm>
            <a:off x="8006303" y="5513593"/>
            <a:ext cx="1376899" cy="246221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algn="ctr" defTabSz="1216660">
              <a:spcBef>
                <a:spcPct val="20000"/>
              </a:spcBef>
              <a:defRPr/>
            </a:pPr>
            <a:r>
              <a:rPr lang="zh-CN" altLang="en-US" sz="1600" b="1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编辑标题</a:t>
            </a:r>
            <a:endParaRPr lang="en-US" sz="1600" b="1" dirty="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  <p:sp>
        <p:nvSpPr>
          <p:cNvPr id="113" name="TextBox 13"/>
          <p:cNvSpPr txBox="1"/>
          <p:nvPr/>
        </p:nvSpPr>
        <p:spPr>
          <a:xfrm>
            <a:off x="8010384" y="5799498"/>
            <a:ext cx="1381495" cy="184666"/>
          </a:xfrm>
          <a:prstGeom prst="rect">
            <a:avLst/>
          </a:prstGeom>
          <a:noFill/>
        </p:spPr>
        <p:txBody>
          <a:bodyPr wrap="square" lIns="0" tIns="0" rIns="0" bIns="0" rtlCol="0" anchor="t" anchorCtr="0">
            <a:spAutoFit/>
          </a:bodyPr>
          <a:lstStyle/>
          <a:p>
            <a:pPr defTabSz="1216660">
              <a:spcBef>
                <a:spcPct val="20000"/>
              </a:spcBef>
              <a:defRPr/>
            </a:pPr>
            <a:r>
              <a:rPr lang="zh-CN" altLang="en-US" sz="1200">
                <a:solidFill>
                  <a:srgbClr val="FFFFFF"/>
                </a:solidFill>
                <a:latin typeface="Arial" panose="020B0604020202020204" pitchFamily="34" charset="0"/>
                <a:ea typeface="微软雅黑" panose="020B0503020204020204" pitchFamily="34" charset="-122"/>
                <a:sym typeface="Arial" panose="020B0604020202020204" pitchFamily="34" charset="0"/>
              </a:rPr>
              <a:t>单击此处可编辑内容</a:t>
            </a:r>
            <a:endParaRPr lang="en-US" altLang="zh-CN" sz="1200">
              <a:solidFill>
                <a:srgbClr val="FFFFFF"/>
              </a:solidFill>
              <a:latin typeface="Arial" panose="020B0604020202020204" pitchFamily="34" charset="0"/>
              <a:ea typeface="微软雅黑" panose="020B0503020204020204" pitchFamily="34" charset="-122"/>
              <a:sym typeface="Arial" panose="020B0604020202020204" pitchFamily="34" charset="0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2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500"/>
                            </p:stCondLst>
                            <p:childTnLst>
                              <p:par>
                                <p:cTn id="18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0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2000"/>
                            </p:stCondLst>
                            <p:childTnLst>
                              <p:par>
                                <p:cTn id="22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4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500"/>
                            </p:stCondLst>
                            <p:childTnLst>
                              <p:par>
                                <p:cTn id="26" presetID="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3000"/>
                            </p:stCondLst>
                            <p:childTnLst>
                              <p:par>
                                <p:cTn id="31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50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3500"/>
                            </p:stCondLst>
                            <p:childTnLst>
                              <p:par>
                                <p:cTn id="37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4000"/>
                            </p:stCondLst>
                            <p:childTnLst>
                              <p:par>
                                <p:cTn id="4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3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4500"/>
                            </p:stCondLst>
                            <p:childTnLst>
                              <p:par>
                                <p:cTn id="45" presetID="2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5000"/>
                            </p:stCondLst>
                            <p:childTnLst>
                              <p:par>
                                <p:cTn id="50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2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5500"/>
                            </p:stCondLst>
                            <p:childTnLst>
                              <p:par>
                                <p:cTn id="56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8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6000"/>
                            </p:stCondLst>
                            <p:childTnLst>
                              <p:par>
                                <p:cTn id="60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62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animBg="1"/>
      <p:bldP spid="87" grpId="0" animBg="1"/>
      <p:bldP spid="88" grpId="0" animBg="1"/>
      <p:bldP spid="89" grpId="0" animBg="1"/>
      <p:bldP spid="90" grpId="0" animBg="1"/>
      <p:bldP spid="108" grpId="0"/>
      <p:bldP spid="109" grpId="0"/>
      <p:bldP spid="110" grpId="0"/>
      <p:bldP spid="111" grpId="0"/>
      <p:bldP spid="112" grpId="0"/>
      <p:bldP spid="113" grpId="0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43" name="Group 46"/>
          <p:cNvGrpSpPr/>
          <p:nvPr/>
        </p:nvGrpSpPr>
        <p:grpSpPr>
          <a:xfrm>
            <a:off x="5242108" y="2464136"/>
            <a:ext cx="682815" cy="4393864"/>
            <a:chOff x="5156719" y="2024750"/>
            <a:chExt cx="751096" cy="4833250"/>
          </a:xfrm>
        </p:grpSpPr>
        <p:sp>
          <p:nvSpPr>
            <p:cNvPr id="144" name="Freeform 5"/>
            <p:cNvSpPr/>
            <p:nvPr/>
          </p:nvSpPr>
          <p:spPr bwMode="auto">
            <a:xfrm>
              <a:off x="5156719" y="2024750"/>
              <a:ext cx="751096" cy="4818586"/>
            </a:xfrm>
            <a:custGeom>
              <a:avLst/>
              <a:gdLst>
                <a:gd name="T0" fmla="*/ 382 w 390"/>
                <a:gd name="T1" fmla="*/ 231 h 2501"/>
                <a:gd name="T2" fmla="*/ 209 w 390"/>
                <a:gd name="T3" fmla="*/ 11 h 2501"/>
                <a:gd name="T4" fmla="*/ 181 w 390"/>
                <a:gd name="T5" fmla="*/ 11 h 2501"/>
                <a:gd name="T6" fmla="*/ 8 w 390"/>
                <a:gd name="T7" fmla="*/ 231 h 2501"/>
                <a:gd name="T8" fmla="*/ 16 w 390"/>
                <a:gd name="T9" fmla="*/ 249 h 2501"/>
                <a:gd name="T10" fmla="*/ 71 w 390"/>
                <a:gd name="T11" fmla="*/ 249 h 2501"/>
                <a:gd name="T12" fmla="*/ 71 w 390"/>
                <a:gd name="T13" fmla="*/ 2501 h 2501"/>
                <a:gd name="T14" fmla="*/ 320 w 390"/>
                <a:gd name="T15" fmla="*/ 2501 h 2501"/>
                <a:gd name="T16" fmla="*/ 320 w 390"/>
                <a:gd name="T17" fmla="*/ 249 h 2501"/>
                <a:gd name="T18" fmla="*/ 374 w 390"/>
                <a:gd name="T19" fmla="*/ 249 h 2501"/>
                <a:gd name="T20" fmla="*/ 382 w 390"/>
                <a:gd name="T21" fmla="*/ 231 h 2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390" h="2501">
                  <a:moveTo>
                    <a:pt x="382" y="231"/>
                  </a:moveTo>
                  <a:cubicBezTo>
                    <a:pt x="209" y="11"/>
                    <a:pt x="209" y="11"/>
                    <a:pt x="209" y="11"/>
                  </a:cubicBezTo>
                  <a:cubicBezTo>
                    <a:pt x="202" y="0"/>
                    <a:pt x="189" y="0"/>
                    <a:pt x="181" y="11"/>
                  </a:cubicBezTo>
                  <a:cubicBezTo>
                    <a:pt x="8" y="231"/>
                    <a:pt x="8" y="231"/>
                    <a:pt x="8" y="231"/>
                  </a:cubicBezTo>
                  <a:cubicBezTo>
                    <a:pt x="0" y="241"/>
                    <a:pt x="4" y="249"/>
                    <a:pt x="16" y="249"/>
                  </a:cubicBezTo>
                  <a:cubicBezTo>
                    <a:pt x="71" y="249"/>
                    <a:pt x="71" y="249"/>
                    <a:pt x="71" y="249"/>
                  </a:cubicBezTo>
                  <a:cubicBezTo>
                    <a:pt x="71" y="2501"/>
                    <a:pt x="71" y="2501"/>
                    <a:pt x="71" y="2501"/>
                  </a:cubicBezTo>
                  <a:cubicBezTo>
                    <a:pt x="320" y="2501"/>
                    <a:pt x="320" y="2501"/>
                    <a:pt x="320" y="2501"/>
                  </a:cubicBezTo>
                  <a:cubicBezTo>
                    <a:pt x="320" y="249"/>
                    <a:pt x="320" y="249"/>
                    <a:pt x="320" y="249"/>
                  </a:cubicBezTo>
                  <a:cubicBezTo>
                    <a:pt x="374" y="249"/>
                    <a:pt x="374" y="249"/>
                    <a:pt x="374" y="249"/>
                  </a:cubicBezTo>
                  <a:cubicBezTo>
                    <a:pt x="386" y="249"/>
                    <a:pt x="390" y="241"/>
                    <a:pt x="382" y="231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45" name="Freeform 6"/>
            <p:cNvSpPr/>
            <p:nvPr/>
          </p:nvSpPr>
          <p:spPr bwMode="auto">
            <a:xfrm>
              <a:off x="5516789" y="2338385"/>
              <a:ext cx="30956" cy="142562"/>
            </a:xfrm>
            <a:custGeom>
              <a:avLst/>
              <a:gdLst>
                <a:gd name="T0" fmla="*/ 0 w 16"/>
                <a:gd name="T1" fmla="*/ 8 h 74"/>
                <a:gd name="T2" fmla="*/ 0 w 16"/>
                <a:gd name="T3" fmla="*/ 66 h 74"/>
                <a:gd name="T4" fmla="*/ 8 w 16"/>
                <a:gd name="T5" fmla="*/ 74 h 74"/>
                <a:gd name="T6" fmla="*/ 16 w 16"/>
                <a:gd name="T7" fmla="*/ 66 h 74"/>
                <a:gd name="T8" fmla="*/ 16 w 16"/>
                <a:gd name="T9" fmla="*/ 8 h 74"/>
                <a:gd name="T10" fmla="*/ 8 w 16"/>
                <a:gd name="T11" fmla="*/ 0 h 74"/>
                <a:gd name="T12" fmla="*/ 0 w 16"/>
                <a:gd name="T13" fmla="*/ 8 h 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" h="74">
                  <a:moveTo>
                    <a:pt x="0" y="8"/>
                  </a:moveTo>
                  <a:cubicBezTo>
                    <a:pt x="0" y="66"/>
                    <a:pt x="0" y="66"/>
                    <a:pt x="0" y="66"/>
                  </a:cubicBezTo>
                  <a:cubicBezTo>
                    <a:pt x="0" y="70"/>
                    <a:pt x="4" y="74"/>
                    <a:pt x="8" y="74"/>
                  </a:cubicBezTo>
                  <a:cubicBezTo>
                    <a:pt x="13" y="74"/>
                    <a:pt x="16" y="70"/>
                    <a:pt x="16" y="66"/>
                  </a:cubicBezTo>
                  <a:cubicBezTo>
                    <a:pt x="16" y="8"/>
                    <a:pt x="16" y="8"/>
                    <a:pt x="16" y="8"/>
                  </a:cubicBezTo>
                  <a:cubicBezTo>
                    <a:pt x="16" y="3"/>
                    <a:pt x="13" y="0"/>
                    <a:pt x="8" y="0"/>
                  </a:cubicBezTo>
                  <a:cubicBezTo>
                    <a:pt x="4" y="0"/>
                    <a:pt x="0" y="3"/>
                    <a:pt x="0" y="8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46" name="Freeform 7"/>
            <p:cNvSpPr>
              <a:spLocks noEditPoints="1"/>
            </p:cNvSpPr>
            <p:nvPr/>
          </p:nvSpPr>
          <p:spPr bwMode="auto">
            <a:xfrm>
              <a:off x="5516789" y="2799471"/>
              <a:ext cx="30956" cy="3596629"/>
            </a:xfrm>
            <a:custGeom>
              <a:avLst/>
              <a:gdLst>
                <a:gd name="T0" fmla="*/ 0 w 16"/>
                <a:gd name="T1" fmla="*/ 1750 h 1867"/>
                <a:gd name="T2" fmla="*/ 0 w 16"/>
                <a:gd name="T3" fmla="*/ 1859 h 1867"/>
                <a:gd name="T4" fmla="*/ 8 w 16"/>
                <a:gd name="T5" fmla="*/ 1867 h 1867"/>
                <a:gd name="T6" fmla="*/ 16 w 16"/>
                <a:gd name="T7" fmla="*/ 1859 h 1867"/>
                <a:gd name="T8" fmla="*/ 16 w 16"/>
                <a:gd name="T9" fmla="*/ 1750 h 1867"/>
                <a:gd name="T10" fmla="*/ 8 w 16"/>
                <a:gd name="T11" fmla="*/ 1742 h 1867"/>
                <a:gd name="T12" fmla="*/ 0 w 16"/>
                <a:gd name="T13" fmla="*/ 1750 h 1867"/>
                <a:gd name="T14" fmla="*/ 0 w 16"/>
                <a:gd name="T15" fmla="*/ 1460 h 1867"/>
                <a:gd name="T16" fmla="*/ 0 w 16"/>
                <a:gd name="T17" fmla="*/ 1569 h 1867"/>
                <a:gd name="T18" fmla="*/ 8 w 16"/>
                <a:gd name="T19" fmla="*/ 1577 h 1867"/>
                <a:gd name="T20" fmla="*/ 16 w 16"/>
                <a:gd name="T21" fmla="*/ 1569 h 1867"/>
                <a:gd name="T22" fmla="*/ 16 w 16"/>
                <a:gd name="T23" fmla="*/ 1460 h 1867"/>
                <a:gd name="T24" fmla="*/ 8 w 16"/>
                <a:gd name="T25" fmla="*/ 1452 h 1867"/>
                <a:gd name="T26" fmla="*/ 0 w 16"/>
                <a:gd name="T27" fmla="*/ 1460 h 1867"/>
                <a:gd name="T28" fmla="*/ 0 w 16"/>
                <a:gd name="T29" fmla="*/ 1170 h 1867"/>
                <a:gd name="T30" fmla="*/ 0 w 16"/>
                <a:gd name="T31" fmla="*/ 1279 h 1867"/>
                <a:gd name="T32" fmla="*/ 8 w 16"/>
                <a:gd name="T33" fmla="*/ 1287 h 1867"/>
                <a:gd name="T34" fmla="*/ 16 w 16"/>
                <a:gd name="T35" fmla="*/ 1279 h 1867"/>
                <a:gd name="T36" fmla="*/ 16 w 16"/>
                <a:gd name="T37" fmla="*/ 1170 h 1867"/>
                <a:gd name="T38" fmla="*/ 8 w 16"/>
                <a:gd name="T39" fmla="*/ 1162 h 1867"/>
                <a:gd name="T40" fmla="*/ 0 w 16"/>
                <a:gd name="T41" fmla="*/ 1170 h 1867"/>
                <a:gd name="T42" fmla="*/ 0 w 16"/>
                <a:gd name="T43" fmla="*/ 879 h 1867"/>
                <a:gd name="T44" fmla="*/ 0 w 16"/>
                <a:gd name="T45" fmla="*/ 988 h 1867"/>
                <a:gd name="T46" fmla="*/ 8 w 16"/>
                <a:gd name="T47" fmla="*/ 996 h 1867"/>
                <a:gd name="T48" fmla="*/ 16 w 16"/>
                <a:gd name="T49" fmla="*/ 988 h 1867"/>
                <a:gd name="T50" fmla="*/ 16 w 16"/>
                <a:gd name="T51" fmla="*/ 879 h 1867"/>
                <a:gd name="T52" fmla="*/ 8 w 16"/>
                <a:gd name="T53" fmla="*/ 871 h 1867"/>
                <a:gd name="T54" fmla="*/ 0 w 16"/>
                <a:gd name="T55" fmla="*/ 879 h 1867"/>
                <a:gd name="T56" fmla="*/ 0 w 16"/>
                <a:gd name="T57" fmla="*/ 589 h 1867"/>
                <a:gd name="T58" fmla="*/ 0 w 16"/>
                <a:gd name="T59" fmla="*/ 698 h 1867"/>
                <a:gd name="T60" fmla="*/ 8 w 16"/>
                <a:gd name="T61" fmla="*/ 706 h 1867"/>
                <a:gd name="T62" fmla="*/ 16 w 16"/>
                <a:gd name="T63" fmla="*/ 698 h 1867"/>
                <a:gd name="T64" fmla="*/ 16 w 16"/>
                <a:gd name="T65" fmla="*/ 589 h 1867"/>
                <a:gd name="T66" fmla="*/ 8 w 16"/>
                <a:gd name="T67" fmla="*/ 581 h 1867"/>
                <a:gd name="T68" fmla="*/ 0 w 16"/>
                <a:gd name="T69" fmla="*/ 589 h 1867"/>
                <a:gd name="T70" fmla="*/ 0 w 16"/>
                <a:gd name="T71" fmla="*/ 299 h 1867"/>
                <a:gd name="T72" fmla="*/ 0 w 16"/>
                <a:gd name="T73" fmla="*/ 408 h 1867"/>
                <a:gd name="T74" fmla="*/ 8 w 16"/>
                <a:gd name="T75" fmla="*/ 416 h 1867"/>
                <a:gd name="T76" fmla="*/ 16 w 16"/>
                <a:gd name="T77" fmla="*/ 408 h 1867"/>
                <a:gd name="T78" fmla="*/ 16 w 16"/>
                <a:gd name="T79" fmla="*/ 299 h 1867"/>
                <a:gd name="T80" fmla="*/ 8 w 16"/>
                <a:gd name="T81" fmla="*/ 291 h 1867"/>
                <a:gd name="T82" fmla="*/ 0 w 16"/>
                <a:gd name="T83" fmla="*/ 299 h 1867"/>
                <a:gd name="T84" fmla="*/ 0 w 16"/>
                <a:gd name="T85" fmla="*/ 8 h 1867"/>
                <a:gd name="T86" fmla="*/ 0 w 16"/>
                <a:gd name="T87" fmla="*/ 117 h 1867"/>
                <a:gd name="T88" fmla="*/ 8 w 16"/>
                <a:gd name="T89" fmla="*/ 125 h 1867"/>
                <a:gd name="T90" fmla="*/ 16 w 16"/>
                <a:gd name="T91" fmla="*/ 117 h 1867"/>
                <a:gd name="T92" fmla="*/ 16 w 16"/>
                <a:gd name="T93" fmla="*/ 8 h 1867"/>
                <a:gd name="T94" fmla="*/ 8 w 16"/>
                <a:gd name="T95" fmla="*/ 0 h 1867"/>
                <a:gd name="T96" fmla="*/ 0 w 16"/>
                <a:gd name="T97" fmla="*/ 8 h 18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</a:cxnLst>
              <a:rect l="0" t="0" r="r" b="b"/>
              <a:pathLst>
                <a:path w="16" h="1867">
                  <a:moveTo>
                    <a:pt x="0" y="1750"/>
                  </a:moveTo>
                  <a:cubicBezTo>
                    <a:pt x="0" y="1859"/>
                    <a:pt x="0" y="1859"/>
                    <a:pt x="0" y="1859"/>
                  </a:cubicBezTo>
                  <a:cubicBezTo>
                    <a:pt x="0" y="1864"/>
                    <a:pt x="4" y="1867"/>
                    <a:pt x="8" y="1867"/>
                  </a:cubicBezTo>
                  <a:cubicBezTo>
                    <a:pt x="13" y="1867"/>
                    <a:pt x="16" y="1864"/>
                    <a:pt x="16" y="1859"/>
                  </a:cubicBezTo>
                  <a:cubicBezTo>
                    <a:pt x="16" y="1750"/>
                    <a:pt x="16" y="1750"/>
                    <a:pt x="16" y="1750"/>
                  </a:cubicBezTo>
                  <a:cubicBezTo>
                    <a:pt x="16" y="1746"/>
                    <a:pt x="13" y="1742"/>
                    <a:pt x="8" y="1742"/>
                  </a:cubicBezTo>
                  <a:cubicBezTo>
                    <a:pt x="4" y="1742"/>
                    <a:pt x="0" y="1746"/>
                    <a:pt x="0" y="1750"/>
                  </a:cubicBezTo>
                  <a:moveTo>
                    <a:pt x="0" y="1460"/>
                  </a:moveTo>
                  <a:cubicBezTo>
                    <a:pt x="0" y="1569"/>
                    <a:pt x="0" y="1569"/>
                    <a:pt x="0" y="1569"/>
                  </a:cubicBezTo>
                  <a:cubicBezTo>
                    <a:pt x="0" y="1573"/>
                    <a:pt x="4" y="1577"/>
                    <a:pt x="8" y="1577"/>
                  </a:cubicBezTo>
                  <a:cubicBezTo>
                    <a:pt x="13" y="1577"/>
                    <a:pt x="16" y="1573"/>
                    <a:pt x="16" y="1569"/>
                  </a:cubicBezTo>
                  <a:cubicBezTo>
                    <a:pt x="16" y="1460"/>
                    <a:pt x="16" y="1460"/>
                    <a:pt x="16" y="1460"/>
                  </a:cubicBezTo>
                  <a:cubicBezTo>
                    <a:pt x="16" y="1456"/>
                    <a:pt x="13" y="1452"/>
                    <a:pt x="8" y="1452"/>
                  </a:cubicBezTo>
                  <a:cubicBezTo>
                    <a:pt x="4" y="1452"/>
                    <a:pt x="0" y="1456"/>
                    <a:pt x="0" y="1460"/>
                  </a:cubicBezTo>
                  <a:moveTo>
                    <a:pt x="0" y="1170"/>
                  </a:moveTo>
                  <a:cubicBezTo>
                    <a:pt x="0" y="1279"/>
                    <a:pt x="0" y="1279"/>
                    <a:pt x="0" y="1279"/>
                  </a:cubicBezTo>
                  <a:cubicBezTo>
                    <a:pt x="0" y="1283"/>
                    <a:pt x="4" y="1287"/>
                    <a:pt x="8" y="1287"/>
                  </a:cubicBezTo>
                  <a:cubicBezTo>
                    <a:pt x="13" y="1287"/>
                    <a:pt x="16" y="1283"/>
                    <a:pt x="16" y="1279"/>
                  </a:cubicBezTo>
                  <a:cubicBezTo>
                    <a:pt x="16" y="1170"/>
                    <a:pt x="16" y="1170"/>
                    <a:pt x="16" y="1170"/>
                  </a:cubicBezTo>
                  <a:cubicBezTo>
                    <a:pt x="16" y="1165"/>
                    <a:pt x="13" y="1162"/>
                    <a:pt x="8" y="1162"/>
                  </a:cubicBezTo>
                  <a:cubicBezTo>
                    <a:pt x="4" y="1162"/>
                    <a:pt x="0" y="1165"/>
                    <a:pt x="0" y="1170"/>
                  </a:cubicBezTo>
                  <a:moveTo>
                    <a:pt x="0" y="879"/>
                  </a:moveTo>
                  <a:cubicBezTo>
                    <a:pt x="0" y="988"/>
                    <a:pt x="0" y="988"/>
                    <a:pt x="0" y="988"/>
                  </a:cubicBezTo>
                  <a:cubicBezTo>
                    <a:pt x="0" y="993"/>
                    <a:pt x="4" y="996"/>
                    <a:pt x="8" y="996"/>
                  </a:cubicBezTo>
                  <a:cubicBezTo>
                    <a:pt x="13" y="996"/>
                    <a:pt x="16" y="993"/>
                    <a:pt x="16" y="988"/>
                  </a:cubicBezTo>
                  <a:cubicBezTo>
                    <a:pt x="16" y="879"/>
                    <a:pt x="16" y="879"/>
                    <a:pt x="16" y="879"/>
                  </a:cubicBezTo>
                  <a:cubicBezTo>
                    <a:pt x="16" y="875"/>
                    <a:pt x="13" y="871"/>
                    <a:pt x="8" y="871"/>
                  </a:cubicBezTo>
                  <a:cubicBezTo>
                    <a:pt x="4" y="871"/>
                    <a:pt x="0" y="875"/>
                    <a:pt x="0" y="879"/>
                  </a:cubicBezTo>
                  <a:moveTo>
                    <a:pt x="0" y="589"/>
                  </a:moveTo>
                  <a:cubicBezTo>
                    <a:pt x="0" y="698"/>
                    <a:pt x="0" y="698"/>
                    <a:pt x="0" y="698"/>
                  </a:cubicBezTo>
                  <a:cubicBezTo>
                    <a:pt x="0" y="702"/>
                    <a:pt x="4" y="706"/>
                    <a:pt x="8" y="706"/>
                  </a:cubicBezTo>
                  <a:cubicBezTo>
                    <a:pt x="13" y="706"/>
                    <a:pt x="16" y="702"/>
                    <a:pt x="16" y="698"/>
                  </a:cubicBezTo>
                  <a:cubicBezTo>
                    <a:pt x="16" y="589"/>
                    <a:pt x="16" y="589"/>
                    <a:pt x="16" y="589"/>
                  </a:cubicBezTo>
                  <a:cubicBezTo>
                    <a:pt x="16" y="585"/>
                    <a:pt x="13" y="581"/>
                    <a:pt x="8" y="581"/>
                  </a:cubicBezTo>
                  <a:cubicBezTo>
                    <a:pt x="4" y="581"/>
                    <a:pt x="0" y="585"/>
                    <a:pt x="0" y="589"/>
                  </a:cubicBezTo>
                  <a:moveTo>
                    <a:pt x="0" y="299"/>
                  </a:moveTo>
                  <a:cubicBezTo>
                    <a:pt x="0" y="408"/>
                    <a:pt x="0" y="408"/>
                    <a:pt x="0" y="408"/>
                  </a:cubicBezTo>
                  <a:cubicBezTo>
                    <a:pt x="0" y="412"/>
                    <a:pt x="4" y="416"/>
                    <a:pt x="8" y="416"/>
                  </a:cubicBezTo>
                  <a:cubicBezTo>
                    <a:pt x="13" y="416"/>
                    <a:pt x="16" y="412"/>
                    <a:pt x="16" y="408"/>
                  </a:cubicBezTo>
                  <a:cubicBezTo>
                    <a:pt x="16" y="299"/>
                    <a:pt x="16" y="299"/>
                    <a:pt x="16" y="299"/>
                  </a:cubicBezTo>
                  <a:cubicBezTo>
                    <a:pt x="16" y="294"/>
                    <a:pt x="13" y="291"/>
                    <a:pt x="8" y="291"/>
                  </a:cubicBezTo>
                  <a:cubicBezTo>
                    <a:pt x="4" y="291"/>
                    <a:pt x="0" y="294"/>
                    <a:pt x="0" y="299"/>
                  </a:cubicBezTo>
                  <a:moveTo>
                    <a:pt x="0" y="8"/>
                  </a:moveTo>
                  <a:cubicBezTo>
                    <a:pt x="0" y="117"/>
                    <a:pt x="0" y="117"/>
                    <a:pt x="0" y="117"/>
                  </a:cubicBezTo>
                  <a:cubicBezTo>
                    <a:pt x="0" y="122"/>
                    <a:pt x="4" y="125"/>
                    <a:pt x="8" y="125"/>
                  </a:cubicBezTo>
                  <a:cubicBezTo>
                    <a:pt x="13" y="125"/>
                    <a:pt x="16" y="122"/>
                    <a:pt x="16" y="117"/>
                  </a:cubicBezTo>
                  <a:cubicBezTo>
                    <a:pt x="16" y="8"/>
                    <a:pt x="16" y="8"/>
                    <a:pt x="16" y="8"/>
                  </a:cubicBezTo>
                  <a:cubicBezTo>
                    <a:pt x="16" y="4"/>
                    <a:pt x="13" y="0"/>
                    <a:pt x="8" y="0"/>
                  </a:cubicBezTo>
                  <a:cubicBezTo>
                    <a:pt x="4" y="0"/>
                    <a:pt x="0" y="4"/>
                    <a:pt x="0" y="8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47" name="Freeform 8"/>
            <p:cNvSpPr/>
            <p:nvPr/>
          </p:nvSpPr>
          <p:spPr bwMode="auto">
            <a:xfrm>
              <a:off x="5516789" y="6715438"/>
              <a:ext cx="30956" cy="142562"/>
            </a:xfrm>
            <a:custGeom>
              <a:avLst/>
              <a:gdLst>
                <a:gd name="T0" fmla="*/ 0 w 16"/>
                <a:gd name="T1" fmla="*/ 8 h 74"/>
                <a:gd name="T2" fmla="*/ 0 w 16"/>
                <a:gd name="T3" fmla="*/ 66 h 74"/>
                <a:gd name="T4" fmla="*/ 8 w 16"/>
                <a:gd name="T5" fmla="*/ 74 h 74"/>
                <a:gd name="T6" fmla="*/ 16 w 16"/>
                <a:gd name="T7" fmla="*/ 66 h 74"/>
                <a:gd name="T8" fmla="*/ 16 w 16"/>
                <a:gd name="T9" fmla="*/ 8 h 74"/>
                <a:gd name="T10" fmla="*/ 8 w 16"/>
                <a:gd name="T11" fmla="*/ 0 h 74"/>
                <a:gd name="T12" fmla="*/ 0 w 16"/>
                <a:gd name="T13" fmla="*/ 8 h 7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" h="74">
                  <a:moveTo>
                    <a:pt x="0" y="8"/>
                  </a:moveTo>
                  <a:cubicBezTo>
                    <a:pt x="0" y="66"/>
                    <a:pt x="0" y="66"/>
                    <a:pt x="0" y="66"/>
                  </a:cubicBezTo>
                  <a:cubicBezTo>
                    <a:pt x="0" y="70"/>
                    <a:pt x="4" y="74"/>
                    <a:pt x="8" y="74"/>
                  </a:cubicBezTo>
                  <a:cubicBezTo>
                    <a:pt x="13" y="74"/>
                    <a:pt x="16" y="70"/>
                    <a:pt x="16" y="66"/>
                  </a:cubicBezTo>
                  <a:cubicBezTo>
                    <a:pt x="16" y="8"/>
                    <a:pt x="16" y="8"/>
                    <a:pt x="16" y="8"/>
                  </a:cubicBezTo>
                  <a:cubicBezTo>
                    <a:pt x="16" y="3"/>
                    <a:pt x="13" y="0"/>
                    <a:pt x="8" y="0"/>
                  </a:cubicBezTo>
                  <a:cubicBezTo>
                    <a:pt x="4" y="0"/>
                    <a:pt x="0" y="3"/>
                    <a:pt x="0" y="8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148" name="Group 5"/>
          <p:cNvGrpSpPr/>
          <p:nvPr/>
        </p:nvGrpSpPr>
        <p:grpSpPr>
          <a:xfrm>
            <a:off x="4611134" y="3285440"/>
            <a:ext cx="2219519" cy="3559230"/>
            <a:chOff x="4462647" y="2928184"/>
            <a:chExt cx="2441471" cy="3915153"/>
          </a:xfrm>
        </p:grpSpPr>
        <p:sp>
          <p:nvSpPr>
            <p:cNvPr id="149" name="Freeform 20"/>
            <p:cNvSpPr/>
            <p:nvPr/>
          </p:nvSpPr>
          <p:spPr bwMode="auto">
            <a:xfrm>
              <a:off x="4462647" y="2928184"/>
              <a:ext cx="624828" cy="624013"/>
            </a:xfrm>
            <a:custGeom>
              <a:avLst/>
              <a:gdLst>
                <a:gd name="T0" fmla="*/ 27 w 324"/>
                <a:gd name="T1" fmla="*/ 308 h 324"/>
                <a:gd name="T2" fmla="*/ 46 w 324"/>
                <a:gd name="T3" fmla="*/ 315 h 324"/>
                <a:gd name="T4" fmla="*/ 315 w 324"/>
                <a:gd name="T5" fmla="*/ 46 h 324"/>
                <a:gd name="T6" fmla="*/ 308 w 324"/>
                <a:gd name="T7" fmla="*/ 27 h 324"/>
                <a:gd name="T8" fmla="*/ 23 w 324"/>
                <a:gd name="T9" fmla="*/ 1 h 324"/>
                <a:gd name="T10" fmla="*/ 1 w 324"/>
                <a:gd name="T11" fmla="*/ 23 h 324"/>
                <a:gd name="T12" fmla="*/ 27 w 324"/>
                <a:gd name="T13" fmla="*/ 308 h 3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24" h="324">
                  <a:moveTo>
                    <a:pt x="27" y="308"/>
                  </a:moveTo>
                  <a:cubicBezTo>
                    <a:pt x="28" y="321"/>
                    <a:pt x="37" y="324"/>
                    <a:pt x="46" y="315"/>
                  </a:cubicBezTo>
                  <a:cubicBezTo>
                    <a:pt x="315" y="46"/>
                    <a:pt x="315" y="46"/>
                    <a:pt x="315" y="46"/>
                  </a:cubicBezTo>
                  <a:cubicBezTo>
                    <a:pt x="324" y="37"/>
                    <a:pt x="321" y="28"/>
                    <a:pt x="308" y="27"/>
                  </a:cubicBezTo>
                  <a:cubicBezTo>
                    <a:pt x="23" y="1"/>
                    <a:pt x="23" y="1"/>
                    <a:pt x="23" y="1"/>
                  </a:cubicBezTo>
                  <a:cubicBezTo>
                    <a:pt x="10" y="0"/>
                    <a:pt x="0" y="10"/>
                    <a:pt x="1" y="23"/>
                  </a:cubicBezTo>
                  <a:lnTo>
                    <a:pt x="27" y="308"/>
                  </a:lnTo>
                  <a:close/>
                </a:path>
              </a:pathLst>
            </a:custGeom>
            <a:solidFill>
              <a:srgbClr val="E04548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0" name="Freeform 21"/>
            <p:cNvSpPr/>
            <p:nvPr/>
          </p:nvSpPr>
          <p:spPr bwMode="auto">
            <a:xfrm>
              <a:off x="4586472" y="3043863"/>
              <a:ext cx="2317646" cy="3799474"/>
            </a:xfrm>
            <a:custGeom>
              <a:avLst/>
              <a:gdLst>
                <a:gd name="T0" fmla="*/ 1203 w 1203"/>
                <a:gd name="T1" fmla="*/ 843 h 1972"/>
                <a:gd name="T2" fmla="*/ 506 w 1203"/>
                <a:gd name="T3" fmla="*/ 145 h 1972"/>
                <a:gd name="T4" fmla="*/ 506 w 1203"/>
                <a:gd name="T5" fmla="*/ 145 h 1972"/>
                <a:gd name="T6" fmla="*/ 176 w 1203"/>
                <a:gd name="T7" fmla="*/ 0 h 1972"/>
                <a:gd name="T8" fmla="*/ 0 w 1203"/>
                <a:gd name="T9" fmla="*/ 176 h 1972"/>
                <a:gd name="T10" fmla="*/ 506 w 1203"/>
                <a:gd name="T11" fmla="*/ 394 h 1972"/>
                <a:gd name="T12" fmla="*/ 506 w 1203"/>
                <a:gd name="T13" fmla="*/ 394 h 1972"/>
                <a:gd name="T14" fmla="*/ 955 w 1203"/>
                <a:gd name="T15" fmla="*/ 843 h 1972"/>
                <a:gd name="T16" fmla="*/ 955 w 1203"/>
                <a:gd name="T17" fmla="*/ 1972 h 1972"/>
                <a:gd name="T18" fmla="*/ 1203 w 1203"/>
                <a:gd name="T19" fmla="*/ 1972 h 1972"/>
                <a:gd name="T20" fmla="*/ 1203 w 1203"/>
                <a:gd name="T21" fmla="*/ 843 h 1972"/>
                <a:gd name="T22" fmla="*/ 1203 w 1203"/>
                <a:gd name="T23" fmla="*/ 843 h 19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1203" h="1972">
                  <a:moveTo>
                    <a:pt x="1203" y="843"/>
                  </a:moveTo>
                  <a:cubicBezTo>
                    <a:pt x="1203" y="457"/>
                    <a:pt x="891" y="145"/>
                    <a:pt x="506" y="145"/>
                  </a:cubicBezTo>
                  <a:cubicBezTo>
                    <a:pt x="506" y="145"/>
                    <a:pt x="506" y="145"/>
                    <a:pt x="506" y="145"/>
                  </a:cubicBezTo>
                  <a:cubicBezTo>
                    <a:pt x="376" y="145"/>
                    <a:pt x="258" y="89"/>
                    <a:pt x="176" y="0"/>
                  </a:cubicBezTo>
                  <a:cubicBezTo>
                    <a:pt x="0" y="176"/>
                    <a:pt x="0" y="176"/>
                    <a:pt x="0" y="176"/>
                  </a:cubicBezTo>
                  <a:cubicBezTo>
                    <a:pt x="127" y="310"/>
                    <a:pt x="307" y="394"/>
                    <a:pt x="506" y="394"/>
                  </a:cubicBezTo>
                  <a:cubicBezTo>
                    <a:pt x="506" y="394"/>
                    <a:pt x="506" y="394"/>
                    <a:pt x="506" y="394"/>
                  </a:cubicBezTo>
                  <a:cubicBezTo>
                    <a:pt x="754" y="394"/>
                    <a:pt x="955" y="595"/>
                    <a:pt x="955" y="843"/>
                  </a:cubicBezTo>
                  <a:cubicBezTo>
                    <a:pt x="955" y="1972"/>
                    <a:pt x="955" y="1972"/>
                    <a:pt x="955" y="1972"/>
                  </a:cubicBezTo>
                  <a:cubicBezTo>
                    <a:pt x="1203" y="1972"/>
                    <a:pt x="1203" y="1972"/>
                    <a:pt x="1203" y="1972"/>
                  </a:cubicBezTo>
                  <a:cubicBezTo>
                    <a:pt x="1203" y="843"/>
                    <a:pt x="1203" y="843"/>
                    <a:pt x="1203" y="843"/>
                  </a:cubicBezTo>
                  <a:cubicBezTo>
                    <a:pt x="1203" y="843"/>
                    <a:pt x="1203" y="843"/>
                    <a:pt x="1203" y="843"/>
                  </a:cubicBezTo>
                </a:path>
              </a:pathLst>
            </a:custGeom>
            <a:solidFill>
              <a:srgbClr val="E04548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1" name="Freeform 22"/>
            <p:cNvSpPr>
              <a:spLocks noEditPoints="1"/>
            </p:cNvSpPr>
            <p:nvPr/>
          </p:nvSpPr>
          <p:spPr bwMode="auto">
            <a:xfrm>
              <a:off x="4755917" y="3193756"/>
              <a:ext cx="1933952" cy="3404375"/>
            </a:xfrm>
            <a:custGeom>
              <a:avLst/>
              <a:gdLst>
                <a:gd name="T0" fmla="*/ 988 w 1004"/>
                <a:gd name="T1" fmla="*/ 1639 h 1767"/>
                <a:gd name="T2" fmla="*/ 988 w 1004"/>
                <a:gd name="T3" fmla="*/ 1759 h 1767"/>
                <a:gd name="T4" fmla="*/ 996 w 1004"/>
                <a:gd name="T5" fmla="*/ 1767 h 1767"/>
                <a:gd name="T6" fmla="*/ 1004 w 1004"/>
                <a:gd name="T7" fmla="*/ 1759 h 1767"/>
                <a:gd name="T8" fmla="*/ 1004 w 1004"/>
                <a:gd name="T9" fmla="*/ 1639 h 1767"/>
                <a:gd name="T10" fmla="*/ 996 w 1004"/>
                <a:gd name="T11" fmla="*/ 1631 h 1767"/>
                <a:gd name="T12" fmla="*/ 988 w 1004"/>
                <a:gd name="T13" fmla="*/ 1639 h 1767"/>
                <a:gd name="T14" fmla="*/ 988 w 1004"/>
                <a:gd name="T15" fmla="*/ 1319 h 1767"/>
                <a:gd name="T16" fmla="*/ 988 w 1004"/>
                <a:gd name="T17" fmla="*/ 1439 h 1767"/>
                <a:gd name="T18" fmla="*/ 996 w 1004"/>
                <a:gd name="T19" fmla="*/ 1447 h 1767"/>
                <a:gd name="T20" fmla="*/ 1004 w 1004"/>
                <a:gd name="T21" fmla="*/ 1439 h 1767"/>
                <a:gd name="T22" fmla="*/ 1004 w 1004"/>
                <a:gd name="T23" fmla="*/ 1319 h 1767"/>
                <a:gd name="T24" fmla="*/ 996 w 1004"/>
                <a:gd name="T25" fmla="*/ 1311 h 1767"/>
                <a:gd name="T26" fmla="*/ 988 w 1004"/>
                <a:gd name="T27" fmla="*/ 1319 h 1767"/>
                <a:gd name="T28" fmla="*/ 988 w 1004"/>
                <a:gd name="T29" fmla="*/ 999 h 1767"/>
                <a:gd name="T30" fmla="*/ 988 w 1004"/>
                <a:gd name="T31" fmla="*/ 1119 h 1767"/>
                <a:gd name="T32" fmla="*/ 996 w 1004"/>
                <a:gd name="T33" fmla="*/ 1127 h 1767"/>
                <a:gd name="T34" fmla="*/ 1004 w 1004"/>
                <a:gd name="T35" fmla="*/ 1119 h 1767"/>
                <a:gd name="T36" fmla="*/ 1004 w 1004"/>
                <a:gd name="T37" fmla="*/ 999 h 1767"/>
                <a:gd name="T38" fmla="*/ 996 w 1004"/>
                <a:gd name="T39" fmla="*/ 991 h 1767"/>
                <a:gd name="T40" fmla="*/ 988 w 1004"/>
                <a:gd name="T41" fmla="*/ 999 h 1767"/>
                <a:gd name="T42" fmla="*/ 981 w 1004"/>
                <a:gd name="T43" fmla="*/ 681 h 1767"/>
                <a:gd name="T44" fmla="*/ 988 w 1004"/>
                <a:gd name="T45" fmla="*/ 768 h 1767"/>
                <a:gd name="T46" fmla="*/ 988 w 1004"/>
                <a:gd name="T47" fmla="*/ 799 h 1767"/>
                <a:gd name="T48" fmla="*/ 996 w 1004"/>
                <a:gd name="T49" fmla="*/ 807 h 1767"/>
                <a:gd name="T50" fmla="*/ 1004 w 1004"/>
                <a:gd name="T51" fmla="*/ 799 h 1767"/>
                <a:gd name="T52" fmla="*/ 1004 w 1004"/>
                <a:gd name="T53" fmla="*/ 768 h 1767"/>
                <a:gd name="T54" fmla="*/ 996 w 1004"/>
                <a:gd name="T55" fmla="*/ 678 h 1767"/>
                <a:gd name="T56" fmla="*/ 987 w 1004"/>
                <a:gd name="T57" fmla="*/ 672 h 1767"/>
                <a:gd name="T58" fmla="*/ 981 w 1004"/>
                <a:gd name="T59" fmla="*/ 681 h 1767"/>
                <a:gd name="T60" fmla="*/ 849 w 1004"/>
                <a:gd name="T61" fmla="*/ 397 h 1767"/>
                <a:gd name="T62" fmla="*/ 915 w 1004"/>
                <a:gd name="T63" fmla="*/ 496 h 1767"/>
                <a:gd name="T64" fmla="*/ 926 w 1004"/>
                <a:gd name="T65" fmla="*/ 499 h 1767"/>
                <a:gd name="T66" fmla="*/ 929 w 1004"/>
                <a:gd name="T67" fmla="*/ 488 h 1767"/>
                <a:gd name="T68" fmla="*/ 861 w 1004"/>
                <a:gd name="T69" fmla="*/ 387 h 1767"/>
                <a:gd name="T70" fmla="*/ 850 w 1004"/>
                <a:gd name="T71" fmla="*/ 386 h 1767"/>
                <a:gd name="T72" fmla="*/ 849 w 1004"/>
                <a:gd name="T73" fmla="*/ 397 h 1767"/>
                <a:gd name="T74" fmla="*/ 587 w 1004"/>
                <a:gd name="T75" fmla="*/ 238 h 1767"/>
                <a:gd name="T76" fmla="*/ 698 w 1004"/>
                <a:gd name="T77" fmla="*/ 273 h 1767"/>
                <a:gd name="T78" fmla="*/ 709 w 1004"/>
                <a:gd name="T79" fmla="*/ 270 h 1767"/>
                <a:gd name="T80" fmla="*/ 705 w 1004"/>
                <a:gd name="T81" fmla="*/ 259 h 1767"/>
                <a:gd name="T82" fmla="*/ 589 w 1004"/>
                <a:gd name="T83" fmla="*/ 223 h 1767"/>
                <a:gd name="T84" fmla="*/ 580 w 1004"/>
                <a:gd name="T85" fmla="*/ 230 h 1767"/>
                <a:gd name="T86" fmla="*/ 587 w 1004"/>
                <a:gd name="T87" fmla="*/ 238 h 1767"/>
                <a:gd name="T88" fmla="*/ 279 w 1004"/>
                <a:gd name="T89" fmla="*/ 181 h 1767"/>
                <a:gd name="T90" fmla="*/ 395 w 1004"/>
                <a:gd name="T91" fmla="*/ 213 h 1767"/>
                <a:gd name="T92" fmla="*/ 405 w 1004"/>
                <a:gd name="T93" fmla="*/ 207 h 1767"/>
                <a:gd name="T94" fmla="*/ 399 w 1004"/>
                <a:gd name="T95" fmla="*/ 197 h 1767"/>
                <a:gd name="T96" fmla="*/ 284 w 1004"/>
                <a:gd name="T97" fmla="*/ 165 h 1767"/>
                <a:gd name="T98" fmla="*/ 274 w 1004"/>
                <a:gd name="T99" fmla="*/ 170 h 1767"/>
                <a:gd name="T100" fmla="*/ 279 w 1004"/>
                <a:gd name="T101" fmla="*/ 181 h 1767"/>
                <a:gd name="T102" fmla="*/ 3 w 1004"/>
                <a:gd name="T103" fmla="*/ 15 h 1767"/>
                <a:gd name="T104" fmla="*/ 99 w 1004"/>
                <a:gd name="T105" fmla="*/ 89 h 1767"/>
                <a:gd name="T106" fmla="*/ 110 w 1004"/>
                <a:gd name="T107" fmla="*/ 87 h 1767"/>
                <a:gd name="T108" fmla="*/ 108 w 1004"/>
                <a:gd name="T109" fmla="*/ 76 h 1767"/>
                <a:gd name="T110" fmla="*/ 14 w 1004"/>
                <a:gd name="T111" fmla="*/ 3 h 1767"/>
                <a:gd name="T112" fmla="*/ 3 w 1004"/>
                <a:gd name="T113" fmla="*/ 4 h 1767"/>
                <a:gd name="T114" fmla="*/ 3 w 1004"/>
                <a:gd name="T115" fmla="*/ 15 h 17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</a:cxnLst>
              <a:rect l="0" t="0" r="r" b="b"/>
              <a:pathLst>
                <a:path w="1004" h="1767">
                  <a:moveTo>
                    <a:pt x="988" y="1639"/>
                  </a:moveTo>
                  <a:cubicBezTo>
                    <a:pt x="988" y="1759"/>
                    <a:pt x="988" y="1759"/>
                    <a:pt x="988" y="1759"/>
                  </a:cubicBezTo>
                  <a:cubicBezTo>
                    <a:pt x="988" y="1764"/>
                    <a:pt x="992" y="1767"/>
                    <a:pt x="996" y="1767"/>
                  </a:cubicBezTo>
                  <a:cubicBezTo>
                    <a:pt x="1001" y="1767"/>
                    <a:pt x="1004" y="1764"/>
                    <a:pt x="1004" y="1759"/>
                  </a:cubicBezTo>
                  <a:cubicBezTo>
                    <a:pt x="1004" y="1639"/>
                    <a:pt x="1004" y="1639"/>
                    <a:pt x="1004" y="1639"/>
                  </a:cubicBezTo>
                  <a:cubicBezTo>
                    <a:pt x="1004" y="1635"/>
                    <a:pt x="1001" y="1631"/>
                    <a:pt x="996" y="1631"/>
                  </a:cubicBezTo>
                  <a:cubicBezTo>
                    <a:pt x="992" y="1631"/>
                    <a:pt x="988" y="1635"/>
                    <a:pt x="988" y="1639"/>
                  </a:cubicBezTo>
                  <a:moveTo>
                    <a:pt x="988" y="1319"/>
                  </a:moveTo>
                  <a:cubicBezTo>
                    <a:pt x="988" y="1439"/>
                    <a:pt x="988" y="1439"/>
                    <a:pt x="988" y="1439"/>
                  </a:cubicBezTo>
                  <a:cubicBezTo>
                    <a:pt x="988" y="1444"/>
                    <a:pt x="992" y="1447"/>
                    <a:pt x="996" y="1447"/>
                  </a:cubicBezTo>
                  <a:cubicBezTo>
                    <a:pt x="1001" y="1447"/>
                    <a:pt x="1004" y="1444"/>
                    <a:pt x="1004" y="1439"/>
                  </a:cubicBezTo>
                  <a:cubicBezTo>
                    <a:pt x="1004" y="1319"/>
                    <a:pt x="1004" y="1319"/>
                    <a:pt x="1004" y="1319"/>
                  </a:cubicBezTo>
                  <a:cubicBezTo>
                    <a:pt x="1004" y="1315"/>
                    <a:pt x="1001" y="1311"/>
                    <a:pt x="996" y="1311"/>
                  </a:cubicBezTo>
                  <a:cubicBezTo>
                    <a:pt x="992" y="1311"/>
                    <a:pt x="988" y="1315"/>
                    <a:pt x="988" y="1319"/>
                  </a:cubicBezTo>
                  <a:moveTo>
                    <a:pt x="988" y="999"/>
                  </a:moveTo>
                  <a:cubicBezTo>
                    <a:pt x="988" y="1119"/>
                    <a:pt x="988" y="1119"/>
                    <a:pt x="988" y="1119"/>
                  </a:cubicBezTo>
                  <a:cubicBezTo>
                    <a:pt x="988" y="1124"/>
                    <a:pt x="992" y="1127"/>
                    <a:pt x="996" y="1127"/>
                  </a:cubicBezTo>
                  <a:cubicBezTo>
                    <a:pt x="1001" y="1127"/>
                    <a:pt x="1004" y="1124"/>
                    <a:pt x="1004" y="1119"/>
                  </a:cubicBezTo>
                  <a:cubicBezTo>
                    <a:pt x="1004" y="999"/>
                    <a:pt x="1004" y="999"/>
                    <a:pt x="1004" y="999"/>
                  </a:cubicBezTo>
                  <a:cubicBezTo>
                    <a:pt x="1004" y="995"/>
                    <a:pt x="1001" y="991"/>
                    <a:pt x="996" y="991"/>
                  </a:cubicBezTo>
                  <a:cubicBezTo>
                    <a:pt x="992" y="991"/>
                    <a:pt x="988" y="995"/>
                    <a:pt x="988" y="999"/>
                  </a:cubicBezTo>
                  <a:moveTo>
                    <a:pt x="981" y="681"/>
                  </a:moveTo>
                  <a:cubicBezTo>
                    <a:pt x="986" y="710"/>
                    <a:pt x="988" y="739"/>
                    <a:pt x="988" y="768"/>
                  </a:cubicBezTo>
                  <a:cubicBezTo>
                    <a:pt x="988" y="799"/>
                    <a:pt x="988" y="799"/>
                    <a:pt x="988" y="799"/>
                  </a:cubicBezTo>
                  <a:cubicBezTo>
                    <a:pt x="988" y="804"/>
                    <a:pt x="992" y="807"/>
                    <a:pt x="996" y="807"/>
                  </a:cubicBezTo>
                  <a:cubicBezTo>
                    <a:pt x="1001" y="807"/>
                    <a:pt x="1004" y="804"/>
                    <a:pt x="1004" y="799"/>
                  </a:cubicBezTo>
                  <a:cubicBezTo>
                    <a:pt x="1004" y="768"/>
                    <a:pt x="1004" y="768"/>
                    <a:pt x="1004" y="768"/>
                  </a:cubicBezTo>
                  <a:cubicBezTo>
                    <a:pt x="1004" y="738"/>
                    <a:pt x="1002" y="708"/>
                    <a:pt x="996" y="678"/>
                  </a:cubicBezTo>
                  <a:cubicBezTo>
                    <a:pt x="996" y="674"/>
                    <a:pt x="991" y="671"/>
                    <a:pt x="987" y="672"/>
                  </a:cubicBezTo>
                  <a:cubicBezTo>
                    <a:pt x="983" y="672"/>
                    <a:pt x="980" y="677"/>
                    <a:pt x="981" y="681"/>
                  </a:cubicBezTo>
                  <a:moveTo>
                    <a:pt x="849" y="397"/>
                  </a:moveTo>
                  <a:cubicBezTo>
                    <a:pt x="874" y="428"/>
                    <a:pt x="896" y="461"/>
                    <a:pt x="915" y="496"/>
                  </a:cubicBezTo>
                  <a:cubicBezTo>
                    <a:pt x="917" y="500"/>
                    <a:pt x="922" y="501"/>
                    <a:pt x="926" y="499"/>
                  </a:cubicBezTo>
                  <a:cubicBezTo>
                    <a:pt x="930" y="497"/>
                    <a:pt x="931" y="492"/>
                    <a:pt x="929" y="488"/>
                  </a:cubicBezTo>
                  <a:cubicBezTo>
                    <a:pt x="910" y="452"/>
                    <a:pt x="887" y="418"/>
                    <a:pt x="861" y="387"/>
                  </a:cubicBezTo>
                  <a:cubicBezTo>
                    <a:pt x="858" y="384"/>
                    <a:pt x="853" y="383"/>
                    <a:pt x="850" y="386"/>
                  </a:cubicBezTo>
                  <a:cubicBezTo>
                    <a:pt x="847" y="389"/>
                    <a:pt x="846" y="394"/>
                    <a:pt x="849" y="397"/>
                  </a:cubicBezTo>
                  <a:moveTo>
                    <a:pt x="587" y="238"/>
                  </a:moveTo>
                  <a:cubicBezTo>
                    <a:pt x="625" y="243"/>
                    <a:pt x="663" y="255"/>
                    <a:pt x="698" y="273"/>
                  </a:cubicBezTo>
                  <a:cubicBezTo>
                    <a:pt x="702" y="275"/>
                    <a:pt x="707" y="274"/>
                    <a:pt x="709" y="270"/>
                  </a:cubicBezTo>
                  <a:cubicBezTo>
                    <a:pt x="711" y="266"/>
                    <a:pt x="709" y="261"/>
                    <a:pt x="705" y="259"/>
                  </a:cubicBezTo>
                  <a:cubicBezTo>
                    <a:pt x="669" y="240"/>
                    <a:pt x="629" y="228"/>
                    <a:pt x="589" y="223"/>
                  </a:cubicBezTo>
                  <a:cubicBezTo>
                    <a:pt x="584" y="222"/>
                    <a:pt x="580" y="225"/>
                    <a:pt x="580" y="230"/>
                  </a:cubicBezTo>
                  <a:cubicBezTo>
                    <a:pt x="579" y="234"/>
                    <a:pt x="582" y="238"/>
                    <a:pt x="587" y="238"/>
                  </a:cubicBezTo>
                  <a:moveTo>
                    <a:pt x="279" y="181"/>
                  </a:moveTo>
                  <a:cubicBezTo>
                    <a:pt x="317" y="194"/>
                    <a:pt x="356" y="205"/>
                    <a:pt x="395" y="213"/>
                  </a:cubicBezTo>
                  <a:cubicBezTo>
                    <a:pt x="400" y="214"/>
                    <a:pt x="404" y="211"/>
                    <a:pt x="405" y="207"/>
                  </a:cubicBezTo>
                  <a:cubicBezTo>
                    <a:pt x="406" y="202"/>
                    <a:pt x="403" y="198"/>
                    <a:pt x="399" y="197"/>
                  </a:cubicBezTo>
                  <a:cubicBezTo>
                    <a:pt x="360" y="190"/>
                    <a:pt x="321" y="179"/>
                    <a:pt x="284" y="165"/>
                  </a:cubicBezTo>
                  <a:cubicBezTo>
                    <a:pt x="280" y="164"/>
                    <a:pt x="275" y="166"/>
                    <a:pt x="274" y="170"/>
                  </a:cubicBezTo>
                  <a:cubicBezTo>
                    <a:pt x="272" y="174"/>
                    <a:pt x="275" y="179"/>
                    <a:pt x="279" y="181"/>
                  </a:cubicBezTo>
                  <a:moveTo>
                    <a:pt x="3" y="15"/>
                  </a:moveTo>
                  <a:cubicBezTo>
                    <a:pt x="34" y="42"/>
                    <a:pt x="66" y="67"/>
                    <a:pt x="99" y="89"/>
                  </a:cubicBezTo>
                  <a:cubicBezTo>
                    <a:pt x="103" y="92"/>
                    <a:pt x="108" y="91"/>
                    <a:pt x="110" y="87"/>
                  </a:cubicBezTo>
                  <a:cubicBezTo>
                    <a:pt x="113" y="84"/>
                    <a:pt x="112" y="79"/>
                    <a:pt x="108" y="76"/>
                  </a:cubicBezTo>
                  <a:cubicBezTo>
                    <a:pt x="75" y="54"/>
                    <a:pt x="44" y="30"/>
                    <a:pt x="14" y="3"/>
                  </a:cubicBezTo>
                  <a:cubicBezTo>
                    <a:pt x="11" y="0"/>
                    <a:pt x="6" y="1"/>
                    <a:pt x="3" y="4"/>
                  </a:cubicBezTo>
                  <a:cubicBezTo>
                    <a:pt x="0" y="7"/>
                    <a:pt x="0" y="12"/>
                    <a:pt x="3" y="15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152" name="Group 4"/>
          <p:cNvGrpSpPr/>
          <p:nvPr/>
        </p:nvGrpSpPr>
        <p:grpSpPr>
          <a:xfrm>
            <a:off x="6905453" y="2773699"/>
            <a:ext cx="1648532" cy="4084301"/>
            <a:chOff x="6986398" y="2365269"/>
            <a:chExt cx="1813385" cy="4492731"/>
          </a:xfrm>
        </p:grpSpPr>
        <p:sp>
          <p:nvSpPr>
            <p:cNvPr id="153" name="Freeform 26"/>
            <p:cNvSpPr/>
            <p:nvPr/>
          </p:nvSpPr>
          <p:spPr bwMode="auto">
            <a:xfrm>
              <a:off x="6986398" y="2365269"/>
              <a:ext cx="1813385" cy="4478067"/>
            </a:xfrm>
            <a:custGeom>
              <a:avLst/>
              <a:gdLst>
                <a:gd name="T0" fmla="*/ 931 w 941"/>
                <a:gd name="T1" fmla="*/ 192 h 2324"/>
                <a:gd name="T2" fmla="*/ 711 w 941"/>
                <a:gd name="T3" fmla="*/ 9 h 2324"/>
                <a:gd name="T4" fmla="*/ 692 w 941"/>
                <a:gd name="T5" fmla="*/ 17 h 2324"/>
                <a:gd name="T6" fmla="*/ 692 w 941"/>
                <a:gd name="T7" fmla="*/ 81 h 2324"/>
                <a:gd name="T8" fmla="*/ 0 w 941"/>
                <a:gd name="T9" fmla="*/ 779 h 2324"/>
                <a:gd name="T10" fmla="*/ 0 w 941"/>
                <a:gd name="T11" fmla="*/ 779 h 2324"/>
                <a:gd name="T12" fmla="*/ 0 w 941"/>
                <a:gd name="T13" fmla="*/ 2324 h 2324"/>
                <a:gd name="T14" fmla="*/ 248 w 941"/>
                <a:gd name="T15" fmla="*/ 2324 h 2324"/>
                <a:gd name="T16" fmla="*/ 248 w 941"/>
                <a:gd name="T17" fmla="*/ 779 h 2324"/>
                <a:gd name="T18" fmla="*/ 692 w 941"/>
                <a:gd name="T19" fmla="*/ 330 h 2324"/>
                <a:gd name="T20" fmla="*/ 692 w 941"/>
                <a:gd name="T21" fmla="*/ 397 h 2324"/>
                <a:gd name="T22" fmla="*/ 711 w 941"/>
                <a:gd name="T23" fmla="*/ 406 h 2324"/>
                <a:gd name="T24" fmla="*/ 931 w 941"/>
                <a:gd name="T25" fmla="*/ 223 h 2324"/>
                <a:gd name="T26" fmla="*/ 931 w 941"/>
                <a:gd name="T27" fmla="*/ 192 h 232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941" h="2324">
                  <a:moveTo>
                    <a:pt x="931" y="192"/>
                  </a:moveTo>
                  <a:cubicBezTo>
                    <a:pt x="711" y="9"/>
                    <a:pt x="711" y="9"/>
                    <a:pt x="711" y="9"/>
                  </a:cubicBezTo>
                  <a:cubicBezTo>
                    <a:pt x="701" y="0"/>
                    <a:pt x="692" y="4"/>
                    <a:pt x="692" y="17"/>
                  </a:cubicBezTo>
                  <a:cubicBezTo>
                    <a:pt x="692" y="81"/>
                    <a:pt x="692" y="81"/>
                    <a:pt x="692" y="81"/>
                  </a:cubicBezTo>
                  <a:cubicBezTo>
                    <a:pt x="309" y="84"/>
                    <a:pt x="0" y="395"/>
                    <a:pt x="0" y="779"/>
                  </a:cubicBezTo>
                  <a:cubicBezTo>
                    <a:pt x="0" y="779"/>
                    <a:pt x="0" y="779"/>
                    <a:pt x="0" y="779"/>
                  </a:cubicBezTo>
                  <a:cubicBezTo>
                    <a:pt x="0" y="2324"/>
                    <a:pt x="0" y="2324"/>
                    <a:pt x="0" y="2324"/>
                  </a:cubicBezTo>
                  <a:cubicBezTo>
                    <a:pt x="248" y="2324"/>
                    <a:pt x="248" y="2324"/>
                    <a:pt x="248" y="2324"/>
                  </a:cubicBezTo>
                  <a:cubicBezTo>
                    <a:pt x="248" y="779"/>
                    <a:pt x="248" y="779"/>
                    <a:pt x="248" y="779"/>
                  </a:cubicBezTo>
                  <a:cubicBezTo>
                    <a:pt x="248" y="533"/>
                    <a:pt x="447" y="333"/>
                    <a:pt x="692" y="330"/>
                  </a:cubicBezTo>
                  <a:cubicBezTo>
                    <a:pt x="692" y="397"/>
                    <a:pt x="692" y="397"/>
                    <a:pt x="692" y="397"/>
                  </a:cubicBezTo>
                  <a:cubicBezTo>
                    <a:pt x="692" y="410"/>
                    <a:pt x="701" y="414"/>
                    <a:pt x="711" y="406"/>
                  </a:cubicBezTo>
                  <a:cubicBezTo>
                    <a:pt x="931" y="223"/>
                    <a:pt x="931" y="223"/>
                    <a:pt x="931" y="223"/>
                  </a:cubicBezTo>
                  <a:cubicBezTo>
                    <a:pt x="941" y="214"/>
                    <a:pt x="941" y="200"/>
                    <a:pt x="931" y="192"/>
                  </a:cubicBezTo>
                </a:path>
              </a:pathLst>
            </a:custGeom>
            <a:solidFill>
              <a:srgbClr val="FDB52D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4" name="Freeform 27"/>
            <p:cNvSpPr>
              <a:spLocks noEditPoints="1"/>
            </p:cNvSpPr>
            <p:nvPr/>
          </p:nvSpPr>
          <p:spPr bwMode="auto">
            <a:xfrm>
              <a:off x="7204720" y="2756295"/>
              <a:ext cx="947425" cy="4101705"/>
            </a:xfrm>
            <a:custGeom>
              <a:avLst/>
              <a:gdLst>
                <a:gd name="T0" fmla="*/ 370 w 492"/>
                <a:gd name="T1" fmla="*/ 46 h 2129"/>
                <a:gd name="T2" fmla="*/ 485 w 492"/>
                <a:gd name="T3" fmla="*/ 17 h 2129"/>
                <a:gd name="T4" fmla="*/ 491 w 492"/>
                <a:gd name="T5" fmla="*/ 8 h 2129"/>
                <a:gd name="T6" fmla="*/ 482 w 492"/>
                <a:gd name="T7" fmla="*/ 1 h 2129"/>
                <a:gd name="T8" fmla="*/ 365 w 492"/>
                <a:gd name="T9" fmla="*/ 31 h 2129"/>
                <a:gd name="T10" fmla="*/ 360 w 492"/>
                <a:gd name="T11" fmla="*/ 41 h 2129"/>
                <a:gd name="T12" fmla="*/ 370 w 492"/>
                <a:gd name="T13" fmla="*/ 46 h 2129"/>
                <a:gd name="T14" fmla="*/ 119 w 492"/>
                <a:gd name="T15" fmla="*/ 228 h 2129"/>
                <a:gd name="T16" fmla="*/ 200 w 492"/>
                <a:gd name="T17" fmla="*/ 142 h 2129"/>
                <a:gd name="T18" fmla="*/ 201 w 492"/>
                <a:gd name="T19" fmla="*/ 131 h 2129"/>
                <a:gd name="T20" fmla="*/ 190 w 492"/>
                <a:gd name="T21" fmla="*/ 130 h 2129"/>
                <a:gd name="T22" fmla="*/ 106 w 492"/>
                <a:gd name="T23" fmla="*/ 218 h 2129"/>
                <a:gd name="T24" fmla="*/ 108 w 492"/>
                <a:gd name="T25" fmla="*/ 229 h 2129"/>
                <a:gd name="T26" fmla="*/ 119 w 492"/>
                <a:gd name="T27" fmla="*/ 228 h 2129"/>
                <a:gd name="T28" fmla="*/ 21 w 492"/>
                <a:gd name="T29" fmla="*/ 521 h 2129"/>
                <a:gd name="T30" fmla="*/ 34 w 492"/>
                <a:gd name="T31" fmla="*/ 404 h 2129"/>
                <a:gd name="T32" fmla="*/ 28 w 492"/>
                <a:gd name="T33" fmla="*/ 394 h 2129"/>
                <a:gd name="T34" fmla="*/ 18 w 492"/>
                <a:gd name="T35" fmla="*/ 400 h 2129"/>
                <a:gd name="T36" fmla="*/ 5 w 492"/>
                <a:gd name="T37" fmla="*/ 521 h 2129"/>
                <a:gd name="T38" fmla="*/ 13 w 492"/>
                <a:gd name="T39" fmla="*/ 529 h 2129"/>
                <a:gd name="T40" fmla="*/ 21 w 492"/>
                <a:gd name="T41" fmla="*/ 521 h 2129"/>
                <a:gd name="T42" fmla="*/ 21 w 492"/>
                <a:gd name="T43" fmla="*/ 521 h 2129"/>
                <a:gd name="T44" fmla="*/ 18 w 492"/>
                <a:gd name="T45" fmla="*/ 841 h 2129"/>
                <a:gd name="T46" fmla="*/ 19 w 492"/>
                <a:gd name="T47" fmla="*/ 721 h 2129"/>
                <a:gd name="T48" fmla="*/ 11 w 492"/>
                <a:gd name="T49" fmla="*/ 713 h 2129"/>
                <a:gd name="T50" fmla="*/ 3 w 492"/>
                <a:gd name="T51" fmla="*/ 721 h 2129"/>
                <a:gd name="T52" fmla="*/ 2 w 492"/>
                <a:gd name="T53" fmla="*/ 841 h 2129"/>
                <a:gd name="T54" fmla="*/ 9 w 492"/>
                <a:gd name="T55" fmla="*/ 849 h 2129"/>
                <a:gd name="T56" fmla="*/ 18 w 492"/>
                <a:gd name="T57" fmla="*/ 841 h 2129"/>
                <a:gd name="T58" fmla="*/ 16 w 492"/>
                <a:gd name="T59" fmla="*/ 1161 h 2129"/>
                <a:gd name="T60" fmla="*/ 16 w 492"/>
                <a:gd name="T61" fmla="*/ 1041 h 2129"/>
                <a:gd name="T62" fmla="*/ 8 w 492"/>
                <a:gd name="T63" fmla="*/ 1033 h 2129"/>
                <a:gd name="T64" fmla="*/ 0 w 492"/>
                <a:gd name="T65" fmla="*/ 1041 h 2129"/>
                <a:gd name="T66" fmla="*/ 0 w 492"/>
                <a:gd name="T67" fmla="*/ 1161 h 2129"/>
                <a:gd name="T68" fmla="*/ 8 w 492"/>
                <a:gd name="T69" fmla="*/ 1169 h 2129"/>
                <a:gd name="T70" fmla="*/ 16 w 492"/>
                <a:gd name="T71" fmla="*/ 1161 h 2129"/>
                <a:gd name="T72" fmla="*/ 16 w 492"/>
                <a:gd name="T73" fmla="*/ 1481 h 2129"/>
                <a:gd name="T74" fmla="*/ 16 w 492"/>
                <a:gd name="T75" fmla="*/ 1383 h 2129"/>
                <a:gd name="T76" fmla="*/ 16 w 492"/>
                <a:gd name="T77" fmla="*/ 1361 h 2129"/>
                <a:gd name="T78" fmla="*/ 8 w 492"/>
                <a:gd name="T79" fmla="*/ 1353 h 2129"/>
                <a:gd name="T80" fmla="*/ 0 w 492"/>
                <a:gd name="T81" fmla="*/ 1361 h 2129"/>
                <a:gd name="T82" fmla="*/ 0 w 492"/>
                <a:gd name="T83" fmla="*/ 1383 h 2129"/>
                <a:gd name="T84" fmla="*/ 0 w 492"/>
                <a:gd name="T85" fmla="*/ 1481 h 2129"/>
                <a:gd name="T86" fmla="*/ 8 w 492"/>
                <a:gd name="T87" fmla="*/ 1489 h 2129"/>
                <a:gd name="T88" fmla="*/ 16 w 492"/>
                <a:gd name="T89" fmla="*/ 1481 h 2129"/>
                <a:gd name="T90" fmla="*/ 16 w 492"/>
                <a:gd name="T91" fmla="*/ 1481 h 2129"/>
                <a:gd name="T92" fmla="*/ 16 w 492"/>
                <a:gd name="T93" fmla="*/ 1801 h 2129"/>
                <a:gd name="T94" fmla="*/ 16 w 492"/>
                <a:gd name="T95" fmla="*/ 1681 h 2129"/>
                <a:gd name="T96" fmla="*/ 8 w 492"/>
                <a:gd name="T97" fmla="*/ 1673 h 2129"/>
                <a:gd name="T98" fmla="*/ 0 w 492"/>
                <a:gd name="T99" fmla="*/ 1681 h 2129"/>
                <a:gd name="T100" fmla="*/ 0 w 492"/>
                <a:gd name="T101" fmla="*/ 1801 h 2129"/>
                <a:gd name="T102" fmla="*/ 8 w 492"/>
                <a:gd name="T103" fmla="*/ 1809 h 2129"/>
                <a:gd name="T104" fmla="*/ 16 w 492"/>
                <a:gd name="T105" fmla="*/ 1801 h 2129"/>
                <a:gd name="T106" fmla="*/ 16 w 492"/>
                <a:gd name="T107" fmla="*/ 1801 h 2129"/>
                <a:gd name="T108" fmla="*/ 16 w 492"/>
                <a:gd name="T109" fmla="*/ 2121 h 2129"/>
                <a:gd name="T110" fmla="*/ 16 w 492"/>
                <a:gd name="T111" fmla="*/ 2001 h 2129"/>
                <a:gd name="T112" fmla="*/ 8 w 492"/>
                <a:gd name="T113" fmla="*/ 1993 h 2129"/>
                <a:gd name="T114" fmla="*/ 0 w 492"/>
                <a:gd name="T115" fmla="*/ 2001 h 2129"/>
                <a:gd name="T116" fmla="*/ 0 w 492"/>
                <a:gd name="T117" fmla="*/ 2121 h 2129"/>
                <a:gd name="T118" fmla="*/ 8 w 492"/>
                <a:gd name="T119" fmla="*/ 2129 h 2129"/>
                <a:gd name="T120" fmla="*/ 16 w 492"/>
                <a:gd name="T121" fmla="*/ 2121 h 2129"/>
                <a:gd name="T122" fmla="*/ 16 w 492"/>
                <a:gd name="T123" fmla="*/ 2121 h 2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492" h="2129">
                  <a:moveTo>
                    <a:pt x="370" y="46"/>
                  </a:moveTo>
                  <a:cubicBezTo>
                    <a:pt x="408" y="33"/>
                    <a:pt x="446" y="24"/>
                    <a:pt x="485" y="17"/>
                  </a:cubicBezTo>
                  <a:cubicBezTo>
                    <a:pt x="489" y="16"/>
                    <a:pt x="492" y="12"/>
                    <a:pt x="491" y="8"/>
                  </a:cubicBezTo>
                  <a:cubicBezTo>
                    <a:pt x="491" y="3"/>
                    <a:pt x="487" y="0"/>
                    <a:pt x="482" y="1"/>
                  </a:cubicBezTo>
                  <a:cubicBezTo>
                    <a:pt x="443" y="8"/>
                    <a:pt x="403" y="18"/>
                    <a:pt x="365" y="31"/>
                  </a:cubicBezTo>
                  <a:cubicBezTo>
                    <a:pt x="361" y="33"/>
                    <a:pt x="358" y="37"/>
                    <a:pt x="360" y="41"/>
                  </a:cubicBezTo>
                  <a:cubicBezTo>
                    <a:pt x="361" y="45"/>
                    <a:pt x="366" y="48"/>
                    <a:pt x="370" y="46"/>
                  </a:cubicBezTo>
                  <a:moveTo>
                    <a:pt x="119" y="228"/>
                  </a:moveTo>
                  <a:cubicBezTo>
                    <a:pt x="143" y="196"/>
                    <a:pt x="169" y="167"/>
                    <a:pt x="200" y="142"/>
                  </a:cubicBezTo>
                  <a:cubicBezTo>
                    <a:pt x="203" y="140"/>
                    <a:pt x="204" y="135"/>
                    <a:pt x="201" y="131"/>
                  </a:cubicBezTo>
                  <a:cubicBezTo>
                    <a:pt x="198" y="128"/>
                    <a:pt x="193" y="127"/>
                    <a:pt x="190" y="130"/>
                  </a:cubicBezTo>
                  <a:cubicBezTo>
                    <a:pt x="158" y="156"/>
                    <a:pt x="131" y="186"/>
                    <a:pt x="106" y="218"/>
                  </a:cubicBezTo>
                  <a:cubicBezTo>
                    <a:pt x="103" y="222"/>
                    <a:pt x="104" y="227"/>
                    <a:pt x="108" y="229"/>
                  </a:cubicBezTo>
                  <a:cubicBezTo>
                    <a:pt x="111" y="232"/>
                    <a:pt x="116" y="231"/>
                    <a:pt x="119" y="228"/>
                  </a:cubicBezTo>
                  <a:moveTo>
                    <a:pt x="21" y="521"/>
                  </a:moveTo>
                  <a:cubicBezTo>
                    <a:pt x="21" y="481"/>
                    <a:pt x="25" y="442"/>
                    <a:pt x="34" y="404"/>
                  </a:cubicBezTo>
                  <a:cubicBezTo>
                    <a:pt x="35" y="400"/>
                    <a:pt x="32" y="395"/>
                    <a:pt x="28" y="394"/>
                  </a:cubicBezTo>
                  <a:cubicBezTo>
                    <a:pt x="24" y="393"/>
                    <a:pt x="20" y="396"/>
                    <a:pt x="18" y="400"/>
                  </a:cubicBezTo>
                  <a:cubicBezTo>
                    <a:pt x="9" y="440"/>
                    <a:pt x="5" y="481"/>
                    <a:pt x="5" y="521"/>
                  </a:cubicBezTo>
                  <a:cubicBezTo>
                    <a:pt x="5" y="525"/>
                    <a:pt x="9" y="529"/>
                    <a:pt x="13" y="529"/>
                  </a:cubicBezTo>
                  <a:cubicBezTo>
                    <a:pt x="17" y="529"/>
                    <a:pt x="21" y="525"/>
                    <a:pt x="21" y="521"/>
                  </a:cubicBezTo>
                  <a:cubicBezTo>
                    <a:pt x="21" y="521"/>
                    <a:pt x="21" y="521"/>
                    <a:pt x="21" y="521"/>
                  </a:cubicBezTo>
                  <a:moveTo>
                    <a:pt x="18" y="841"/>
                  </a:moveTo>
                  <a:cubicBezTo>
                    <a:pt x="18" y="801"/>
                    <a:pt x="18" y="761"/>
                    <a:pt x="19" y="721"/>
                  </a:cubicBezTo>
                  <a:cubicBezTo>
                    <a:pt x="19" y="717"/>
                    <a:pt x="15" y="713"/>
                    <a:pt x="11" y="713"/>
                  </a:cubicBezTo>
                  <a:cubicBezTo>
                    <a:pt x="6" y="713"/>
                    <a:pt x="3" y="717"/>
                    <a:pt x="3" y="721"/>
                  </a:cubicBezTo>
                  <a:cubicBezTo>
                    <a:pt x="2" y="761"/>
                    <a:pt x="2" y="801"/>
                    <a:pt x="2" y="841"/>
                  </a:cubicBezTo>
                  <a:cubicBezTo>
                    <a:pt x="1" y="845"/>
                    <a:pt x="5" y="849"/>
                    <a:pt x="9" y="849"/>
                  </a:cubicBezTo>
                  <a:cubicBezTo>
                    <a:pt x="14" y="849"/>
                    <a:pt x="17" y="845"/>
                    <a:pt x="18" y="841"/>
                  </a:cubicBezTo>
                  <a:moveTo>
                    <a:pt x="16" y="1161"/>
                  </a:moveTo>
                  <a:cubicBezTo>
                    <a:pt x="16" y="1121"/>
                    <a:pt x="16" y="1081"/>
                    <a:pt x="16" y="1041"/>
                  </a:cubicBezTo>
                  <a:cubicBezTo>
                    <a:pt x="16" y="1037"/>
                    <a:pt x="13" y="1033"/>
                    <a:pt x="8" y="1033"/>
                  </a:cubicBezTo>
                  <a:cubicBezTo>
                    <a:pt x="4" y="1033"/>
                    <a:pt x="0" y="1037"/>
                    <a:pt x="0" y="1041"/>
                  </a:cubicBezTo>
                  <a:cubicBezTo>
                    <a:pt x="0" y="1081"/>
                    <a:pt x="0" y="1121"/>
                    <a:pt x="0" y="1161"/>
                  </a:cubicBezTo>
                  <a:cubicBezTo>
                    <a:pt x="0" y="1165"/>
                    <a:pt x="4" y="1169"/>
                    <a:pt x="8" y="1169"/>
                  </a:cubicBezTo>
                  <a:cubicBezTo>
                    <a:pt x="12" y="1169"/>
                    <a:pt x="16" y="1165"/>
                    <a:pt x="16" y="1161"/>
                  </a:cubicBezTo>
                  <a:moveTo>
                    <a:pt x="16" y="1481"/>
                  </a:moveTo>
                  <a:cubicBezTo>
                    <a:pt x="16" y="1448"/>
                    <a:pt x="16" y="1415"/>
                    <a:pt x="16" y="1383"/>
                  </a:cubicBezTo>
                  <a:cubicBezTo>
                    <a:pt x="16" y="1375"/>
                    <a:pt x="16" y="1368"/>
                    <a:pt x="16" y="1361"/>
                  </a:cubicBezTo>
                  <a:cubicBezTo>
                    <a:pt x="16" y="1357"/>
                    <a:pt x="12" y="1353"/>
                    <a:pt x="8" y="1353"/>
                  </a:cubicBezTo>
                  <a:cubicBezTo>
                    <a:pt x="3" y="1353"/>
                    <a:pt x="0" y="1357"/>
                    <a:pt x="0" y="1361"/>
                  </a:cubicBezTo>
                  <a:cubicBezTo>
                    <a:pt x="0" y="1368"/>
                    <a:pt x="0" y="1375"/>
                    <a:pt x="0" y="1383"/>
                  </a:cubicBezTo>
                  <a:cubicBezTo>
                    <a:pt x="0" y="1415"/>
                    <a:pt x="0" y="1448"/>
                    <a:pt x="0" y="1481"/>
                  </a:cubicBezTo>
                  <a:cubicBezTo>
                    <a:pt x="0" y="1485"/>
                    <a:pt x="3" y="1489"/>
                    <a:pt x="8" y="1489"/>
                  </a:cubicBezTo>
                  <a:cubicBezTo>
                    <a:pt x="12" y="1489"/>
                    <a:pt x="16" y="1485"/>
                    <a:pt x="16" y="1481"/>
                  </a:cubicBezTo>
                  <a:cubicBezTo>
                    <a:pt x="16" y="1481"/>
                    <a:pt x="16" y="1481"/>
                    <a:pt x="16" y="1481"/>
                  </a:cubicBezTo>
                  <a:moveTo>
                    <a:pt x="16" y="1801"/>
                  </a:moveTo>
                  <a:cubicBezTo>
                    <a:pt x="16" y="1761"/>
                    <a:pt x="16" y="1721"/>
                    <a:pt x="16" y="1681"/>
                  </a:cubicBezTo>
                  <a:cubicBezTo>
                    <a:pt x="16" y="1677"/>
                    <a:pt x="12" y="1673"/>
                    <a:pt x="8" y="1673"/>
                  </a:cubicBezTo>
                  <a:cubicBezTo>
                    <a:pt x="4" y="1673"/>
                    <a:pt x="0" y="1677"/>
                    <a:pt x="0" y="1681"/>
                  </a:cubicBezTo>
                  <a:cubicBezTo>
                    <a:pt x="0" y="1721"/>
                    <a:pt x="0" y="1761"/>
                    <a:pt x="0" y="1801"/>
                  </a:cubicBezTo>
                  <a:cubicBezTo>
                    <a:pt x="0" y="1805"/>
                    <a:pt x="4" y="1809"/>
                    <a:pt x="8" y="1809"/>
                  </a:cubicBezTo>
                  <a:cubicBezTo>
                    <a:pt x="13" y="1809"/>
                    <a:pt x="16" y="1805"/>
                    <a:pt x="16" y="1801"/>
                  </a:cubicBezTo>
                  <a:cubicBezTo>
                    <a:pt x="16" y="1801"/>
                    <a:pt x="16" y="1801"/>
                    <a:pt x="16" y="1801"/>
                  </a:cubicBezTo>
                  <a:moveTo>
                    <a:pt x="16" y="2121"/>
                  </a:moveTo>
                  <a:cubicBezTo>
                    <a:pt x="16" y="2081"/>
                    <a:pt x="16" y="2041"/>
                    <a:pt x="16" y="2001"/>
                  </a:cubicBezTo>
                  <a:cubicBezTo>
                    <a:pt x="16" y="1997"/>
                    <a:pt x="13" y="1993"/>
                    <a:pt x="8" y="1993"/>
                  </a:cubicBezTo>
                  <a:cubicBezTo>
                    <a:pt x="4" y="1993"/>
                    <a:pt x="0" y="1997"/>
                    <a:pt x="0" y="2001"/>
                  </a:cubicBezTo>
                  <a:cubicBezTo>
                    <a:pt x="0" y="2041"/>
                    <a:pt x="0" y="2081"/>
                    <a:pt x="0" y="2121"/>
                  </a:cubicBezTo>
                  <a:cubicBezTo>
                    <a:pt x="0" y="2125"/>
                    <a:pt x="4" y="2129"/>
                    <a:pt x="8" y="2129"/>
                  </a:cubicBezTo>
                  <a:cubicBezTo>
                    <a:pt x="12" y="2129"/>
                    <a:pt x="16" y="2125"/>
                    <a:pt x="16" y="2121"/>
                  </a:cubicBezTo>
                  <a:cubicBezTo>
                    <a:pt x="16" y="2121"/>
                    <a:pt x="16" y="2121"/>
                    <a:pt x="16" y="2121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155" name="Group 47"/>
          <p:cNvGrpSpPr/>
          <p:nvPr/>
        </p:nvGrpSpPr>
        <p:grpSpPr>
          <a:xfrm>
            <a:off x="3638011" y="4019355"/>
            <a:ext cx="1647792" cy="2825314"/>
            <a:chOff x="3392212" y="3735491"/>
            <a:chExt cx="1812571" cy="3107845"/>
          </a:xfrm>
        </p:grpSpPr>
        <p:sp>
          <p:nvSpPr>
            <p:cNvPr id="156" name="Freeform 31"/>
            <p:cNvSpPr/>
            <p:nvPr/>
          </p:nvSpPr>
          <p:spPr bwMode="auto">
            <a:xfrm>
              <a:off x="3862258" y="3891086"/>
              <a:ext cx="1342525" cy="2952250"/>
            </a:xfrm>
            <a:custGeom>
              <a:avLst/>
              <a:gdLst>
                <a:gd name="T0" fmla="*/ 0 w 697"/>
                <a:gd name="T1" fmla="*/ 249 h 1532"/>
                <a:gd name="T2" fmla="*/ 0 w 697"/>
                <a:gd name="T3" fmla="*/ 249 h 1532"/>
                <a:gd name="T4" fmla="*/ 449 w 697"/>
                <a:gd name="T5" fmla="*/ 697 h 1532"/>
                <a:gd name="T6" fmla="*/ 449 w 697"/>
                <a:gd name="T7" fmla="*/ 1532 h 1532"/>
                <a:gd name="T8" fmla="*/ 697 w 697"/>
                <a:gd name="T9" fmla="*/ 1532 h 1532"/>
                <a:gd name="T10" fmla="*/ 697 w 697"/>
                <a:gd name="T11" fmla="*/ 697 h 1532"/>
                <a:gd name="T12" fmla="*/ 697 w 697"/>
                <a:gd name="T13" fmla="*/ 697 h 1532"/>
                <a:gd name="T14" fmla="*/ 0 w 697"/>
                <a:gd name="T15" fmla="*/ 0 h 1532"/>
                <a:gd name="T16" fmla="*/ 0 w 697"/>
                <a:gd name="T17" fmla="*/ 249 h 15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697" h="1532">
                  <a:moveTo>
                    <a:pt x="0" y="249"/>
                  </a:moveTo>
                  <a:cubicBezTo>
                    <a:pt x="0" y="249"/>
                    <a:pt x="0" y="249"/>
                    <a:pt x="0" y="249"/>
                  </a:cubicBezTo>
                  <a:cubicBezTo>
                    <a:pt x="248" y="249"/>
                    <a:pt x="449" y="449"/>
                    <a:pt x="449" y="697"/>
                  </a:cubicBezTo>
                  <a:cubicBezTo>
                    <a:pt x="449" y="1532"/>
                    <a:pt x="449" y="1532"/>
                    <a:pt x="449" y="1532"/>
                  </a:cubicBezTo>
                  <a:cubicBezTo>
                    <a:pt x="697" y="1532"/>
                    <a:pt x="697" y="1532"/>
                    <a:pt x="697" y="1532"/>
                  </a:cubicBezTo>
                  <a:cubicBezTo>
                    <a:pt x="697" y="697"/>
                    <a:pt x="697" y="697"/>
                    <a:pt x="697" y="697"/>
                  </a:cubicBezTo>
                  <a:cubicBezTo>
                    <a:pt x="697" y="697"/>
                    <a:pt x="697" y="697"/>
                    <a:pt x="697" y="697"/>
                  </a:cubicBezTo>
                  <a:cubicBezTo>
                    <a:pt x="697" y="312"/>
                    <a:pt x="385" y="0"/>
                    <a:pt x="0" y="0"/>
                  </a:cubicBezTo>
                  <a:cubicBezTo>
                    <a:pt x="0" y="249"/>
                    <a:pt x="0" y="249"/>
                    <a:pt x="0" y="249"/>
                  </a:cubicBezTo>
                </a:path>
              </a:pathLst>
            </a:custGeom>
            <a:solidFill>
              <a:srgbClr val="12B19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7" name="Freeform 32"/>
            <p:cNvSpPr/>
            <p:nvPr/>
          </p:nvSpPr>
          <p:spPr bwMode="auto">
            <a:xfrm>
              <a:off x="3392212" y="3735491"/>
              <a:ext cx="477378" cy="795902"/>
            </a:xfrm>
            <a:custGeom>
              <a:avLst/>
              <a:gdLst>
                <a:gd name="T0" fmla="*/ 230 w 248"/>
                <a:gd name="T1" fmla="*/ 8 h 413"/>
                <a:gd name="T2" fmla="*/ 248 w 248"/>
                <a:gd name="T3" fmla="*/ 17 h 413"/>
                <a:gd name="T4" fmla="*/ 248 w 248"/>
                <a:gd name="T5" fmla="*/ 397 h 413"/>
                <a:gd name="T6" fmla="*/ 230 w 248"/>
                <a:gd name="T7" fmla="*/ 405 h 413"/>
                <a:gd name="T8" fmla="*/ 10 w 248"/>
                <a:gd name="T9" fmla="*/ 222 h 413"/>
                <a:gd name="T10" fmla="*/ 10 w 248"/>
                <a:gd name="T11" fmla="*/ 191 h 413"/>
                <a:gd name="T12" fmla="*/ 230 w 248"/>
                <a:gd name="T13" fmla="*/ 8 h 4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48" h="413">
                  <a:moveTo>
                    <a:pt x="230" y="8"/>
                  </a:moveTo>
                  <a:cubicBezTo>
                    <a:pt x="240" y="0"/>
                    <a:pt x="248" y="3"/>
                    <a:pt x="248" y="17"/>
                  </a:cubicBezTo>
                  <a:cubicBezTo>
                    <a:pt x="248" y="397"/>
                    <a:pt x="248" y="397"/>
                    <a:pt x="248" y="397"/>
                  </a:cubicBezTo>
                  <a:cubicBezTo>
                    <a:pt x="248" y="410"/>
                    <a:pt x="240" y="413"/>
                    <a:pt x="230" y="405"/>
                  </a:cubicBezTo>
                  <a:cubicBezTo>
                    <a:pt x="10" y="222"/>
                    <a:pt x="10" y="222"/>
                    <a:pt x="10" y="222"/>
                  </a:cubicBezTo>
                  <a:cubicBezTo>
                    <a:pt x="0" y="213"/>
                    <a:pt x="0" y="200"/>
                    <a:pt x="10" y="191"/>
                  </a:cubicBezTo>
                  <a:cubicBezTo>
                    <a:pt x="230" y="8"/>
                    <a:pt x="230" y="8"/>
                    <a:pt x="230" y="8"/>
                  </a:cubicBezTo>
                </a:path>
              </a:pathLst>
            </a:custGeom>
            <a:solidFill>
              <a:srgbClr val="12B19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58" name="Freeform 34"/>
            <p:cNvSpPr>
              <a:spLocks noEditPoints="1"/>
            </p:cNvSpPr>
            <p:nvPr/>
          </p:nvSpPr>
          <p:spPr bwMode="auto">
            <a:xfrm>
              <a:off x="3696072" y="4111039"/>
              <a:ext cx="1292832" cy="2546560"/>
            </a:xfrm>
            <a:custGeom>
              <a:avLst/>
              <a:gdLst>
                <a:gd name="T0" fmla="*/ 654 w 671"/>
                <a:gd name="T1" fmla="*/ 1194 h 1322"/>
                <a:gd name="T2" fmla="*/ 653 w 671"/>
                <a:gd name="T3" fmla="*/ 1253 h 1322"/>
                <a:gd name="T4" fmla="*/ 654 w 671"/>
                <a:gd name="T5" fmla="*/ 1314 h 1322"/>
                <a:gd name="T6" fmla="*/ 662 w 671"/>
                <a:gd name="T7" fmla="*/ 1322 h 1322"/>
                <a:gd name="T8" fmla="*/ 670 w 671"/>
                <a:gd name="T9" fmla="*/ 1314 h 1322"/>
                <a:gd name="T10" fmla="*/ 669 w 671"/>
                <a:gd name="T11" fmla="*/ 1253 h 1322"/>
                <a:gd name="T12" fmla="*/ 670 w 671"/>
                <a:gd name="T13" fmla="*/ 1194 h 1322"/>
                <a:gd name="T14" fmla="*/ 662 w 671"/>
                <a:gd name="T15" fmla="*/ 1186 h 1322"/>
                <a:gd name="T16" fmla="*/ 654 w 671"/>
                <a:gd name="T17" fmla="*/ 1194 h 1322"/>
                <a:gd name="T18" fmla="*/ 655 w 671"/>
                <a:gd name="T19" fmla="*/ 874 h 1322"/>
                <a:gd name="T20" fmla="*/ 655 w 671"/>
                <a:gd name="T21" fmla="*/ 994 h 1322"/>
                <a:gd name="T22" fmla="*/ 663 w 671"/>
                <a:gd name="T23" fmla="*/ 1002 h 1322"/>
                <a:gd name="T24" fmla="*/ 671 w 671"/>
                <a:gd name="T25" fmla="*/ 994 h 1322"/>
                <a:gd name="T26" fmla="*/ 671 w 671"/>
                <a:gd name="T27" fmla="*/ 874 h 1322"/>
                <a:gd name="T28" fmla="*/ 663 w 671"/>
                <a:gd name="T29" fmla="*/ 866 h 1322"/>
                <a:gd name="T30" fmla="*/ 655 w 671"/>
                <a:gd name="T31" fmla="*/ 874 h 1322"/>
                <a:gd name="T32" fmla="*/ 652 w 671"/>
                <a:gd name="T33" fmla="*/ 554 h 1322"/>
                <a:gd name="T34" fmla="*/ 655 w 671"/>
                <a:gd name="T35" fmla="*/ 674 h 1322"/>
                <a:gd name="T36" fmla="*/ 663 w 671"/>
                <a:gd name="T37" fmla="*/ 682 h 1322"/>
                <a:gd name="T38" fmla="*/ 671 w 671"/>
                <a:gd name="T39" fmla="*/ 674 h 1322"/>
                <a:gd name="T40" fmla="*/ 668 w 671"/>
                <a:gd name="T41" fmla="*/ 553 h 1322"/>
                <a:gd name="T42" fmla="*/ 660 w 671"/>
                <a:gd name="T43" fmla="*/ 546 h 1322"/>
                <a:gd name="T44" fmla="*/ 652 w 671"/>
                <a:gd name="T45" fmla="*/ 554 h 1322"/>
                <a:gd name="T46" fmla="*/ 560 w 671"/>
                <a:gd name="T47" fmla="*/ 258 h 1322"/>
                <a:gd name="T48" fmla="*/ 616 w 671"/>
                <a:gd name="T49" fmla="*/ 362 h 1322"/>
                <a:gd name="T50" fmla="*/ 626 w 671"/>
                <a:gd name="T51" fmla="*/ 366 h 1322"/>
                <a:gd name="T52" fmla="*/ 631 w 671"/>
                <a:gd name="T53" fmla="*/ 356 h 1322"/>
                <a:gd name="T54" fmla="*/ 573 w 671"/>
                <a:gd name="T55" fmla="*/ 249 h 1322"/>
                <a:gd name="T56" fmla="*/ 562 w 671"/>
                <a:gd name="T57" fmla="*/ 247 h 1322"/>
                <a:gd name="T58" fmla="*/ 560 w 671"/>
                <a:gd name="T59" fmla="*/ 258 h 1322"/>
                <a:gd name="T60" fmla="*/ 319 w 671"/>
                <a:gd name="T61" fmla="*/ 60 h 1322"/>
                <a:gd name="T62" fmla="*/ 323 w 671"/>
                <a:gd name="T63" fmla="*/ 61 h 1322"/>
                <a:gd name="T64" fmla="*/ 326 w 671"/>
                <a:gd name="T65" fmla="*/ 54 h 1322"/>
                <a:gd name="T66" fmla="*/ 323 w 671"/>
                <a:gd name="T67" fmla="*/ 61 h 1322"/>
                <a:gd name="T68" fmla="*/ 422 w 671"/>
                <a:gd name="T69" fmla="*/ 118 h 1322"/>
                <a:gd name="T70" fmla="*/ 433 w 671"/>
                <a:gd name="T71" fmla="*/ 117 h 1322"/>
                <a:gd name="T72" fmla="*/ 431 w 671"/>
                <a:gd name="T73" fmla="*/ 105 h 1322"/>
                <a:gd name="T74" fmla="*/ 329 w 671"/>
                <a:gd name="T75" fmla="*/ 47 h 1322"/>
                <a:gd name="T76" fmla="*/ 329 w 671"/>
                <a:gd name="T77" fmla="*/ 47 h 1322"/>
                <a:gd name="T78" fmla="*/ 325 w 671"/>
                <a:gd name="T79" fmla="*/ 45 h 1322"/>
                <a:gd name="T80" fmla="*/ 315 w 671"/>
                <a:gd name="T81" fmla="*/ 49 h 1322"/>
                <a:gd name="T82" fmla="*/ 319 w 671"/>
                <a:gd name="T83" fmla="*/ 60 h 1322"/>
                <a:gd name="T84" fmla="*/ 8 w 671"/>
                <a:gd name="T85" fmla="*/ 17 h 1322"/>
                <a:gd name="T86" fmla="*/ 59 w 671"/>
                <a:gd name="T87" fmla="*/ 16 h 1322"/>
                <a:gd name="T88" fmla="*/ 127 w 671"/>
                <a:gd name="T89" fmla="*/ 18 h 1322"/>
                <a:gd name="T90" fmla="*/ 136 w 671"/>
                <a:gd name="T91" fmla="*/ 11 h 1322"/>
                <a:gd name="T92" fmla="*/ 128 w 671"/>
                <a:gd name="T93" fmla="*/ 2 h 1322"/>
                <a:gd name="T94" fmla="*/ 59 w 671"/>
                <a:gd name="T95" fmla="*/ 0 h 1322"/>
                <a:gd name="T96" fmla="*/ 8 w 671"/>
                <a:gd name="T97" fmla="*/ 1 h 1322"/>
                <a:gd name="T98" fmla="*/ 0 w 671"/>
                <a:gd name="T99" fmla="*/ 9 h 1322"/>
                <a:gd name="T100" fmla="*/ 8 w 671"/>
                <a:gd name="T101" fmla="*/ 17 h 13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</a:cxnLst>
              <a:rect l="0" t="0" r="r" b="b"/>
              <a:pathLst>
                <a:path w="671" h="1322">
                  <a:moveTo>
                    <a:pt x="654" y="1194"/>
                  </a:moveTo>
                  <a:cubicBezTo>
                    <a:pt x="654" y="1213"/>
                    <a:pt x="653" y="1233"/>
                    <a:pt x="653" y="1253"/>
                  </a:cubicBezTo>
                  <a:cubicBezTo>
                    <a:pt x="653" y="1273"/>
                    <a:pt x="654" y="1293"/>
                    <a:pt x="654" y="1314"/>
                  </a:cubicBezTo>
                  <a:cubicBezTo>
                    <a:pt x="654" y="1318"/>
                    <a:pt x="657" y="1322"/>
                    <a:pt x="662" y="1322"/>
                  </a:cubicBezTo>
                  <a:cubicBezTo>
                    <a:pt x="666" y="1322"/>
                    <a:pt x="670" y="1318"/>
                    <a:pt x="670" y="1314"/>
                  </a:cubicBezTo>
                  <a:cubicBezTo>
                    <a:pt x="670" y="1293"/>
                    <a:pt x="669" y="1273"/>
                    <a:pt x="669" y="1253"/>
                  </a:cubicBezTo>
                  <a:cubicBezTo>
                    <a:pt x="669" y="1233"/>
                    <a:pt x="670" y="1213"/>
                    <a:pt x="670" y="1194"/>
                  </a:cubicBezTo>
                  <a:cubicBezTo>
                    <a:pt x="670" y="1189"/>
                    <a:pt x="666" y="1186"/>
                    <a:pt x="662" y="1186"/>
                  </a:cubicBezTo>
                  <a:cubicBezTo>
                    <a:pt x="657" y="1186"/>
                    <a:pt x="654" y="1189"/>
                    <a:pt x="654" y="1194"/>
                  </a:cubicBezTo>
                  <a:moveTo>
                    <a:pt x="655" y="874"/>
                  </a:moveTo>
                  <a:cubicBezTo>
                    <a:pt x="655" y="914"/>
                    <a:pt x="655" y="954"/>
                    <a:pt x="655" y="994"/>
                  </a:cubicBezTo>
                  <a:cubicBezTo>
                    <a:pt x="655" y="998"/>
                    <a:pt x="658" y="1002"/>
                    <a:pt x="663" y="1002"/>
                  </a:cubicBezTo>
                  <a:cubicBezTo>
                    <a:pt x="667" y="1002"/>
                    <a:pt x="671" y="998"/>
                    <a:pt x="671" y="994"/>
                  </a:cubicBezTo>
                  <a:cubicBezTo>
                    <a:pt x="671" y="954"/>
                    <a:pt x="671" y="914"/>
                    <a:pt x="671" y="874"/>
                  </a:cubicBezTo>
                  <a:cubicBezTo>
                    <a:pt x="671" y="869"/>
                    <a:pt x="668" y="866"/>
                    <a:pt x="663" y="866"/>
                  </a:cubicBezTo>
                  <a:cubicBezTo>
                    <a:pt x="659" y="866"/>
                    <a:pt x="655" y="869"/>
                    <a:pt x="655" y="874"/>
                  </a:cubicBezTo>
                  <a:moveTo>
                    <a:pt x="652" y="554"/>
                  </a:moveTo>
                  <a:cubicBezTo>
                    <a:pt x="653" y="594"/>
                    <a:pt x="654" y="634"/>
                    <a:pt x="655" y="674"/>
                  </a:cubicBezTo>
                  <a:cubicBezTo>
                    <a:pt x="655" y="678"/>
                    <a:pt x="658" y="682"/>
                    <a:pt x="663" y="682"/>
                  </a:cubicBezTo>
                  <a:cubicBezTo>
                    <a:pt x="667" y="682"/>
                    <a:pt x="671" y="678"/>
                    <a:pt x="671" y="674"/>
                  </a:cubicBezTo>
                  <a:cubicBezTo>
                    <a:pt x="670" y="634"/>
                    <a:pt x="669" y="594"/>
                    <a:pt x="668" y="553"/>
                  </a:cubicBezTo>
                  <a:cubicBezTo>
                    <a:pt x="668" y="549"/>
                    <a:pt x="664" y="546"/>
                    <a:pt x="660" y="546"/>
                  </a:cubicBezTo>
                  <a:cubicBezTo>
                    <a:pt x="656" y="546"/>
                    <a:pt x="652" y="549"/>
                    <a:pt x="652" y="554"/>
                  </a:cubicBezTo>
                  <a:moveTo>
                    <a:pt x="560" y="258"/>
                  </a:moveTo>
                  <a:cubicBezTo>
                    <a:pt x="582" y="290"/>
                    <a:pt x="601" y="325"/>
                    <a:pt x="616" y="362"/>
                  </a:cubicBezTo>
                  <a:cubicBezTo>
                    <a:pt x="618" y="366"/>
                    <a:pt x="622" y="368"/>
                    <a:pt x="626" y="366"/>
                  </a:cubicBezTo>
                  <a:cubicBezTo>
                    <a:pt x="630" y="364"/>
                    <a:pt x="632" y="360"/>
                    <a:pt x="631" y="356"/>
                  </a:cubicBezTo>
                  <a:cubicBezTo>
                    <a:pt x="615" y="318"/>
                    <a:pt x="596" y="282"/>
                    <a:pt x="573" y="249"/>
                  </a:cubicBezTo>
                  <a:cubicBezTo>
                    <a:pt x="570" y="245"/>
                    <a:pt x="565" y="244"/>
                    <a:pt x="562" y="247"/>
                  </a:cubicBezTo>
                  <a:cubicBezTo>
                    <a:pt x="558" y="249"/>
                    <a:pt x="557" y="254"/>
                    <a:pt x="560" y="258"/>
                  </a:cubicBezTo>
                  <a:moveTo>
                    <a:pt x="319" y="60"/>
                  </a:moveTo>
                  <a:cubicBezTo>
                    <a:pt x="320" y="60"/>
                    <a:pt x="322" y="61"/>
                    <a:pt x="323" y="61"/>
                  </a:cubicBezTo>
                  <a:cubicBezTo>
                    <a:pt x="326" y="54"/>
                    <a:pt x="326" y="54"/>
                    <a:pt x="326" y="54"/>
                  </a:cubicBezTo>
                  <a:cubicBezTo>
                    <a:pt x="323" y="61"/>
                    <a:pt x="323" y="61"/>
                    <a:pt x="323" y="61"/>
                  </a:cubicBezTo>
                  <a:cubicBezTo>
                    <a:pt x="358" y="77"/>
                    <a:pt x="391" y="96"/>
                    <a:pt x="422" y="118"/>
                  </a:cubicBezTo>
                  <a:cubicBezTo>
                    <a:pt x="425" y="121"/>
                    <a:pt x="430" y="120"/>
                    <a:pt x="433" y="117"/>
                  </a:cubicBezTo>
                  <a:cubicBezTo>
                    <a:pt x="435" y="113"/>
                    <a:pt x="435" y="108"/>
                    <a:pt x="431" y="105"/>
                  </a:cubicBezTo>
                  <a:cubicBezTo>
                    <a:pt x="399" y="83"/>
                    <a:pt x="365" y="63"/>
                    <a:pt x="329" y="47"/>
                  </a:cubicBezTo>
                  <a:cubicBezTo>
                    <a:pt x="329" y="47"/>
                    <a:pt x="329" y="47"/>
                    <a:pt x="329" y="47"/>
                  </a:cubicBezTo>
                  <a:cubicBezTo>
                    <a:pt x="328" y="46"/>
                    <a:pt x="327" y="46"/>
                    <a:pt x="325" y="45"/>
                  </a:cubicBezTo>
                  <a:cubicBezTo>
                    <a:pt x="321" y="43"/>
                    <a:pt x="317" y="45"/>
                    <a:pt x="315" y="49"/>
                  </a:cubicBezTo>
                  <a:cubicBezTo>
                    <a:pt x="313" y="53"/>
                    <a:pt x="315" y="58"/>
                    <a:pt x="319" y="60"/>
                  </a:cubicBezTo>
                  <a:moveTo>
                    <a:pt x="8" y="17"/>
                  </a:moveTo>
                  <a:cubicBezTo>
                    <a:pt x="25" y="17"/>
                    <a:pt x="42" y="16"/>
                    <a:pt x="59" y="16"/>
                  </a:cubicBezTo>
                  <a:cubicBezTo>
                    <a:pt x="82" y="16"/>
                    <a:pt x="105" y="17"/>
                    <a:pt x="127" y="18"/>
                  </a:cubicBezTo>
                  <a:cubicBezTo>
                    <a:pt x="132" y="19"/>
                    <a:pt x="136" y="15"/>
                    <a:pt x="136" y="11"/>
                  </a:cubicBezTo>
                  <a:cubicBezTo>
                    <a:pt x="136" y="6"/>
                    <a:pt x="133" y="3"/>
                    <a:pt x="128" y="2"/>
                  </a:cubicBezTo>
                  <a:cubicBezTo>
                    <a:pt x="105" y="1"/>
                    <a:pt x="82" y="0"/>
                    <a:pt x="59" y="0"/>
                  </a:cubicBezTo>
                  <a:cubicBezTo>
                    <a:pt x="42" y="0"/>
                    <a:pt x="25" y="1"/>
                    <a:pt x="8" y="1"/>
                  </a:cubicBezTo>
                  <a:cubicBezTo>
                    <a:pt x="3" y="1"/>
                    <a:pt x="0" y="5"/>
                    <a:pt x="0" y="9"/>
                  </a:cubicBezTo>
                  <a:cubicBezTo>
                    <a:pt x="0" y="14"/>
                    <a:pt x="4" y="17"/>
                    <a:pt x="8" y="17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159" name="Group 48"/>
          <p:cNvGrpSpPr/>
          <p:nvPr/>
        </p:nvGrpSpPr>
        <p:grpSpPr>
          <a:xfrm>
            <a:off x="3735768" y="4754751"/>
            <a:ext cx="2583145" cy="2096584"/>
            <a:chOff x="3499745" y="4544426"/>
            <a:chExt cx="2841459" cy="2306242"/>
          </a:xfrm>
        </p:grpSpPr>
        <p:sp>
          <p:nvSpPr>
            <p:cNvPr id="160" name="Freeform 43"/>
            <p:cNvSpPr/>
            <p:nvPr/>
          </p:nvSpPr>
          <p:spPr bwMode="auto">
            <a:xfrm>
              <a:off x="3653711" y="4544426"/>
              <a:ext cx="2687493" cy="2298910"/>
            </a:xfrm>
            <a:custGeom>
              <a:avLst/>
              <a:gdLst>
                <a:gd name="T0" fmla="*/ 1395 w 1395"/>
                <a:gd name="T1" fmla="*/ 698 h 1193"/>
                <a:gd name="T2" fmla="*/ 697 w 1395"/>
                <a:gd name="T3" fmla="*/ 0 h 1193"/>
                <a:gd name="T4" fmla="*/ 697 w 1395"/>
                <a:gd name="T5" fmla="*/ 249 h 1193"/>
                <a:gd name="T6" fmla="*/ 697 w 1395"/>
                <a:gd name="T7" fmla="*/ 1 h 1193"/>
                <a:gd name="T8" fmla="*/ 0 w 1395"/>
                <a:gd name="T9" fmla="*/ 698 h 1193"/>
                <a:gd name="T10" fmla="*/ 249 w 1395"/>
                <a:gd name="T11" fmla="*/ 698 h 1193"/>
                <a:gd name="T12" fmla="*/ 249 w 1395"/>
                <a:gd name="T13" fmla="*/ 698 h 1193"/>
                <a:gd name="T14" fmla="*/ 697 w 1395"/>
                <a:gd name="T15" fmla="*/ 249 h 1193"/>
                <a:gd name="T16" fmla="*/ 697 w 1395"/>
                <a:gd name="T17" fmla="*/ 249 h 1193"/>
                <a:gd name="T18" fmla="*/ 1146 w 1395"/>
                <a:gd name="T19" fmla="*/ 698 h 1193"/>
                <a:gd name="T20" fmla="*/ 1146 w 1395"/>
                <a:gd name="T21" fmla="*/ 1193 h 1193"/>
                <a:gd name="T22" fmla="*/ 1395 w 1395"/>
                <a:gd name="T23" fmla="*/ 1193 h 1193"/>
                <a:gd name="T24" fmla="*/ 1395 w 1395"/>
                <a:gd name="T25" fmla="*/ 698 h 1193"/>
                <a:gd name="T26" fmla="*/ 1395 w 1395"/>
                <a:gd name="T27" fmla="*/ 698 h 11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1395" h="1193">
                  <a:moveTo>
                    <a:pt x="1395" y="698"/>
                  </a:moveTo>
                  <a:cubicBezTo>
                    <a:pt x="1395" y="313"/>
                    <a:pt x="1082" y="1"/>
                    <a:pt x="697" y="0"/>
                  </a:cubicBezTo>
                  <a:cubicBezTo>
                    <a:pt x="697" y="249"/>
                    <a:pt x="697" y="249"/>
                    <a:pt x="697" y="249"/>
                  </a:cubicBezTo>
                  <a:cubicBezTo>
                    <a:pt x="697" y="1"/>
                    <a:pt x="697" y="1"/>
                    <a:pt x="697" y="1"/>
                  </a:cubicBezTo>
                  <a:cubicBezTo>
                    <a:pt x="312" y="1"/>
                    <a:pt x="0" y="313"/>
                    <a:pt x="0" y="698"/>
                  </a:cubicBezTo>
                  <a:cubicBezTo>
                    <a:pt x="249" y="698"/>
                    <a:pt x="249" y="698"/>
                    <a:pt x="249" y="698"/>
                  </a:cubicBezTo>
                  <a:cubicBezTo>
                    <a:pt x="249" y="698"/>
                    <a:pt x="249" y="698"/>
                    <a:pt x="249" y="698"/>
                  </a:cubicBezTo>
                  <a:cubicBezTo>
                    <a:pt x="249" y="450"/>
                    <a:pt x="450" y="249"/>
                    <a:pt x="697" y="249"/>
                  </a:cubicBezTo>
                  <a:cubicBezTo>
                    <a:pt x="697" y="249"/>
                    <a:pt x="697" y="249"/>
                    <a:pt x="697" y="249"/>
                  </a:cubicBezTo>
                  <a:cubicBezTo>
                    <a:pt x="945" y="249"/>
                    <a:pt x="1146" y="450"/>
                    <a:pt x="1146" y="698"/>
                  </a:cubicBezTo>
                  <a:cubicBezTo>
                    <a:pt x="1146" y="1193"/>
                    <a:pt x="1146" y="1193"/>
                    <a:pt x="1146" y="1193"/>
                  </a:cubicBezTo>
                  <a:cubicBezTo>
                    <a:pt x="1395" y="1193"/>
                    <a:pt x="1395" y="1193"/>
                    <a:pt x="1395" y="1193"/>
                  </a:cubicBezTo>
                  <a:cubicBezTo>
                    <a:pt x="1395" y="698"/>
                    <a:pt x="1395" y="698"/>
                    <a:pt x="1395" y="698"/>
                  </a:cubicBezTo>
                  <a:cubicBezTo>
                    <a:pt x="1395" y="698"/>
                    <a:pt x="1395" y="698"/>
                    <a:pt x="1395" y="698"/>
                  </a:cubicBezTo>
                </a:path>
              </a:pathLst>
            </a:custGeom>
            <a:solidFill>
              <a:srgbClr val="288DBB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61" name="Freeform 44"/>
            <p:cNvSpPr/>
            <p:nvPr/>
          </p:nvSpPr>
          <p:spPr bwMode="auto">
            <a:xfrm>
              <a:off x="3499745" y="5887765"/>
              <a:ext cx="795902" cy="479007"/>
            </a:xfrm>
            <a:custGeom>
              <a:avLst/>
              <a:gdLst>
                <a:gd name="T0" fmla="*/ 8 w 413"/>
                <a:gd name="T1" fmla="*/ 18 h 249"/>
                <a:gd name="T2" fmla="*/ 17 w 413"/>
                <a:gd name="T3" fmla="*/ 0 h 249"/>
                <a:gd name="T4" fmla="*/ 397 w 413"/>
                <a:gd name="T5" fmla="*/ 0 h 249"/>
                <a:gd name="T6" fmla="*/ 405 w 413"/>
                <a:gd name="T7" fmla="*/ 18 h 249"/>
                <a:gd name="T8" fmla="*/ 222 w 413"/>
                <a:gd name="T9" fmla="*/ 238 h 249"/>
                <a:gd name="T10" fmla="*/ 191 w 413"/>
                <a:gd name="T11" fmla="*/ 238 h 249"/>
                <a:gd name="T12" fmla="*/ 8 w 413"/>
                <a:gd name="T13" fmla="*/ 18 h 24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13" h="249">
                  <a:moveTo>
                    <a:pt x="8" y="18"/>
                  </a:moveTo>
                  <a:cubicBezTo>
                    <a:pt x="0" y="8"/>
                    <a:pt x="3" y="0"/>
                    <a:pt x="17" y="0"/>
                  </a:cubicBezTo>
                  <a:cubicBezTo>
                    <a:pt x="397" y="0"/>
                    <a:pt x="397" y="0"/>
                    <a:pt x="397" y="0"/>
                  </a:cubicBezTo>
                  <a:cubicBezTo>
                    <a:pt x="410" y="0"/>
                    <a:pt x="413" y="8"/>
                    <a:pt x="405" y="18"/>
                  </a:cubicBezTo>
                  <a:cubicBezTo>
                    <a:pt x="222" y="238"/>
                    <a:pt x="222" y="238"/>
                    <a:pt x="222" y="238"/>
                  </a:cubicBezTo>
                  <a:cubicBezTo>
                    <a:pt x="213" y="249"/>
                    <a:pt x="200" y="249"/>
                    <a:pt x="191" y="238"/>
                  </a:cubicBezTo>
                  <a:cubicBezTo>
                    <a:pt x="8" y="18"/>
                    <a:pt x="8" y="18"/>
                    <a:pt x="8" y="18"/>
                  </a:cubicBezTo>
                </a:path>
              </a:pathLst>
            </a:custGeom>
            <a:solidFill>
              <a:srgbClr val="288DBB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162" name="Freeform 46"/>
            <p:cNvSpPr>
              <a:spLocks noEditPoints="1"/>
            </p:cNvSpPr>
            <p:nvPr/>
          </p:nvSpPr>
          <p:spPr bwMode="auto">
            <a:xfrm>
              <a:off x="3885068" y="4785560"/>
              <a:ext cx="2238627" cy="2065108"/>
            </a:xfrm>
            <a:custGeom>
              <a:avLst/>
              <a:gdLst>
                <a:gd name="T0" fmla="*/ 1146 w 1162"/>
                <a:gd name="T1" fmla="*/ 1064 h 1072"/>
                <a:gd name="T2" fmla="*/ 1162 w 1162"/>
                <a:gd name="T3" fmla="*/ 1064 h 1072"/>
                <a:gd name="T4" fmla="*/ 1154 w 1162"/>
                <a:gd name="T5" fmla="*/ 936 h 1072"/>
                <a:gd name="T6" fmla="*/ 1146 w 1162"/>
                <a:gd name="T7" fmla="*/ 624 h 1072"/>
                <a:gd name="T8" fmla="*/ 1146 w 1162"/>
                <a:gd name="T9" fmla="*/ 744 h 1072"/>
                <a:gd name="T10" fmla="*/ 1162 w 1162"/>
                <a:gd name="T11" fmla="*/ 744 h 1072"/>
                <a:gd name="T12" fmla="*/ 1162 w 1162"/>
                <a:gd name="T13" fmla="*/ 624 h 1072"/>
                <a:gd name="T14" fmla="*/ 1146 w 1162"/>
                <a:gd name="T15" fmla="*/ 624 h 1072"/>
                <a:gd name="T16" fmla="*/ 1135 w 1162"/>
                <a:gd name="T17" fmla="*/ 427 h 1072"/>
                <a:gd name="T18" fmla="*/ 1151 w 1162"/>
                <a:gd name="T19" fmla="*/ 423 h 1072"/>
                <a:gd name="T20" fmla="*/ 1099 w 1162"/>
                <a:gd name="T21" fmla="*/ 305 h 1072"/>
                <a:gd name="T22" fmla="*/ 1096 w 1162"/>
                <a:gd name="T23" fmla="*/ 316 h 1072"/>
                <a:gd name="T24" fmla="*/ 976 w 1162"/>
                <a:gd name="T25" fmla="*/ 161 h 1072"/>
                <a:gd name="T26" fmla="*/ 986 w 1162"/>
                <a:gd name="T27" fmla="*/ 149 h 1072"/>
                <a:gd name="T28" fmla="*/ 876 w 1162"/>
                <a:gd name="T29" fmla="*/ 82 h 1072"/>
                <a:gd name="T30" fmla="*/ 576 w 1162"/>
                <a:gd name="T31" fmla="*/ 16 h 1072"/>
                <a:gd name="T32" fmla="*/ 640 w 1162"/>
                <a:gd name="T33" fmla="*/ 19 h 1072"/>
                <a:gd name="T34" fmla="*/ 704 w 1162"/>
                <a:gd name="T35" fmla="*/ 20 h 1072"/>
                <a:gd name="T36" fmla="*/ 641 w 1162"/>
                <a:gd name="T37" fmla="*/ 3 h 1072"/>
                <a:gd name="T38" fmla="*/ 576 w 1162"/>
                <a:gd name="T39" fmla="*/ 0 h 1072"/>
                <a:gd name="T40" fmla="*/ 576 w 1162"/>
                <a:gd name="T41" fmla="*/ 16 h 1072"/>
                <a:gd name="T42" fmla="*/ 383 w 1162"/>
                <a:gd name="T43" fmla="*/ 49 h 1072"/>
                <a:gd name="T44" fmla="*/ 377 w 1162"/>
                <a:gd name="T45" fmla="*/ 34 h 1072"/>
                <a:gd name="T46" fmla="*/ 264 w 1162"/>
                <a:gd name="T47" fmla="*/ 95 h 1072"/>
                <a:gd name="T48" fmla="*/ 62 w 1162"/>
                <a:gd name="T49" fmla="*/ 324 h 1072"/>
                <a:gd name="T50" fmla="*/ 125 w 1162"/>
                <a:gd name="T51" fmla="*/ 214 h 1072"/>
                <a:gd name="T52" fmla="*/ 48 w 1162"/>
                <a:gd name="T53" fmla="*/ 317 h 1072"/>
                <a:gd name="T54" fmla="*/ 62 w 1162"/>
                <a:gd name="T55" fmla="*/ 324 h 1072"/>
                <a:gd name="T56" fmla="*/ 16 w 1162"/>
                <a:gd name="T57" fmla="*/ 634 h 1072"/>
                <a:gd name="T58" fmla="*/ 16 w 1162"/>
                <a:gd name="T59" fmla="*/ 584 h 1072"/>
                <a:gd name="T60" fmla="*/ 10 w 1162"/>
                <a:gd name="T61" fmla="*/ 506 h 1072"/>
                <a:gd name="T62" fmla="*/ 0 w 1162"/>
                <a:gd name="T63" fmla="*/ 584 h 1072"/>
                <a:gd name="T64" fmla="*/ 0 w 1162"/>
                <a:gd name="T65" fmla="*/ 634 h 1072"/>
                <a:gd name="T66" fmla="*/ 16 w 1162"/>
                <a:gd name="T67" fmla="*/ 634 h 10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</a:cxnLst>
              <a:rect l="0" t="0" r="r" b="b"/>
              <a:pathLst>
                <a:path w="1162" h="1072">
                  <a:moveTo>
                    <a:pt x="1146" y="944"/>
                  </a:moveTo>
                  <a:cubicBezTo>
                    <a:pt x="1146" y="984"/>
                    <a:pt x="1146" y="1024"/>
                    <a:pt x="1146" y="1064"/>
                  </a:cubicBezTo>
                  <a:cubicBezTo>
                    <a:pt x="1146" y="1069"/>
                    <a:pt x="1150" y="1072"/>
                    <a:pt x="1154" y="1072"/>
                  </a:cubicBezTo>
                  <a:cubicBezTo>
                    <a:pt x="1158" y="1072"/>
                    <a:pt x="1162" y="1069"/>
                    <a:pt x="1162" y="1064"/>
                  </a:cubicBezTo>
                  <a:cubicBezTo>
                    <a:pt x="1162" y="1024"/>
                    <a:pt x="1162" y="984"/>
                    <a:pt x="1162" y="944"/>
                  </a:cubicBezTo>
                  <a:cubicBezTo>
                    <a:pt x="1162" y="940"/>
                    <a:pt x="1158" y="936"/>
                    <a:pt x="1154" y="936"/>
                  </a:cubicBezTo>
                  <a:cubicBezTo>
                    <a:pt x="1150" y="936"/>
                    <a:pt x="1146" y="940"/>
                    <a:pt x="1146" y="944"/>
                  </a:cubicBezTo>
                  <a:moveTo>
                    <a:pt x="1146" y="624"/>
                  </a:moveTo>
                  <a:cubicBezTo>
                    <a:pt x="1146" y="629"/>
                    <a:pt x="1146" y="635"/>
                    <a:pt x="1146" y="640"/>
                  </a:cubicBezTo>
                  <a:cubicBezTo>
                    <a:pt x="1146" y="675"/>
                    <a:pt x="1146" y="710"/>
                    <a:pt x="1146" y="744"/>
                  </a:cubicBezTo>
                  <a:cubicBezTo>
                    <a:pt x="1146" y="749"/>
                    <a:pt x="1150" y="752"/>
                    <a:pt x="1154" y="752"/>
                  </a:cubicBezTo>
                  <a:cubicBezTo>
                    <a:pt x="1158" y="752"/>
                    <a:pt x="1162" y="749"/>
                    <a:pt x="1162" y="744"/>
                  </a:cubicBezTo>
                  <a:cubicBezTo>
                    <a:pt x="1162" y="710"/>
                    <a:pt x="1162" y="675"/>
                    <a:pt x="1162" y="640"/>
                  </a:cubicBezTo>
                  <a:cubicBezTo>
                    <a:pt x="1162" y="635"/>
                    <a:pt x="1162" y="630"/>
                    <a:pt x="1162" y="624"/>
                  </a:cubicBezTo>
                  <a:cubicBezTo>
                    <a:pt x="1162" y="620"/>
                    <a:pt x="1159" y="616"/>
                    <a:pt x="1154" y="616"/>
                  </a:cubicBezTo>
                  <a:cubicBezTo>
                    <a:pt x="1150" y="616"/>
                    <a:pt x="1146" y="620"/>
                    <a:pt x="1146" y="624"/>
                  </a:cubicBezTo>
                  <a:moveTo>
                    <a:pt x="1096" y="316"/>
                  </a:moveTo>
                  <a:cubicBezTo>
                    <a:pt x="1113" y="351"/>
                    <a:pt x="1127" y="388"/>
                    <a:pt x="1135" y="427"/>
                  </a:cubicBezTo>
                  <a:cubicBezTo>
                    <a:pt x="1136" y="431"/>
                    <a:pt x="1140" y="434"/>
                    <a:pt x="1145" y="433"/>
                  </a:cubicBezTo>
                  <a:cubicBezTo>
                    <a:pt x="1149" y="432"/>
                    <a:pt x="1152" y="428"/>
                    <a:pt x="1151" y="423"/>
                  </a:cubicBezTo>
                  <a:cubicBezTo>
                    <a:pt x="1142" y="384"/>
                    <a:pt x="1128" y="345"/>
                    <a:pt x="1110" y="309"/>
                  </a:cubicBezTo>
                  <a:cubicBezTo>
                    <a:pt x="1108" y="305"/>
                    <a:pt x="1103" y="303"/>
                    <a:pt x="1099" y="305"/>
                  </a:cubicBezTo>
                  <a:cubicBezTo>
                    <a:pt x="1095" y="307"/>
                    <a:pt x="1094" y="312"/>
                    <a:pt x="1096" y="316"/>
                  </a:cubicBezTo>
                  <a:cubicBezTo>
                    <a:pt x="1096" y="316"/>
                    <a:pt x="1096" y="316"/>
                    <a:pt x="1096" y="316"/>
                  </a:cubicBezTo>
                  <a:moveTo>
                    <a:pt x="879" y="93"/>
                  </a:moveTo>
                  <a:cubicBezTo>
                    <a:pt x="914" y="112"/>
                    <a:pt x="946" y="135"/>
                    <a:pt x="976" y="161"/>
                  </a:cubicBezTo>
                  <a:cubicBezTo>
                    <a:pt x="979" y="164"/>
                    <a:pt x="984" y="164"/>
                    <a:pt x="987" y="161"/>
                  </a:cubicBezTo>
                  <a:cubicBezTo>
                    <a:pt x="990" y="157"/>
                    <a:pt x="989" y="152"/>
                    <a:pt x="986" y="149"/>
                  </a:cubicBezTo>
                  <a:cubicBezTo>
                    <a:pt x="956" y="122"/>
                    <a:pt x="922" y="99"/>
                    <a:pt x="887" y="79"/>
                  </a:cubicBezTo>
                  <a:cubicBezTo>
                    <a:pt x="883" y="77"/>
                    <a:pt x="878" y="78"/>
                    <a:pt x="876" y="82"/>
                  </a:cubicBezTo>
                  <a:cubicBezTo>
                    <a:pt x="874" y="86"/>
                    <a:pt x="875" y="91"/>
                    <a:pt x="879" y="93"/>
                  </a:cubicBezTo>
                  <a:moveTo>
                    <a:pt x="576" y="16"/>
                  </a:moveTo>
                  <a:cubicBezTo>
                    <a:pt x="578" y="16"/>
                    <a:pt x="580" y="16"/>
                    <a:pt x="582" y="16"/>
                  </a:cubicBezTo>
                  <a:cubicBezTo>
                    <a:pt x="601" y="16"/>
                    <a:pt x="620" y="17"/>
                    <a:pt x="640" y="19"/>
                  </a:cubicBezTo>
                  <a:cubicBezTo>
                    <a:pt x="658" y="21"/>
                    <a:pt x="676" y="23"/>
                    <a:pt x="694" y="27"/>
                  </a:cubicBezTo>
                  <a:cubicBezTo>
                    <a:pt x="699" y="27"/>
                    <a:pt x="703" y="25"/>
                    <a:pt x="704" y="20"/>
                  </a:cubicBezTo>
                  <a:cubicBezTo>
                    <a:pt x="704" y="16"/>
                    <a:pt x="702" y="12"/>
                    <a:pt x="697" y="11"/>
                  </a:cubicBezTo>
                  <a:cubicBezTo>
                    <a:pt x="679" y="7"/>
                    <a:pt x="660" y="5"/>
                    <a:pt x="641" y="3"/>
                  </a:cubicBezTo>
                  <a:cubicBezTo>
                    <a:pt x="621" y="1"/>
                    <a:pt x="601" y="0"/>
                    <a:pt x="582" y="0"/>
                  </a:cubicBezTo>
                  <a:cubicBezTo>
                    <a:pt x="580" y="0"/>
                    <a:pt x="578" y="0"/>
                    <a:pt x="576" y="0"/>
                  </a:cubicBezTo>
                  <a:cubicBezTo>
                    <a:pt x="572" y="0"/>
                    <a:pt x="568" y="4"/>
                    <a:pt x="568" y="8"/>
                  </a:cubicBezTo>
                  <a:cubicBezTo>
                    <a:pt x="568" y="13"/>
                    <a:pt x="572" y="16"/>
                    <a:pt x="576" y="16"/>
                  </a:cubicBezTo>
                  <a:moveTo>
                    <a:pt x="275" y="98"/>
                  </a:moveTo>
                  <a:cubicBezTo>
                    <a:pt x="309" y="78"/>
                    <a:pt x="345" y="62"/>
                    <a:pt x="383" y="49"/>
                  </a:cubicBezTo>
                  <a:cubicBezTo>
                    <a:pt x="387" y="47"/>
                    <a:pt x="389" y="43"/>
                    <a:pt x="388" y="39"/>
                  </a:cubicBezTo>
                  <a:cubicBezTo>
                    <a:pt x="386" y="35"/>
                    <a:pt x="382" y="32"/>
                    <a:pt x="377" y="34"/>
                  </a:cubicBezTo>
                  <a:cubicBezTo>
                    <a:pt x="339" y="47"/>
                    <a:pt x="302" y="63"/>
                    <a:pt x="267" y="84"/>
                  </a:cubicBezTo>
                  <a:cubicBezTo>
                    <a:pt x="263" y="86"/>
                    <a:pt x="262" y="91"/>
                    <a:pt x="264" y="95"/>
                  </a:cubicBezTo>
                  <a:cubicBezTo>
                    <a:pt x="266" y="99"/>
                    <a:pt x="271" y="100"/>
                    <a:pt x="275" y="98"/>
                  </a:cubicBezTo>
                  <a:moveTo>
                    <a:pt x="62" y="324"/>
                  </a:moveTo>
                  <a:cubicBezTo>
                    <a:pt x="79" y="289"/>
                    <a:pt x="101" y="255"/>
                    <a:pt x="126" y="225"/>
                  </a:cubicBezTo>
                  <a:cubicBezTo>
                    <a:pt x="129" y="222"/>
                    <a:pt x="128" y="216"/>
                    <a:pt x="125" y="214"/>
                  </a:cubicBezTo>
                  <a:cubicBezTo>
                    <a:pt x="121" y="211"/>
                    <a:pt x="116" y="211"/>
                    <a:pt x="113" y="215"/>
                  </a:cubicBezTo>
                  <a:cubicBezTo>
                    <a:pt x="88" y="246"/>
                    <a:pt x="66" y="281"/>
                    <a:pt x="48" y="317"/>
                  </a:cubicBezTo>
                  <a:cubicBezTo>
                    <a:pt x="46" y="321"/>
                    <a:pt x="48" y="326"/>
                    <a:pt x="52" y="328"/>
                  </a:cubicBezTo>
                  <a:cubicBezTo>
                    <a:pt x="56" y="330"/>
                    <a:pt x="61" y="328"/>
                    <a:pt x="62" y="324"/>
                  </a:cubicBezTo>
                  <a:cubicBezTo>
                    <a:pt x="62" y="324"/>
                    <a:pt x="62" y="324"/>
                    <a:pt x="62" y="324"/>
                  </a:cubicBezTo>
                  <a:moveTo>
                    <a:pt x="16" y="634"/>
                  </a:moveTo>
                  <a:cubicBezTo>
                    <a:pt x="16" y="634"/>
                    <a:pt x="16" y="634"/>
                    <a:pt x="16" y="634"/>
                  </a:cubicBezTo>
                  <a:cubicBezTo>
                    <a:pt x="16" y="617"/>
                    <a:pt x="16" y="601"/>
                    <a:pt x="16" y="584"/>
                  </a:cubicBezTo>
                  <a:cubicBezTo>
                    <a:pt x="16" y="561"/>
                    <a:pt x="16" y="537"/>
                    <a:pt x="17" y="514"/>
                  </a:cubicBezTo>
                  <a:cubicBezTo>
                    <a:pt x="18" y="510"/>
                    <a:pt x="14" y="506"/>
                    <a:pt x="10" y="506"/>
                  </a:cubicBezTo>
                  <a:cubicBezTo>
                    <a:pt x="5" y="506"/>
                    <a:pt x="2" y="509"/>
                    <a:pt x="1" y="514"/>
                  </a:cubicBezTo>
                  <a:cubicBezTo>
                    <a:pt x="0" y="537"/>
                    <a:pt x="0" y="561"/>
                    <a:pt x="0" y="584"/>
                  </a:cubicBezTo>
                  <a:cubicBezTo>
                    <a:pt x="0" y="601"/>
                    <a:pt x="0" y="617"/>
                    <a:pt x="0" y="634"/>
                  </a:cubicBezTo>
                  <a:cubicBezTo>
                    <a:pt x="0" y="634"/>
                    <a:pt x="0" y="634"/>
                    <a:pt x="0" y="634"/>
                  </a:cubicBezTo>
                  <a:cubicBezTo>
                    <a:pt x="0" y="638"/>
                    <a:pt x="4" y="642"/>
                    <a:pt x="8" y="642"/>
                  </a:cubicBezTo>
                  <a:cubicBezTo>
                    <a:pt x="13" y="642"/>
                    <a:pt x="16" y="638"/>
                    <a:pt x="16" y="634"/>
                  </a:cubicBezTo>
                </a:path>
              </a:pathLst>
            </a:custGeom>
            <a:solidFill>
              <a:srgbClr val="F2F2F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en-US">
                <a:solidFill>
                  <a:srgbClr val="1C1C1C"/>
                </a:solidFill>
                <a:latin typeface="Agency FB" panose="020B0503020202020204" pitchFamily="34" charset="0"/>
              </a:endParaRPr>
            </a:p>
          </p:txBody>
        </p:sp>
      </p:grpSp>
      <p:sp>
        <p:nvSpPr>
          <p:cNvPr id="163" name="文本框 162"/>
          <p:cNvSpPr txBox="1"/>
          <p:nvPr/>
        </p:nvSpPr>
        <p:spPr>
          <a:xfrm>
            <a:off x="1132279" y="546019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4" name="文本框 163"/>
          <p:cNvSpPr txBox="1"/>
          <p:nvPr/>
        </p:nvSpPr>
        <p:spPr>
          <a:xfrm>
            <a:off x="1051381" y="3938702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5" name="文本框 164"/>
          <p:cNvSpPr txBox="1"/>
          <p:nvPr/>
        </p:nvSpPr>
        <p:spPr>
          <a:xfrm>
            <a:off x="4428036" y="147452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6" name="文本框 165"/>
          <p:cNvSpPr txBox="1"/>
          <p:nvPr/>
        </p:nvSpPr>
        <p:spPr>
          <a:xfrm>
            <a:off x="1999749" y="282819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67" name="文本框 166"/>
          <p:cNvSpPr txBox="1"/>
          <p:nvPr/>
        </p:nvSpPr>
        <p:spPr>
          <a:xfrm>
            <a:off x="8827260" y="273640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500"/>
                                        <p:tgtEl>
                                          <p:spTgt spid="16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5" dur="500"/>
                                        <p:tgtEl>
                                          <p:spTgt spid="1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000"/>
                            </p:stCondLst>
                            <p:childTnLst>
                              <p:par>
                                <p:cTn id="21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00"/>
                                        <p:tgtEl>
                                          <p:spTgt spid="1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16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3000"/>
                            </p:stCondLst>
                            <p:childTnLst>
                              <p:par>
                                <p:cTn id="29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1" dur="500"/>
                                        <p:tgtEl>
                                          <p:spTgt spid="1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3500"/>
                            </p:stCondLst>
                            <p:childTnLst>
                              <p:par>
                                <p:cTn id="33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6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4000"/>
                            </p:stCondLst>
                            <p:childTnLst>
                              <p:par>
                                <p:cTn id="37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9" dur="500"/>
                                        <p:tgtEl>
                                          <p:spTgt spid="15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4500"/>
                            </p:stCondLst>
                            <p:childTnLst>
                              <p:par>
                                <p:cTn id="41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16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63" grpId="0"/>
      <p:bldP spid="164" grpId="0"/>
      <p:bldP spid="165" grpId="0"/>
      <p:bldP spid="166" grpId="0"/>
      <p:bldP spid="167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" name="矩形 64"/>
          <p:cNvSpPr/>
          <p:nvPr/>
        </p:nvSpPr>
        <p:spPr>
          <a:xfrm flipH="1">
            <a:off x="0" y="0"/>
            <a:ext cx="6844213" cy="685800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54" name="椭圆 53"/>
          <p:cNvSpPr/>
          <p:nvPr/>
        </p:nvSpPr>
        <p:spPr>
          <a:xfrm>
            <a:off x="635158" y="3708079"/>
            <a:ext cx="4851321" cy="646653"/>
          </a:xfrm>
          <a:prstGeom prst="ellipse">
            <a:avLst/>
          </a:prstGeom>
          <a:solidFill>
            <a:schemeClr val="tx1">
              <a:alpha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60" name="椭圆 59"/>
          <p:cNvSpPr/>
          <p:nvPr/>
        </p:nvSpPr>
        <p:spPr>
          <a:xfrm>
            <a:off x="3919260" y="3125154"/>
            <a:ext cx="2592266" cy="679502"/>
          </a:xfrm>
          <a:prstGeom prst="ellipse">
            <a:avLst/>
          </a:prstGeom>
          <a:solidFill>
            <a:schemeClr val="tx1">
              <a:alpha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7" name="组合 36"/>
          <p:cNvGrpSpPr/>
          <p:nvPr/>
        </p:nvGrpSpPr>
        <p:grpSpPr>
          <a:xfrm>
            <a:off x="4332949" y="2459950"/>
            <a:ext cx="1956906" cy="1243892"/>
            <a:chOff x="4332949" y="2459950"/>
            <a:chExt cx="1956906" cy="1243892"/>
          </a:xfrm>
        </p:grpSpPr>
        <p:grpSp>
          <p:nvGrpSpPr>
            <p:cNvPr id="2072" name="组合 2071"/>
            <p:cNvGrpSpPr/>
            <p:nvPr/>
          </p:nvGrpSpPr>
          <p:grpSpPr>
            <a:xfrm>
              <a:off x="5117971" y="2512191"/>
              <a:ext cx="388276" cy="1191651"/>
              <a:chOff x="9136063" y="2297113"/>
              <a:chExt cx="436563" cy="1339850"/>
            </a:xfrm>
          </p:grpSpPr>
          <p:sp>
            <p:nvSpPr>
              <p:cNvPr id="5" name="Rectangle 7"/>
              <p:cNvSpPr>
                <a:spLocks noChangeArrowheads="1"/>
              </p:cNvSpPr>
              <p:nvPr/>
            </p:nvSpPr>
            <p:spPr bwMode="auto">
              <a:xfrm>
                <a:off x="9151938" y="2424113"/>
                <a:ext cx="403225" cy="1144588"/>
              </a:xfrm>
              <a:prstGeom prst="rect">
                <a:avLst/>
              </a:pr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" name="Freeform 8"/>
              <p:cNvSpPr>
                <a:spLocks noEditPoints="1"/>
              </p:cNvSpPr>
              <p:nvPr/>
            </p:nvSpPr>
            <p:spPr bwMode="auto">
              <a:xfrm>
                <a:off x="9136063" y="2297113"/>
                <a:ext cx="436563" cy="1339850"/>
              </a:xfrm>
              <a:custGeom>
                <a:avLst/>
                <a:gdLst>
                  <a:gd name="T0" fmla="*/ 0 w 103"/>
                  <a:gd name="T1" fmla="*/ 4 h 316"/>
                  <a:gd name="T2" fmla="*/ 0 w 103"/>
                  <a:gd name="T3" fmla="*/ 311 h 316"/>
                  <a:gd name="T4" fmla="*/ 15 w 103"/>
                  <a:gd name="T5" fmla="*/ 316 h 316"/>
                  <a:gd name="T6" fmla="*/ 87 w 103"/>
                  <a:gd name="T7" fmla="*/ 316 h 316"/>
                  <a:gd name="T8" fmla="*/ 103 w 103"/>
                  <a:gd name="T9" fmla="*/ 311 h 316"/>
                  <a:gd name="T10" fmla="*/ 103 w 103"/>
                  <a:gd name="T11" fmla="*/ 4 h 316"/>
                  <a:gd name="T12" fmla="*/ 87 w 103"/>
                  <a:gd name="T13" fmla="*/ 0 h 316"/>
                  <a:gd name="T14" fmla="*/ 15 w 103"/>
                  <a:gd name="T15" fmla="*/ 0 h 316"/>
                  <a:gd name="T16" fmla="*/ 0 w 103"/>
                  <a:gd name="T17" fmla="*/ 4 h 316"/>
                  <a:gd name="T18" fmla="*/ 9 w 103"/>
                  <a:gd name="T19" fmla="*/ 270 h 316"/>
                  <a:gd name="T20" fmla="*/ 10 w 103"/>
                  <a:gd name="T21" fmla="*/ 268 h 316"/>
                  <a:gd name="T22" fmla="*/ 88 w 103"/>
                  <a:gd name="T23" fmla="*/ 268 h 316"/>
                  <a:gd name="T24" fmla="*/ 89 w 103"/>
                  <a:gd name="T25" fmla="*/ 270 h 316"/>
                  <a:gd name="T26" fmla="*/ 89 w 103"/>
                  <a:gd name="T27" fmla="*/ 278 h 316"/>
                  <a:gd name="T28" fmla="*/ 88 w 103"/>
                  <a:gd name="T29" fmla="*/ 280 h 316"/>
                  <a:gd name="T30" fmla="*/ 10 w 103"/>
                  <a:gd name="T31" fmla="*/ 280 h 316"/>
                  <a:gd name="T32" fmla="*/ 9 w 103"/>
                  <a:gd name="T33" fmla="*/ 278 h 316"/>
                  <a:gd name="T34" fmla="*/ 9 w 103"/>
                  <a:gd name="T35" fmla="*/ 270 h 316"/>
                  <a:gd name="T36" fmla="*/ 9 w 103"/>
                  <a:gd name="T37" fmla="*/ 82 h 316"/>
                  <a:gd name="T38" fmla="*/ 10 w 103"/>
                  <a:gd name="T39" fmla="*/ 81 h 316"/>
                  <a:gd name="T40" fmla="*/ 88 w 103"/>
                  <a:gd name="T41" fmla="*/ 81 h 316"/>
                  <a:gd name="T42" fmla="*/ 89 w 103"/>
                  <a:gd name="T43" fmla="*/ 82 h 316"/>
                  <a:gd name="T44" fmla="*/ 89 w 103"/>
                  <a:gd name="T45" fmla="*/ 91 h 316"/>
                  <a:gd name="T46" fmla="*/ 88 w 103"/>
                  <a:gd name="T47" fmla="*/ 93 h 316"/>
                  <a:gd name="T48" fmla="*/ 10 w 103"/>
                  <a:gd name="T49" fmla="*/ 93 h 316"/>
                  <a:gd name="T50" fmla="*/ 9 w 103"/>
                  <a:gd name="T51" fmla="*/ 91 h 316"/>
                  <a:gd name="T52" fmla="*/ 9 w 103"/>
                  <a:gd name="T53" fmla="*/ 82 h 316"/>
                  <a:gd name="T54" fmla="*/ 9 w 103"/>
                  <a:gd name="T55" fmla="*/ 45 h 316"/>
                  <a:gd name="T56" fmla="*/ 10 w 103"/>
                  <a:gd name="T57" fmla="*/ 43 h 316"/>
                  <a:gd name="T58" fmla="*/ 88 w 103"/>
                  <a:gd name="T59" fmla="*/ 43 h 316"/>
                  <a:gd name="T60" fmla="*/ 89 w 103"/>
                  <a:gd name="T61" fmla="*/ 45 h 316"/>
                  <a:gd name="T62" fmla="*/ 89 w 103"/>
                  <a:gd name="T63" fmla="*/ 53 h 316"/>
                  <a:gd name="T64" fmla="*/ 88 w 103"/>
                  <a:gd name="T65" fmla="*/ 55 h 316"/>
                  <a:gd name="T66" fmla="*/ 10 w 103"/>
                  <a:gd name="T67" fmla="*/ 55 h 316"/>
                  <a:gd name="T68" fmla="*/ 9 w 103"/>
                  <a:gd name="T69" fmla="*/ 53 h 316"/>
                  <a:gd name="T70" fmla="*/ 9 w 103"/>
                  <a:gd name="T71" fmla="*/ 45 h 31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103" h="316">
                    <a:moveTo>
                      <a:pt x="0" y="4"/>
                    </a:moveTo>
                    <a:cubicBezTo>
                      <a:pt x="0" y="311"/>
                      <a:pt x="0" y="311"/>
                      <a:pt x="0" y="311"/>
                    </a:cubicBezTo>
                    <a:cubicBezTo>
                      <a:pt x="0" y="314"/>
                      <a:pt x="6" y="316"/>
                      <a:pt x="15" y="316"/>
                    </a:cubicBezTo>
                    <a:cubicBezTo>
                      <a:pt x="87" y="316"/>
                      <a:pt x="87" y="316"/>
                      <a:pt x="87" y="316"/>
                    </a:cubicBezTo>
                    <a:cubicBezTo>
                      <a:pt x="96" y="316"/>
                      <a:pt x="103" y="314"/>
                      <a:pt x="103" y="311"/>
                    </a:cubicBezTo>
                    <a:cubicBezTo>
                      <a:pt x="103" y="4"/>
                      <a:pt x="103" y="4"/>
                      <a:pt x="103" y="4"/>
                    </a:cubicBezTo>
                    <a:cubicBezTo>
                      <a:pt x="103" y="2"/>
                      <a:pt x="96" y="0"/>
                      <a:pt x="87" y="0"/>
                    </a:cubicBezTo>
                    <a:cubicBezTo>
                      <a:pt x="15" y="0"/>
                      <a:pt x="15" y="0"/>
                      <a:pt x="15" y="0"/>
                    </a:cubicBezTo>
                    <a:cubicBezTo>
                      <a:pt x="6" y="0"/>
                      <a:pt x="0" y="2"/>
                      <a:pt x="0" y="4"/>
                    </a:cubicBezTo>
                    <a:moveTo>
                      <a:pt x="9" y="270"/>
                    </a:moveTo>
                    <a:cubicBezTo>
                      <a:pt x="10" y="268"/>
                      <a:pt x="10" y="268"/>
                      <a:pt x="10" y="268"/>
                    </a:cubicBezTo>
                    <a:cubicBezTo>
                      <a:pt x="88" y="268"/>
                      <a:pt x="88" y="268"/>
                      <a:pt x="88" y="268"/>
                    </a:cubicBezTo>
                    <a:cubicBezTo>
                      <a:pt x="89" y="270"/>
                      <a:pt x="89" y="270"/>
                      <a:pt x="89" y="270"/>
                    </a:cubicBezTo>
                    <a:cubicBezTo>
                      <a:pt x="89" y="278"/>
                      <a:pt x="89" y="278"/>
                      <a:pt x="89" y="278"/>
                    </a:cubicBezTo>
                    <a:cubicBezTo>
                      <a:pt x="88" y="280"/>
                      <a:pt x="88" y="280"/>
                      <a:pt x="88" y="280"/>
                    </a:cubicBezTo>
                    <a:cubicBezTo>
                      <a:pt x="10" y="280"/>
                      <a:pt x="10" y="280"/>
                      <a:pt x="10" y="280"/>
                    </a:cubicBezTo>
                    <a:cubicBezTo>
                      <a:pt x="9" y="278"/>
                      <a:pt x="9" y="278"/>
                      <a:pt x="9" y="278"/>
                    </a:cubicBezTo>
                    <a:lnTo>
                      <a:pt x="9" y="270"/>
                    </a:lnTo>
                    <a:close/>
                    <a:moveTo>
                      <a:pt x="9" y="82"/>
                    </a:moveTo>
                    <a:cubicBezTo>
                      <a:pt x="10" y="81"/>
                      <a:pt x="10" y="81"/>
                      <a:pt x="10" y="81"/>
                    </a:cubicBezTo>
                    <a:cubicBezTo>
                      <a:pt x="88" y="81"/>
                      <a:pt x="88" y="81"/>
                      <a:pt x="88" y="81"/>
                    </a:cubicBezTo>
                    <a:cubicBezTo>
                      <a:pt x="89" y="82"/>
                      <a:pt x="89" y="82"/>
                      <a:pt x="89" y="82"/>
                    </a:cubicBezTo>
                    <a:cubicBezTo>
                      <a:pt x="89" y="91"/>
                      <a:pt x="89" y="91"/>
                      <a:pt x="89" y="91"/>
                    </a:cubicBezTo>
                    <a:cubicBezTo>
                      <a:pt x="88" y="93"/>
                      <a:pt x="88" y="93"/>
                      <a:pt x="88" y="93"/>
                    </a:cubicBezTo>
                    <a:cubicBezTo>
                      <a:pt x="10" y="93"/>
                      <a:pt x="10" y="93"/>
                      <a:pt x="10" y="93"/>
                    </a:cubicBezTo>
                    <a:cubicBezTo>
                      <a:pt x="9" y="91"/>
                      <a:pt x="9" y="91"/>
                      <a:pt x="9" y="91"/>
                    </a:cubicBezTo>
                    <a:lnTo>
                      <a:pt x="9" y="82"/>
                    </a:lnTo>
                    <a:close/>
                    <a:moveTo>
                      <a:pt x="9" y="45"/>
                    </a:moveTo>
                    <a:cubicBezTo>
                      <a:pt x="10" y="43"/>
                      <a:pt x="10" y="43"/>
                      <a:pt x="10" y="43"/>
                    </a:cubicBezTo>
                    <a:cubicBezTo>
                      <a:pt x="88" y="43"/>
                      <a:pt x="88" y="43"/>
                      <a:pt x="88" y="43"/>
                    </a:cubicBezTo>
                    <a:cubicBezTo>
                      <a:pt x="89" y="45"/>
                      <a:pt x="89" y="45"/>
                      <a:pt x="89" y="45"/>
                    </a:cubicBezTo>
                    <a:cubicBezTo>
                      <a:pt x="89" y="53"/>
                      <a:pt x="89" y="53"/>
                      <a:pt x="89" y="53"/>
                    </a:cubicBezTo>
                    <a:cubicBezTo>
                      <a:pt x="88" y="55"/>
                      <a:pt x="88" y="55"/>
                      <a:pt x="88" y="55"/>
                    </a:cubicBezTo>
                    <a:cubicBezTo>
                      <a:pt x="10" y="55"/>
                      <a:pt x="10" y="55"/>
                      <a:pt x="10" y="55"/>
                    </a:cubicBezTo>
                    <a:cubicBezTo>
                      <a:pt x="9" y="53"/>
                      <a:pt x="9" y="53"/>
                      <a:pt x="9" y="53"/>
                    </a:cubicBezTo>
                    <a:lnTo>
                      <a:pt x="9" y="45"/>
                    </a:lnTo>
                    <a:close/>
                  </a:path>
                </a:pathLst>
              </a:custGeom>
              <a:solidFill>
                <a:srgbClr val="DBD9D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2071" name="组合 2070"/>
            <p:cNvGrpSpPr/>
            <p:nvPr/>
          </p:nvGrpSpPr>
          <p:grpSpPr>
            <a:xfrm>
              <a:off x="5502010" y="2459950"/>
              <a:ext cx="787845" cy="1232597"/>
              <a:chOff x="9567863" y="2238375"/>
              <a:chExt cx="885825" cy="1385888"/>
            </a:xfrm>
          </p:grpSpPr>
          <p:sp>
            <p:nvSpPr>
              <p:cNvPr id="7" name="Freeform 9"/>
              <p:cNvSpPr/>
              <p:nvPr/>
            </p:nvSpPr>
            <p:spPr bwMode="auto">
              <a:xfrm>
                <a:off x="9644063" y="2360613"/>
                <a:ext cx="766763" cy="1212850"/>
              </a:xfrm>
              <a:custGeom>
                <a:avLst/>
                <a:gdLst>
                  <a:gd name="T0" fmla="*/ 483 w 483"/>
                  <a:gd name="T1" fmla="*/ 678 h 764"/>
                  <a:gd name="T2" fmla="*/ 246 w 483"/>
                  <a:gd name="T3" fmla="*/ 764 h 764"/>
                  <a:gd name="T4" fmla="*/ 0 w 483"/>
                  <a:gd name="T5" fmla="*/ 86 h 764"/>
                  <a:gd name="T6" fmla="*/ 240 w 483"/>
                  <a:gd name="T7" fmla="*/ 0 h 764"/>
                  <a:gd name="T8" fmla="*/ 483 w 483"/>
                  <a:gd name="T9" fmla="*/ 678 h 76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483" h="764">
                    <a:moveTo>
                      <a:pt x="483" y="678"/>
                    </a:moveTo>
                    <a:lnTo>
                      <a:pt x="246" y="764"/>
                    </a:lnTo>
                    <a:lnTo>
                      <a:pt x="0" y="86"/>
                    </a:lnTo>
                    <a:lnTo>
                      <a:pt x="240" y="0"/>
                    </a:lnTo>
                    <a:lnTo>
                      <a:pt x="483" y="678"/>
                    </a:ln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8" name="Freeform 10"/>
              <p:cNvSpPr>
                <a:spLocks noEditPoints="1"/>
              </p:cNvSpPr>
              <p:nvPr/>
            </p:nvSpPr>
            <p:spPr bwMode="auto">
              <a:xfrm>
                <a:off x="9567863" y="2238375"/>
                <a:ext cx="885825" cy="1385888"/>
              </a:xfrm>
              <a:custGeom>
                <a:avLst/>
                <a:gdLst>
                  <a:gd name="T0" fmla="*/ 1 w 209"/>
                  <a:gd name="T1" fmla="*/ 39 h 327"/>
                  <a:gd name="T2" fmla="*/ 112 w 209"/>
                  <a:gd name="T3" fmla="*/ 325 h 327"/>
                  <a:gd name="T4" fmla="*/ 128 w 209"/>
                  <a:gd name="T5" fmla="*/ 324 h 327"/>
                  <a:gd name="T6" fmla="*/ 196 w 209"/>
                  <a:gd name="T7" fmla="*/ 298 h 327"/>
                  <a:gd name="T8" fmla="*/ 208 w 209"/>
                  <a:gd name="T9" fmla="*/ 288 h 327"/>
                  <a:gd name="T10" fmla="*/ 97 w 209"/>
                  <a:gd name="T11" fmla="*/ 2 h 327"/>
                  <a:gd name="T12" fmla="*/ 81 w 209"/>
                  <a:gd name="T13" fmla="*/ 3 h 327"/>
                  <a:gd name="T14" fmla="*/ 14 w 209"/>
                  <a:gd name="T15" fmla="*/ 30 h 327"/>
                  <a:gd name="T16" fmla="*/ 1 w 209"/>
                  <a:gd name="T17" fmla="*/ 39 h 327"/>
                  <a:gd name="T18" fmla="*/ 106 w 209"/>
                  <a:gd name="T19" fmla="*/ 283 h 327"/>
                  <a:gd name="T20" fmla="*/ 107 w 209"/>
                  <a:gd name="T21" fmla="*/ 281 h 327"/>
                  <a:gd name="T22" fmla="*/ 179 w 209"/>
                  <a:gd name="T23" fmla="*/ 253 h 327"/>
                  <a:gd name="T24" fmla="*/ 181 w 209"/>
                  <a:gd name="T25" fmla="*/ 254 h 327"/>
                  <a:gd name="T26" fmla="*/ 184 w 209"/>
                  <a:gd name="T27" fmla="*/ 262 h 327"/>
                  <a:gd name="T28" fmla="*/ 183 w 209"/>
                  <a:gd name="T29" fmla="*/ 264 h 327"/>
                  <a:gd name="T30" fmla="*/ 111 w 209"/>
                  <a:gd name="T31" fmla="*/ 292 h 327"/>
                  <a:gd name="T32" fmla="*/ 110 w 209"/>
                  <a:gd name="T33" fmla="*/ 291 h 327"/>
                  <a:gd name="T34" fmla="*/ 106 w 209"/>
                  <a:gd name="T35" fmla="*/ 283 h 327"/>
                  <a:gd name="T36" fmla="*/ 39 w 209"/>
                  <a:gd name="T37" fmla="*/ 108 h 327"/>
                  <a:gd name="T38" fmla="*/ 39 w 209"/>
                  <a:gd name="T39" fmla="*/ 106 h 327"/>
                  <a:gd name="T40" fmla="*/ 111 w 209"/>
                  <a:gd name="T41" fmla="*/ 78 h 327"/>
                  <a:gd name="T42" fmla="*/ 113 w 209"/>
                  <a:gd name="T43" fmla="*/ 80 h 327"/>
                  <a:gd name="T44" fmla="*/ 116 w 209"/>
                  <a:gd name="T45" fmla="*/ 87 h 327"/>
                  <a:gd name="T46" fmla="*/ 115 w 209"/>
                  <a:gd name="T47" fmla="*/ 90 h 327"/>
                  <a:gd name="T48" fmla="*/ 43 w 209"/>
                  <a:gd name="T49" fmla="*/ 118 h 327"/>
                  <a:gd name="T50" fmla="*/ 42 w 209"/>
                  <a:gd name="T51" fmla="*/ 116 h 327"/>
                  <a:gd name="T52" fmla="*/ 39 w 209"/>
                  <a:gd name="T53" fmla="*/ 108 h 327"/>
                  <a:gd name="T54" fmla="*/ 25 w 209"/>
                  <a:gd name="T55" fmla="*/ 73 h 327"/>
                  <a:gd name="T56" fmla="*/ 25 w 209"/>
                  <a:gd name="T57" fmla="*/ 71 h 327"/>
                  <a:gd name="T58" fmla="*/ 97 w 209"/>
                  <a:gd name="T59" fmla="*/ 43 h 327"/>
                  <a:gd name="T60" fmla="*/ 99 w 209"/>
                  <a:gd name="T61" fmla="*/ 45 h 327"/>
                  <a:gd name="T62" fmla="*/ 102 w 209"/>
                  <a:gd name="T63" fmla="*/ 53 h 327"/>
                  <a:gd name="T64" fmla="*/ 102 w 209"/>
                  <a:gd name="T65" fmla="*/ 55 h 327"/>
                  <a:gd name="T66" fmla="*/ 30 w 209"/>
                  <a:gd name="T67" fmla="*/ 83 h 327"/>
                  <a:gd name="T68" fmla="*/ 28 w 209"/>
                  <a:gd name="T69" fmla="*/ 81 h 327"/>
                  <a:gd name="T70" fmla="*/ 25 w 209"/>
                  <a:gd name="T71" fmla="*/ 73 h 3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209" h="327">
                    <a:moveTo>
                      <a:pt x="1" y="39"/>
                    </a:moveTo>
                    <a:cubicBezTo>
                      <a:pt x="112" y="325"/>
                      <a:pt x="112" y="325"/>
                      <a:pt x="112" y="325"/>
                    </a:cubicBezTo>
                    <a:cubicBezTo>
                      <a:pt x="113" y="327"/>
                      <a:pt x="120" y="327"/>
                      <a:pt x="128" y="324"/>
                    </a:cubicBezTo>
                    <a:cubicBezTo>
                      <a:pt x="196" y="298"/>
                      <a:pt x="196" y="298"/>
                      <a:pt x="196" y="298"/>
                    </a:cubicBezTo>
                    <a:cubicBezTo>
                      <a:pt x="204" y="294"/>
                      <a:pt x="209" y="290"/>
                      <a:pt x="208" y="288"/>
                    </a:cubicBezTo>
                    <a:cubicBezTo>
                      <a:pt x="97" y="2"/>
                      <a:pt x="97" y="2"/>
                      <a:pt x="97" y="2"/>
                    </a:cubicBezTo>
                    <a:cubicBezTo>
                      <a:pt x="96" y="0"/>
                      <a:pt x="89" y="0"/>
                      <a:pt x="81" y="3"/>
                    </a:cubicBezTo>
                    <a:cubicBezTo>
                      <a:pt x="14" y="30"/>
                      <a:pt x="14" y="30"/>
                      <a:pt x="14" y="30"/>
                    </a:cubicBezTo>
                    <a:cubicBezTo>
                      <a:pt x="6" y="33"/>
                      <a:pt x="0" y="37"/>
                      <a:pt x="1" y="39"/>
                    </a:cubicBezTo>
                    <a:moveTo>
                      <a:pt x="106" y="283"/>
                    </a:moveTo>
                    <a:cubicBezTo>
                      <a:pt x="107" y="281"/>
                      <a:pt x="107" y="281"/>
                      <a:pt x="107" y="281"/>
                    </a:cubicBezTo>
                    <a:cubicBezTo>
                      <a:pt x="179" y="253"/>
                      <a:pt x="179" y="253"/>
                      <a:pt x="179" y="253"/>
                    </a:cubicBezTo>
                    <a:cubicBezTo>
                      <a:pt x="181" y="254"/>
                      <a:pt x="181" y="254"/>
                      <a:pt x="181" y="254"/>
                    </a:cubicBezTo>
                    <a:cubicBezTo>
                      <a:pt x="184" y="262"/>
                      <a:pt x="184" y="262"/>
                      <a:pt x="184" y="262"/>
                    </a:cubicBezTo>
                    <a:cubicBezTo>
                      <a:pt x="183" y="264"/>
                      <a:pt x="183" y="264"/>
                      <a:pt x="183" y="264"/>
                    </a:cubicBezTo>
                    <a:cubicBezTo>
                      <a:pt x="111" y="292"/>
                      <a:pt x="111" y="292"/>
                      <a:pt x="111" y="292"/>
                    </a:cubicBezTo>
                    <a:cubicBezTo>
                      <a:pt x="110" y="291"/>
                      <a:pt x="110" y="291"/>
                      <a:pt x="110" y="291"/>
                    </a:cubicBezTo>
                    <a:lnTo>
                      <a:pt x="106" y="283"/>
                    </a:lnTo>
                    <a:close/>
                    <a:moveTo>
                      <a:pt x="39" y="108"/>
                    </a:moveTo>
                    <a:cubicBezTo>
                      <a:pt x="39" y="106"/>
                      <a:pt x="39" y="106"/>
                      <a:pt x="39" y="106"/>
                    </a:cubicBezTo>
                    <a:cubicBezTo>
                      <a:pt x="111" y="78"/>
                      <a:pt x="111" y="78"/>
                      <a:pt x="111" y="78"/>
                    </a:cubicBezTo>
                    <a:cubicBezTo>
                      <a:pt x="113" y="80"/>
                      <a:pt x="113" y="80"/>
                      <a:pt x="113" y="80"/>
                    </a:cubicBezTo>
                    <a:cubicBezTo>
                      <a:pt x="116" y="87"/>
                      <a:pt x="116" y="87"/>
                      <a:pt x="116" y="87"/>
                    </a:cubicBezTo>
                    <a:cubicBezTo>
                      <a:pt x="115" y="90"/>
                      <a:pt x="115" y="90"/>
                      <a:pt x="115" y="90"/>
                    </a:cubicBezTo>
                    <a:cubicBezTo>
                      <a:pt x="43" y="118"/>
                      <a:pt x="43" y="118"/>
                      <a:pt x="43" y="118"/>
                    </a:cubicBezTo>
                    <a:cubicBezTo>
                      <a:pt x="42" y="116"/>
                      <a:pt x="42" y="116"/>
                      <a:pt x="42" y="116"/>
                    </a:cubicBezTo>
                    <a:lnTo>
                      <a:pt x="39" y="108"/>
                    </a:lnTo>
                    <a:close/>
                    <a:moveTo>
                      <a:pt x="25" y="73"/>
                    </a:moveTo>
                    <a:cubicBezTo>
                      <a:pt x="25" y="71"/>
                      <a:pt x="25" y="71"/>
                      <a:pt x="25" y="71"/>
                    </a:cubicBezTo>
                    <a:cubicBezTo>
                      <a:pt x="97" y="43"/>
                      <a:pt x="97" y="43"/>
                      <a:pt x="97" y="43"/>
                    </a:cubicBezTo>
                    <a:cubicBezTo>
                      <a:pt x="99" y="45"/>
                      <a:pt x="99" y="45"/>
                      <a:pt x="99" y="45"/>
                    </a:cubicBezTo>
                    <a:cubicBezTo>
                      <a:pt x="102" y="53"/>
                      <a:pt x="102" y="53"/>
                      <a:pt x="102" y="53"/>
                    </a:cubicBezTo>
                    <a:cubicBezTo>
                      <a:pt x="102" y="55"/>
                      <a:pt x="102" y="55"/>
                      <a:pt x="102" y="55"/>
                    </a:cubicBezTo>
                    <a:cubicBezTo>
                      <a:pt x="30" y="83"/>
                      <a:pt x="30" y="83"/>
                      <a:pt x="30" y="83"/>
                    </a:cubicBezTo>
                    <a:cubicBezTo>
                      <a:pt x="28" y="81"/>
                      <a:pt x="28" y="81"/>
                      <a:pt x="28" y="81"/>
                    </a:cubicBezTo>
                    <a:lnTo>
                      <a:pt x="25" y="73"/>
                    </a:lnTo>
                    <a:close/>
                  </a:path>
                </a:pathLst>
              </a:custGeom>
              <a:solidFill>
                <a:srgbClr val="5895C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2073" name="组合 2072"/>
            <p:cNvGrpSpPr/>
            <p:nvPr/>
          </p:nvGrpSpPr>
          <p:grpSpPr>
            <a:xfrm>
              <a:off x="4721224" y="2512191"/>
              <a:ext cx="392511" cy="1191651"/>
              <a:chOff x="8689975" y="2297113"/>
              <a:chExt cx="441325" cy="1339850"/>
            </a:xfrm>
          </p:grpSpPr>
          <p:sp>
            <p:nvSpPr>
              <p:cNvPr id="9" name="Rectangle 11"/>
              <p:cNvSpPr>
                <a:spLocks noChangeArrowheads="1"/>
              </p:cNvSpPr>
              <p:nvPr/>
            </p:nvSpPr>
            <p:spPr bwMode="auto">
              <a:xfrm>
                <a:off x="8712200" y="2424113"/>
                <a:ext cx="398463" cy="1144588"/>
              </a:xfrm>
              <a:prstGeom prst="rect">
                <a:avLst/>
              </a:pr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Freeform 12"/>
              <p:cNvSpPr>
                <a:spLocks noEditPoints="1"/>
              </p:cNvSpPr>
              <p:nvPr/>
            </p:nvSpPr>
            <p:spPr bwMode="auto">
              <a:xfrm>
                <a:off x="8689975" y="2297113"/>
                <a:ext cx="441325" cy="1339850"/>
              </a:xfrm>
              <a:custGeom>
                <a:avLst/>
                <a:gdLst>
                  <a:gd name="T0" fmla="*/ 0 w 104"/>
                  <a:gd name="T1" fmla="*/ 4 h 316"/>
                  <a:gd name="T2" fmla="*/ 0 w 104"/>
                  <a:gd name="T3" fmla="*/ 311 h 316"/>
                  <a:gd name="T4" fmla="*/ 16 w 104"/>
                  <a:gd name="T5" fmla="*/ 316 h 316"/>
                  <a:gd name="T6" fmla="*/ 88 w 104"/>
                  <a:gd name="T7" fmla="*/ 316 h 316"/>
                  <a:gd name="T8" fmla="*/ 104 w 104"/>
                  <a:gd name="T9" fmla="*/ 311 h 316"/>
                  <a:gd name="T10" fmla="*/ 104 w 104"/>
                  <a:gd name="T11" fmla="*/ 4 h 316"/>
                  <a:gd name="T12" fmla="*/ 88 w 104"/>
                  <a:gd name="T13" fmla="*/ 0 h 316"/>
                  <a:gd name="T14" fmla="*/ 16 w 104"/>
                  <a:gd name="T15" fmla="*/ 0 h 316"/>
                  <a:gd name="T16" fmla="*/ 0 w 104"/>
                  <a:gd name="T17" fmla="*/ 4 h 316"/>
                  <a:gd name="T18" fmla="*/ 10 w 104"/>
                  <a:gd name="T19" fmla="*/ 270 h 316"/>
                  <a:gd name="T20" fmla="*/ 11 w 104"/>
                  <a:gd name="T21" fmla="*/ 268 h 316"/>
                  <a:gd name="T22" fmla="*/ 89 w 104"/>
                  <a:gd name="T23" fmla="*/ 268 h 316"/>
                  <a:gd name="T24" fmla="*/ 90 w 104"/>
                  <a:gd name="T25" fmla="*/ 270 h 316"/>
                  <a:gd name="T26" fmla="*/ 90 w 104"/>
                  <a:gd name="T27" fmla="*/ 278 h 316"/>
                  <a:gd name="T28" fmla="*/ 89 w 104"/>
                  <a:gd name="T29" fmla="*/ 280 h 316"/>
                  <a:gd name="T30" fmla="*/ 11 w 104"/>
                  <a:gd name="T31" fmla="*/ 280 h 316"/>
                  <a:gd name="T32" fmla="*/ 10 w 104"/>
                  <a:gd name="T33" fmla="*/ 278 h 316"/>
                  <a:gd name="T34" fmla="*/ 10 w 104"/>
                  <a:gd name="T35" fmla="*/ 270 h 316"/>
                  <a:gd name="T36" fmla="*/ 10 w 104"/>
                  <a:gd name="T37" fmla="*/ 82 h 316"/>
                  <a:gd name="T38" fmla="*/ 11 w 104"/>
                  <a:gd name="T39" fmla="*/ 81 h 316"/>
                  <a:gd name="T40" fmla="*/ 89 w 104"/>
                  <a:gd name="T41" fmla="*/ 81 h 316"/>
                  <a:gd name="T42" fmla="*/ 90 w 104"/>
                  <a:gd name="T43" fmla="*/ 82 h 316"/>
                  <a:gd name="T44" fmla="*/ 90 w 104"/>
                  <a:gd name="T45" fmla="*/ 91 h 316"/>
                  <a:gd name="T46" fmla="*/ 89 w 104"/>
                  <a:gd name="T47" fmla="*/ 93 h 316"/>
                  <a:gd name="T48" fmla="*/ 11 w 104"/>
                  <a:gd name="T49" fmla="*/ 93 h 316"/>
                  <a:gd name="T50" fmla="*/ 10 w 104"/>
                  <a:gd name="T51" fmla="*/ 91 h 316"/>
                  <a:gd name="T52" fmla="*/ 10 w 104"/>
                  <a:gd name="T53" fmla="*/ 82 h 316"/>
                  <a:gd name="T54" fmla="*/ 10 w 104"/>
                  <a:gd name="T55" fmla="*/ 45 h 316"/>
                  <a:gd name="T56" fmla="*/ 11 w 104"/>
                  <a:gd name="T57" fmla="*/ 43 h 316"/>
                  <a:gd name="T58" fmla="*/ 89 w 104"/>
                  <a:gd name="T59" fmla="*/ 43 h 316"/>
                  <a:gd name="T60" fmla="*/ 90 w 104"/>
                  <a:gd name="T61" fmla="*/ 45 h 316"/>
                  <a:gd name="T62" fmla="*/ 90 w 104"/>
                  <a:gd name="T63" fmla="*/ 53 h 316"/>
                  <a:gd name="T64" fmla="*/ 89 w 104"/>
                  <a:gd name="T65" fmla="*/ 55 h 316"/>
                  <a:gd name="T66" fmla="*/ 11 w 104"/>
                  <a:gd name="T67" fmla="*/ 55 h 316"/>
                  <a:gd name="T68" fmla="*/ 10 w 104"/>
                  <a:gd name="T69" fmla="*/ 53 h 316"/>
                  <a:gd name="T70" fmla="*/ 10 w 104"/>
                  <a:gd name="T71" fmla="*/ 45 h 31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104" h="316">
                    <a:moveTo>
                      <a:pt x="0" y="4"/>
                    </a:moveTo>
                    <a:cubicBezTo>
                      <a:pt x="0" y="311"/>
                      <a:pt x="0" y="311"/>
                      <a:pt x="0" y="311"/>
                    </a:cubicBezTo>
                    <a:cubicBezTo>
                      <a:pt x="0" y="314"/>
                      <a:pt x="7" y="316"/>
                      <a:pt x="16" y="316"/>
                    </a:cubicBezTo>
                    <a:cubicBezTo>
                      <a:pt x="88" y="316"/>
                      <a:pt x="88" y="316"/>
                      <a:pt x="88" y="316"/>
                    </a:cubicBezTo>
                    <a:cubicBezTo>
                      <a:pt x="97" y="316"/>
                      <a:pt x="104" y="314"/>
                      <a:pt x="104" y="311"/>
                    </a:cubicBezTo>
                    <a:cubicBezTo>
                      <a:pt x="104" y="4"/>
                      <a:pt x="104" y="4"/>
                      <a:pt x="104" y="4"/>
                    </a:cubicBezTo>
                    <a:cubicBezTo>
                      <a:pt x="104" y="2"/>
                      <a:pt x="97" y="0"/>
                      <a:pt x="88" y="0"/>
                    </a:cubicBezTo>
                    <a:cubicBezTo>
                      <a:pt x="16" y="0"/>
                      <a:pt x="16" y="0"/>
                      <a:pt x="16" y="0"/>
                    </a:cubicBezTo>
                    <a:cubicBezTo>
                      <a:pt x="7" y="0"/>
                      <a:pt x="0" y="2"/>
                      <a:pt x="0" y="4"/>
                    </a:cubicBezTo>
                    <a:moveTo>
                      <a:pt x="10" y="270"/>
                    </a:moveTo>
                    <a:cubicBezTo>
                      <a:pt x="11" y="268"/>
                      <a:pt x="11" y="268"/>
                      <a:pt x="11" y="268"/>
                    </a:cubicBezTo>
                    <a:cubicBezTo>
                      <a:pt x="89" y="268"/>
                      <a:pt x="89" y="268"/>
                      <a:pt x="89" y="268"/>
                    </a:cubicBezTo>
                    <a:cubicBezTo>
                      <a:pt x="90" y="270"/>
                      <a:pt x="90" y="270"/>
                      <a:pt x="90" y="270"/>
                    </a:cubicBezTo>
                    <a:cubicBezTo>
                      <a:pt x="90" y="278"/>
                      <a:pt x="90" y="278"/>
                      <a:pt x="90" y="278"/>
                    </a:cubicBezTo>
                    <a:cubicBezTo>
                      <a:pt x="89" y="280"/>
                      <a:pt x="89" y="280"/>
                      <a:pt x="89" y="280"/>
                    </a:cubicBezTo>
                    <a:cubicBezTo>
                      <a:pt x="11" y="280"/>
                      <a:pt x="11" y="280"/>
                      <a:pt x="11" y="280"/>
                    </a:cubicBezTo>
                    <a:cubicBezTo>
                      <a:pt x="10" y="278"/>
                      <a:pt x="10" y="278"/>
                      <a:pt x="10" y="278"/>
                    </a:cubicBezTo>
                    <a:lnTo>
                      <a:pt x="10" y="270"/>
                    </a:lnTo>
                    <a:close/>
                    <a:moveTo>
                      <a:pt x="10" y="82"/>
                    </a:moveTo>
                    <a:cubicBezTo>
                      <a:pt x="11" y="81"/>
                      <a:pt x="11" y="81"/>
                      <a:pt x="11" y="81"/>
                    </a:cubicBezTo>
                    <a:cubicBezTo>
                      <a:pt x="89" y="81"/>
                      <a:pt x="89" y="81"/>
                      <a:pt x="89" y="81"/>
                    </a:cubicBezTo>
                    <a:cubicBezTo>
                      <a:pt x="90" y="82"/>
                      <a:pt x="90" y="82"/>
                      <a:pt x="90" y="82"/>
                    </a:cubicBezTo>
                    <a:cubicBezTo>
                      <a:pt x="90" y="91"/>
                      <a:pt x="90" y="91"/>
                      <a:pt x="90" y="91"/>
                    </a:cubicBezTo>
                    <a:cubicBezTo>
                      <a:pt x="89" y="93"/>
                      <a:pt x="89" y="93"/>
                      <a:pt x="89" y="93"/>
                    </a:cubicBezTo>
                    <a:cubicBezTo>
                      <a:pt x="11" y="93"/>
                      <a:pt x="11" y="93"/>
                      <a:pt x="11" y="93"/>
                    </a:cubicBezTo>
                    <a:cubicBezTo>
                      <a:pt x="10" y="91"/>
                      <a:pt x="10" y="91"/>
                      <a:pt x="10" y="91"/>
                    </a:cubicBezTo>
                    <a:lnTo>
                      <a:pt x="10" y="82"/>
                    </a:lnTo>
                    <a:close/>
                    <a:moveTo>
                      <a:pt x="10" y="45"/>
                    </a:moveTo>
                    <a:cubicBezTo>
                      <a:pt x="11" y="43"/>
                      <a:pt x="11" y="43"/>
                      <a:pt x="11" y="43"/>
                    </a:cubicBezTo>
                    <a:cubicBezTo>
                      <a:pt x="89" y="43"/>
                      <a:pt x="89" y="43"/>
                      <a:pt x="89" y="43"/>
                    </a:cubicBezTo>
                    <a:cubicBezTo>
                      <a:pt x="90" y="45"/>
                      <a:pt x="90" y="45"/>
                      <a:pt x="90" y="45"/>
                    </a:cubicBezTo>
                    <a:cubicBezTo>
                      <a:pt x="90" y="53"/>
                      <a:pt x="90" y="53"/>
                      <a:pt x="90" y="53"/>
                    </a:cubicBezTo>
                    <a:cubicBezTo>
                      <a:pt x="89" y="55"/>
                      <a:pt x="89" y="55"/>
                      <a:pt x="89" y="55"/>
                    </a:cubicBezTo>
                    <a:cubicBezTo>
                      <a:pt x="11" y="55"/>
                      <a:pt x="11" y="55"/>
                      <a:pt x="11" y="55"/>
                    </a:cubicBezTo>
                    <a:cubicBezTo>
                      <a:pt x="10" y="53"/>
                      <a:pt x="10" y="53"/>
                      <a:pt x="10" y="53"/>
                    </a:cubicBezTo>
                    <a:lnTo>
                      <a:pt x="10" y="45"/>
                    </a:lnTo>
                    <a:close/>
                  </a:path>
                </a:pathLst>
              </a:custGeom>
              <a:solidFill>
                <a:srgbClr val="E0454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2074" name="组合 2073"/>
            <p:cNvGrpSpPr/>
            <p:nvPr/>
          </p:nvGrpSpPr>
          <p:grpSpPr>
            <a:xfrm>
              <a:off x="4332949" y="2512191"/>
              <a:ext cx="388276" cy="1191651"/>
              <a:chOff x="8253413" y="2297113"/>
              <a:chExt cx="436563" cy="1339850"/>
            </a:xfrm>
          </p:grpSpPr>
          <p:sp>
            <p:nvSpPr>
              <p:cNvPr id="11" name="Rectangle 13"/>
              <p:cNvSpPr>
                <a:spLocks noChangeArrowheads="1"/>
              </p:cNvSpPr>
              <p:nvPr/>
            </p:nvSpPr>
            <p:spPr bwMode="auto">
              <a:xfrm>
                <a:off x="8270875" y="2424113"/>
                <a:ext cx="403225" cy="1144588"/>
              </a:xfrm>
              <a:prstGeom prst="rect">
                <a:avLst/>
              </a:pr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2" name="Freeform 14"/>
              <p:cNvSpPr>
                <a:spLocks noEditPoints="1"/>
              </p:cNvSpPr>
              <p:nvPr/>
            </p:nvSpPr>
            <p:spPr bwMode="auto">
              <a:xfrm>
                <a:off x="8253413" y="2297113"/>
                <a:ext cx="436563" cy="1339850"/>
              </a:xfrm>
              <a:custGeom>
                <a:avLst/>
                <a:gdLst>
                  <a:gd name="T0" fmla="*/ 0 w 103"/>
                  <a:gd name="T1" fmla="*/ 4 h 316"/>
                  <a:gd name="T2" fmla="*/ 0 w 103"/>
                  <a:gd name="T3" fmla="*/ 311 h 316"/>
                  <a:gd name="T4" fmla="*/ 16 w 103"/>
                  <a:gd name="T5" fmla="*/ 316 h 316"/>
                  <a:gd name="T6" fmla="*/ 88 w 103"/>
                  <a:gd name="T7" fmla="*/ 316 h 316"/>
                  <a:gd name="T8" fmla="*/ 103 w 103"/>
                  <a:gd name="T9" fmla="*/ 311 h 316"/>
                  <a:gd name="T10" fmla="*/ 103 w 103"/>
                  <a:gd name="T11" fmla="*/ 4 h 316"/>
                  <a:gd name="T12" fmla="*/ 88 w 103"/>
                  <a:gd name="T13" fmla="*/ 0 h 316"/>
                  <a:gd name="T14" fmla="*/ 16 w 103"/>
                  <a:gd name="T15" fmla="*/ 0 h 316"/>
                  <a:gd name="T16" fmla="*/ 0 w 103"/>
                  <a:gd name="T17" fmla="*/ 4 h 316"/>
                  <a:gd name="T18" fmla="*/ 10 w 103"/>
                  <a:gd name="T19" fmla="*/ 270 h 316"/>
                  <a:gd name="T20" fmla="*/ 11 w 103"/>
                  <a:gd name="T21" fmla="*/ 268 h 316"/>
                  <a:gd name="T22" fmla="*/ 88 w 103"/>
                  <a:gd name="T23" fmla="*/ 268 h 316"/>
                  <a:gd name="T24" fmla="*/ 89 w 103"/>
                  <a:gd name="T25" fmla="*/ 270 h 316"/>
                  <a:gd name="T26" fmla="*/ 89 w 103"/>
                  <a:gd name="T27" fmla="*/ 278 h 316"/>
                  <a:gd name="T28" fmla="*/ 88 w 103"/>
                  <a:gd name="T29" fmla="*/ 280 h 316"/>
                  <a:gd name="T30" fmla="*/ 11 w 103"/>
                  <a:gd name="T31" fmla="*/ 280 h 316"/>
                  <a:gd name="T32" fmla="*/ 10 w 103"/>
                  <a:gd name="T33" fmla="*/ 278 h 316"/>
                  <a:gd name="T34" fmla="*/ 10 w 103"/>
                  <a:gd name="T35" fmla="*/ 270 h 316"/>
                  <a:gd name="T36" fmla="*/ 10 w 103"/>
                  <a:gd name="T37" fmla="*/ 82 h 316"/>
                  <a:gd name="T38" fmla="*/ 11 w 103"/>
                  <a:gd name="T39" fmla="*/ 81 h 316"/>
                  <a:gd name="T40" fmla="*/ 88 w 103"/>
                  <a:gd name="T41" fmla="*/ 81 h 316"/>
                  <a:gd name="T42" fmla="*/ 89 w 103"/>
                  <a:gd name="T43" fmla="*/ 82 h 316"/>
                  <a:gd name="T44" fmla="*/ 89 w 103"/>
                  <a:gd name="T45" fmla="*/ 91 h 316"/>
                  <a:gd name="T46" fmla="*/ 88 w 103"/>
                  <a:gd name="T47" fmla="*/ 93 h 316"/>
                  <a:gd name="T48" fmla="*/ 11 w 103"/>
                  <a:gd name="T49" fmla="*/ 93 h 316"/>
                  <a:gd name="T50" fmla="*/ 10 w 103"/>
                  <a:gd name="T51" fmla="*/ 91 h 316"/>
                  <a:gd name="T52" fmla="*/ 10 w 103"/>
                  <a:gd name="T53" fmla="*/ 82 h 316"/>
                  <a:gd name="T54" fmla="*/ 10 w 103"/>
                  <a:gd name="T55" fmla="*/ 45 h 316"/>
                  <a:gd name="T56" fmla="*/ 11 w 103"/>
                  <a:gd name="T57" fmla="*/ 43 h 316"/>
                  <a:gd name="T58" fmla="*/ 88 w 103"/>
                  <a:gd name="T59" fmla="*/ 43 h 316"/>
                  <a:gd name="T60" fmla="*/ 89 w 103"/>
                  <a:gd name="T61" fmla="*/ 45 h 316"/>
                  <a:gd name="T62" fmla="*/ 89 w 103"/>
                  <a:gd name="T63" fmla="*/ 53 h 316"/>
                  <a:gd name="T64" fmla="*/ 88 w 103"/>
                  <a:gd name="T65" fmla="*/ 55 h 316"/>
                  <a:gd name="T66" fmla="*/ 11 w 103"/>
                  <a:gd name="T67" fmla="*/ 55 h 316"/>
                  <a:gd name="T68" fmla="*/ 10 w 103"/>
                  <a:gd name="T69" fmla="*/ 53 h 316"/>
                  <a:gd name="T70" fmla="*/ 10 w 103"/>
                  <a:gd name="T71" fmla="*/ 45 h 31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103" h="316">
                    <a:moveTo>
                      <a:pt x="0" y="4"/>
                    </a:moveTo>
                    <a:cubicBezTo>
                      <a:pt x="0" y="311"/>
                      <a:pt x="0" y="311"/>
                      <a:pt x="0" y="311"/>
                    </a:cubicBezTo>
                    <a:cubicBezTo>
                      <a:pt x="0" y="314"/>
                      <a:pt x="7" y="316"/>
                      <a:pt x="16" y="316"/>
                    </a:cubicBezTo>
                    <a:cubicBezTo>
                      <a:pt x="88" y="316"/>
                      <a:pt x="88" y="316"/>
                      <a:pt x="88" y="316"/>
                    </a:cubicBezTo>
                    <a:cubicBezTo>
                      <a:pt x="96" y="316"/>
                      <a:pt x="103" y="314"/>
                      <a:pt x="103" y="311"/>
                    </a:cubicBezTo>
                    <a:cubicBezTo>
                      <a:pt x="103" y="4"/>
                      <a:pt x="103" y="4"/>
                      <a:pt x="103" y="4"/>
                    </a:cubicBezTo>
                    <a:cubicBezTo>
                      <a:pt x="103" y="2"/>
                      <a:pt x="96" y="0"/>
                      <a:pt x="88" y="0"/>
                    </a:cubicBezTo>
                    <a:cubicBezTo>
                      <a:pt x="16" y="0"/>
                      <a:pt x="16" y="0"/>
                      <a:pt x="16" y="0"/>
                    </a:cubicBezTo>
                    <a:cubicBezTo>
                      <a:pt x="7" y="0"/>
                      <a:pt x="0" y="2"/>
                      <a:pt x="0" y="4"/>
                    </a:cubicBezTo>
                    <a:moveTo>
                      <a:pt x="10" y="270"/>
                    </a:moveTo>
                    <a:cubicBezTo>
                      <a:pt x="11" y="268"/>
                      <a:pt x="11" y="268"/>
                      <a:pt x="11" y="268"/>
                    </a:cubicBezTo>
                    <a:cubicBezTo>
                      <a:pt x="88" y="268"/>
                      <a:pt x="88" y="268"/>
                      <a:pt x="88" y="268"/>
                    </a:cubicBezTo>
                    <a:cubicBezTo>
                      <a:pt x="89" y="270"/>
                      <a:pt x="89" y="270"/>
                      <a:pt x="89" y="270"/>
                    </a:cubicBezTo>
                    <a:cubicBezTo>
                      <a:pt x="89" y="278"/>
                      <a:pt x="89" y="278"/>
                      <a:pt x="89" y="278"/>
                    </a:cubicBezTo>
                    <a:cubicBezTo>
                      <a:pt x="88" y="280"/>
                      <a:pt x="88" y="280"/>
                      <a:pt x="88" y="280"/>
                    </a:cubicBezTo>
                    <a:cubicBezTo>
                      <a:pt x="11" y="280"/>
                      <a:pt x="11" y="280"/>
                      <a:pt x="11" y="280"/>
                    </a:cubicBezTo>
                    <a:cubicBezTo>
                      <a:pt x="10" y="278"/>
                      <a:pt x="10" y="278"/>
                      <a:pt x="10" y="278"/>
                    </a:cubicBezTo>
                    <a:lnTo>
                      <a:pt x="10" y="270"/>
                    </a:lnTo>
                    <a:close/>
                    <a:moveTo>
                      <a:pt x="10" y="82"/>
                    </a:moveTo>
                    <a:cubicBezTo>
                      <a:pt x="11" y="81"/>
                      <a:pt x="11" y="81"/>
                      <a:pt x="11" y="81"/>
                    </a:cubicBezTo>
                    <a:cubicBezTo>
                      <a:pt x="88" y="81"/>
                      <a:pt x="88" y="81"/>
                      <a:pt x="88" y="81"/>
                    </a:cubicBezTo>
                    <a:cubicBezTo>
                      <a:pt x="89" y="82"/>
                      <a:pt x="89" y="82"/>
                      <a:pt x="89" y="82"/>
                    </a:cubicBezTo>
                    <a:cubicBezTo>
                      <a:pt x="89" y="91"/>
                      <a:pt x="89" y="91"/>
                      <a:pt x="89" y="91"/>
                    </a:cubicBezTo>
                    <a:cubicBezTo>
                      <a:pt x="88" y="93"/>
                      <a:pt x="88" y="93"/>
                      <a:pt x="88" y="93"/>
                    </a:cubicBezTo>
                    <a:cubicBezTo>
                      <a:pt x="11" y="93"/>
                      <a:pt x="11" y="93"/>
                      <a:pt x="11" y="93"/>
                    </a:cubicBezTo>
                    <a:cubicBezTo>
                      <a:pt x="10" y="91"/>
                      <a:pt x="10" y="91"/>
                      <a:pt x="10" y="91"/>
                    </a:cubicBezTo>
                    <a:lnTo>
                      <a:pt x="10" y="82"/>
                    </a:lnTo>
                    <a:close/>
                    <a:moveTo>
                      <a:pt x="10" y="45"/>
                    </a:moveTo>
                    <a:cubicBezTo>
                      <a:pt x="11" y="43"/>
                      <a:pt x="11" y="43"/>
                      <a:pt x="11" y="43"/>
                    </a:cubicBezTo>
                    <a:cubicBezTo>
                      <a:pt x="88" y="43"/>
                      <a:pt x="88" y="43"/>
                      <a:pt x="88" y="43"/>
                    </a:cubicBezTo>
                    <a:cubicBezTo>
                      <a:pt x="89" y="45"/>
                      <a:pt x="89" y="45"/>
                      <a:pt x="89" y="45"/>
                    </a:cubicBezTo>
                    <a:cubicBezTo>
                      <a:pt x="89" y="53"/>
                      <a:pt x="89" y="53"/>
                      <a:pt x="89" y="53"/>
                    </a:cubicBezTo>
                    <a:cubicBezTo>
                      <a:pt x="88" y="55"/>
                      <a:pt x="88" y="55"/>
                      <a:pt x="88" y="55"/>
                    </a:cubicBezTo>
                    <a:cubicBezTo>
                      <a:pt x="11" y="55"/>
                      <a:pt x="11" y="55"/>
                      <a:pt x="11" y="55"/>
                    </a:cubicBezTo>
                    <a:cubicBezTo>
                      <a:pt x="10" y="53"/>
                      <a:pt x="10" y="53"/>
                      <a:pt x="10" y="53"/>
                    </a:cubicBezTo>
                    <a:lnTo>
                      <a:pt x="10" y="45"/>
                    </a:lnTo>
                    <a:close/>
                  </a:path>
                </a:pathLst>
              </a:custGeom>
              <a:solidFill>
                <a:srgbClr val="EBC40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grpSp>
        <p:nvGrpSpPr>
          <p:cNvPr id="2076" name="组合 2075"/>
          <p:cNvGrpSpPr/>
          <p:nvPr/>
        </p:nvGrpSpPr>
        <p:grpSpPr>
          <a:xfrm>
            <a:off x="1242279" y="1717286"/>
            <a:ext cx="1586986" cy="1469798"/>
            <a:chOff x="4778375" y="1403350"/>
            <a:chExt cx="1784350" cy="1652588"/>
          </a:xfrm>
        </p:grpSpPr>
        <p:sp>
          <p:nvSpPr>
            <p:cNvPr id="13" name="Freeform 15"/>
            <p:cNvSpPr/>
            <p:nvPr/>
          </p:nvSpPr>
          <p:spPr bwMode="auto">
            <a:xfrm>
              <a:off x="4778375" y="1403350"/>
              <a:ext cx="1784350" cy="1652588"/>
            </a:xfrm>
            <a:custGeom>
              <a:avLst/>
              <a:gdLst>
                <a:gd name="T0" fmla="*/ 644 w 1124"/>
                <a:gd name="T1" fmla="*/ 29 h 1041"/>
                <a:gd name="T2" fmla="*/ 1124 w 1124"/>
                <a:gd name="T3" fmla="*/ 593 h 1041"/>
                <a:gd name="T4" fmla="*/ 598 w 1124"/>
                <a:gd name="T5" fmla="*/ 1041 h 1041"/>
                <a:gd name="T6" fmla="*/ 0 w 1124"/>
                <a:gd name="T7" fmla="*/ 342 h 1041"/>
                <a:gd name="T8" fmla="*/ 403 w 1124"/>
                <a:gd name="T9" fmla="*/ 0 h 1041"/>
                <a:gd name="T10" fmla="*/ 644 w 1124"/>
                <a:gd name="T11" fmla="*/ 29 h 10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124" h="1041">
                  <a:moveTo>
                    <a:pt x="644" y="29"/>
                  </a:moveTo>
                  <a:lnTo>
                    <a:pt x="1124" y="593"/>
                  </a:lnTo>
                  <a:lnTo>
                    <a:pt x="598" y="1041"/>
                  </a:lnTo>
                  <a:lnTo>
                    <a:pt x="0" y="342"/>
                  </a:lnTo>
                  <a:lnTo>
                    <a:pt x="403" y="0"/>
                  </a:lnTo>
                  <a:lnTo>
                    <a:pt x="644" y="2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5" name="Freeform 17"/>
            <p:cNvSpPr/>
            <p:nvPr/>
          </p:nvSpPr>
          <p:spPr bwMode="auto">
            <a:xfrm>
              <a:off x="5418138" y="1403350"/>
              <a:ext cx="382588" cy="215900"/>
            </a:xfrm>
            <a:custGeom>
              <a:avLst/>
              <a:gdLst>
                <a:gd name="T0" fmla="*/ 0 w 241"/>
                <a:gd name="T1" fmla="*/ 0 h 136"/>
                <a:gd name="T2" fmla="*/ 241 w 241"/>
                <a:gd name="T3" fmla="*/ 29 h 136"/>
                <a:gd name="T4" fmla="*/ 115 w 241"/>
                <a:gd name="T5" fmla="*/ 136 h 136"/>
                <a:gd name="T6" fmla="*/ 0 w 241"/>
                <a:gd name="T7" fmla="*/ 0 h 13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41" h="136">
                  <a:moveTo>
                    <a:pt x="0" y="0"/>
                  </a:moveTo>
                  <a:lnTo>
                    <a:pt x="241" y="29"/>
                  </a:lnTo>
                  <a:lnTo>
                    <a:pt x="115" y="13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6" name="Freeform 18"/>
            <p:cNvSpPr/>
            <p:nvPr/>
          </p:nvSpPr>
          <p:spPr bwMode="auto">
            <a:xfrm>
              <a:off x="5184775" y="1700213"/>
              <a:ext cx="692150" cy="596900"/>
            </a:xfrm>
            <a:custGeom>
              <a:avLst/>
              <a:gdLst>
                <a:gd name="T0" fmla="*/ 10 w 163"/>
                <a:gd name="T1" fmla="*/ 139 h 141"/>
                <a:gd name="T2" fmla="*/ 160 w 163"/>
                <a:gd name="T3" fmla="*/ 11 h 141"/>
                <a:gd name="T4" fmla="*/ 160 w 163"/>
                <a:gd name="T5" fmla="*/ 2 h 141"/>
                <a:gd name="T6" fmla="*/ 152 w 163"/>
                <a:gd name="T7" fmla="*/ 2 h 141"/>
                <a:gd name="T8" fmla="*/ 3 w 163"/>
                <a:gd name="T9" fmla="*/ 129 h 141"/>
                <a:gd name="T10" fmla="*/ 2 w 163"/>
                <a:gd name="T11" fmla="*/ 138 h 141"/>
                <a:gd name="T12" fmla="*/ 10 w 163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0" y="139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2" y="9"/>
                    <a:pt x="163" y="5"/>
                    <a:pt x="160" y="2"/>
                  </a:cubicBezTo>
                  <a:cubicBezTo>
                    <a:pt x="158" y="0"/>
                    <a:pt x="155" y="0"/>
                    <a:pt x="152" y="2"/>
                  </a:cubicBezTo>
                  <a:cubicBezTo>
                    <a:pt x="3" y="129"/>
                    <a:pt x="3" y="129"/>
                    <a:pt x="3" y="129"/>
                  </a:cubicBezTo>
                  <a:cubicBezTo>
                    <a:pt x="0" y="132"/>
                    <a:pt x="0" y="135"/>
                    <a:pt x="2" y="138"/>
                  </a:cubicBezTo>
                  <a:cubicBezTo>
                    <a:pt x="4" y="140"/>
                    <a:pt x="8" y="141"/>
                    <a:pt x="10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7" name="Freeform 19"/>
            <p:cNvSpPr/>
            <p:nvPr/>
          </p:nvSpPr>
          <p:spPr bwMode="auto">
            <a:xfrm>
              <a:off x="5262563" y="1789113"/>
              <a:ext cx="690563" cy="596900"/>
            </a:xfrm>
            <a:custGeom>
              <a:avLst/>
              <a:gdLst>
                <a:gd name="T0" fmla="*/ 11 w 163"/>
                <a:gd name="T1" fmla="*/ 139 h 141"/>
                <a:gd name="T2" fmla="*/ 160 w 163"/>
                <a:gd name="T3" fmla="*/ 12 h 141"/>
                <a:gd name="T4" fmla="*/ 161 w 163"/>
                <a:gd name="T5" fmla="*/ 3 h 141"/>
                <a:gd name="T6" fmla="*/ 153 w 163"/>
                <a:gd name="T7" fmla="*/ 3 h 141"/>
                <a:gd name="T8" fmla="*/ 3 w 163"/>
                <a:gd name="T9" fmla="*/ 130 h 141"/>
                <a:gd name="T10" fmla="*/ 3 w 163"/>
                <a:gd name="T11" fmla="*/ 139 h 141"/>
                <a:gd name="T12" fmla="*/ 11 w 163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1" y="139"/>
                  </a:moveTo>
                  <a:cubicBezTo>
                    <a:pt x="160" y="12"/>
                    <a:pt x="160" y="12"/>
                    <a:pt x="160" y="12"/>
                  </a:cubicBezTo>
                  <a:cubicBezTo>
                    <a:pt x="163" y="10"/>
                    <a:pt x="163" y="6"/>
                    <a:pt x="161" y="3"/>
                  </a:cubicBezTo>
                  <a:cubicBezTo>
                    <a:pt x="159" y="1"/>
                    <a:pt x="155" y="0"/>
                    <a:pt x="153" y="3"/>
                  </a:cubicBezTo>
                  <a:cubicBezTo>
                    <a:pt x="3" y="130"/>
                    <a:pt x="3" y="130"/>
                    <a:pt x="3" y="130"/>
                  </a:cubicBezTo>
                  <a:cubicBezTo>
                    <a:pt x="1" y="132"/>
                    <a:pt x="0" y="136"/>
                    <a:pt x="3" y="139"/>
                  </a:cubicBezTo>
                  <a:cubicBezTo>
                    <a:pt x="5" y="141"/>
                    <a:pt x="8" y="141"/>
                    <a:pt x="11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8" name="Freeform 20"/>
            <p:cNvSpPr/>
            <p:nvPr/>
          </p:nvSpPr>
          <p:spPr bwMode="auto">
            <a:xfrm>
              <a:off x="5341938" y="1882775"/>
              <a:ext cx="690563" cy="596900"/>
            </a:xfrm>
            <a:custGeom>
              <a:avLst/>
              <a:gdLst>
                <a:gd name="T0" fmla="*/ 11 w 163"/>
                <a:gd name="T1" fmla="*/ 139 h 141"/>
                <a:gd name="T2" fmla="*/ 160 w 163"/>
                <a:gd name="T3" fmla="*/ 11 h 141"/>
                <a:gd name="T4" fmla="*/ 161 w 163"/>
                <a:gd name="T5" fmla="*/ 3 h 141"/>
                <a:gd name="T6" fmla="*/ 152 w 163"/>
                <a:gd name="T7" fmla="*/ 2 h 141"/>
                <a:gd name="T8" fmla="*/ 3 w 163"/>
                <a:gd name="T9" fmla="*/ 130 h 141"/>
                <a:gd name="T10" fmla="*/ 2 w 163"/>
                <a:gd name="T11" fmla="*/ 138 h 141"/>
                <a:gd name="T12" fmla="*/ 11 w 163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1" y="139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3" y="9"/>
                    <a:pt x="163" y="6"/>
                    <a:pt x="161" y="3"/>
                  </a:cubicBezTo>
                  <a:cubicBezTo>
                    <a:pt x="159" y="0"/>
                    <a:pt x="155" y="0"/>
                    <a:pt x="152" y="2"/>
                  </a:cubicBezTo>
                  <a:cubicBezTo>
                    <a:pt x="3" y="130"/>
                    <a:pt x="3" y="130"/>
                    <a:pt x="3" y="130"/>
                  </a:cubicBezTo>
                  <a:cubicBezTo>
                    <a:pt x="0" y="132"/>
                    <a:pt x="0" y="136"/>
                    <a:pt x="2" y="138"/>
                  </a:cubicBezTo>
                  <a:cubicBezTo>
                    <a:pt x="4" y="141"/>
                    <a:pt x="8" y="141"/>
                    <a:pt x="11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9" name="Freeform 21"/>
            <p:cNvSpPr/>
            <p:nvPr/>
          </p:nvSpPr>
          <p:spPr bwMode="auto">
            <a:xfrm>
              <a:off x="5422900" y="1974850"/>
              <a:ext cx="685800" cy="598488"/>
            </a:xfrm>
            <a:custGeom>
              <a:avLst/>
              <a:gdLst>
                <a:gd name="T0" fmla="*/ 10 w 162"/>
                <a:gd name="T1" fmla="*/ 139 h 141"/>
                <a:gd name="T2" fmla="*/ 160 w 162"/>
                <a:gd name="T3" fmla="*/ 11 h 141"/>
                <a:gd name="T4" fmla="*/ 160 w 162"/>
                <a:gd name="T5" fmla="*/ 3 h 141"/>
                <a:gd name="T6" fmla="*/ 152 w 162"/>
                <a:gd name="T7" fmla="*/ 2 h 141"/>
                <a:gd name="T8" fmla="*/ 2 w 162"/>
                <a:gd name="T9" fmla="*/ 130 h 141"/>
                <a:gd name="T10" fmla="*/ 2 w 162"/>
                <a:gd name="T11" fmla="*/ 138 h 141"/>
                <a:gd name="T12" fmla="*/ 10 w 162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2" h="141">
                  <a:moveTo>
                    <a:pt x="10" y="139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2" y="9"/>
                    <a:pt x="162" y="5"/>
                    <a:pt x="160" y="3"/>
                  </a:cubicBezTo>
                  <a:cubicBezTo>
                    <a:pt x="158" y="0"/>
                    <a:pt x="154" y="0"/>
                    <a:pt x="152" y="2"/>
                  </a:cubicBezTo>
                  <a:cubicBezTo>
                    <a:pt x="2" y="130"/>
                    <a:pt x="2" y="130"/>
                    <a:pt x="2" y="130"/>
                  </a:cubicBezTo>
                  <a:cubicBezTo>
                    <a:pt x="0" y="132"/>
                    <a:pt x="0" y="136"/>
                    <a:pt x="2" y="138"/>
                  </a:cubicBezTo>
                  <a:cubicBezTo>
                    <a:pt x="4" y="141"/>
                    <a:pt x="8" y="141"/>
                    <a:pt x="10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" name="Freeform 22"/>
            <p:cNvSpPr/>
            <p:nvPr/>
          </p:nvSpPr>
          <p:spPr bwMode="auto">
            <a:xfrm>
              <a:off x="5499100" y="2068513"/>
              <a:ext cx="690563" cy="598488"/>
            </a:xfrm>
            <a:custGeom>
              <a:avLst/>
              <a:gdLst>
                <a:gd name="T0" fmla="*/ 11 w 163"/>
                <a:gd name="T1" fmla="*/ 139 h 141"/>
                <a:gd name="T2" fmla="*/ 160 w 163"/>
                <a:gd name="T3" fmla="*/ 11 h 141"/>
                <a:gd name="T4" fmla="*/ 161 w 163"/>
                <a:gd name="T5" fmla="*/ 3 h 141"/>
                <a:gd name="T6" fmla="*/ 152 w 163"/>
                <a:gd name="T7" fmla="*/ 2 h 141"/>
                <a:gd name="T8" fmla="*/ 3 w 163"/>
                <a:gd name="T9" fmla="*/ 130 h 141"/>
                <a:gd name="T10" fmla="*/ 2 w 163"/>
                <a:gd name="T11" fmla="*/ 138 h 141"/>
                <a:gd name="T12" fmla="*/ 11 w 163"/>
                <a:gd name="T13" fmla="*/ 139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1" y="139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3" y="9"/>
                    <a:pt x="163" y="5"/>
                    <a:pt x="161" y="3"/>
                  </a:cubicBezTo>
                  <a:cubicBezTo>
                    <a:pt x="159" y="0"/>
                    <a:pt x="155" y="0"/>
                    <a:pt x="152" y="2"/>
                  </a:cubicBezTo>
                  <a:cubicBezTo>
                    <a:pt x="3" y="130"/>
                    <a:pt x="3" y="130"/>
                    <a:pt x="3" y="130"/>
                  </a:cubicBezTo>
                  <a:cubicBezTo>
                    <a:pt x="1" y="132"/>
                    <a:pt x="0" y="136"/>
                    <a:pt x="2" y="138"/>
                  </a:cubicBezTo>
                  <a:cubicBezTo>
                    <a:pt x="5" y="141"/>
                    <a:pt x="8" y="141"/>
                    <a:pt x="11" y="139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1" name="Freeform 23"/>
            <p:cNvSpPr/>
            <p:nvPr/>
          </p:nvSpPr>
          <p:spPr bwMode="auto">
            <a:xfrm>
              <a:off x="5580063" y="2162175"/>
              <a:ext cx="690563" cy="596900"/>
            </a:xfrm>
            <a:custGeom>
              <a:avLst/>
              <a:gdLst>
                <a:gd name="T0" fmla="*/ 10 w 163"/>
                <a:gd name="T1" fmla="*/ 138 h 141"/>
                <a:gd name="T2" fmla="*/ 160 w 163"/>
                <a:gd name="T3" fmla="*/ 11 h 141"/>
                <a:gd name="T4" fmla="*/ 161 w 163"/>
                <a:gd name="T5" fmla="*/ 2 h 141"/>
                <a:gd name="T6" fmla="*/ 152 w 163"/>
                <a:gd name="T7" fmla="*/ 2 h 141"/>
                <a:gd name="T8" fmla="*/ 3 w 163"/>
                <a:gd name="T9" fmla="*/ 129 h 141"/>
                <a:gd name="T10" fmla="*/ 2 w 163"/>
                <a:gd name="T11" fmla="*/ 138 h 141"/>
                <a:gd name="T12" fmla="*/ 10 w 163"/>
                <a:gd name="T13" fmla="*/ 138 h 14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63" h="141">
                  <a:moveTo>
                    <a:pt x="10" y="138"/>
                  </a:moveTo>
                  <a:cubicBezTo>
                    <a:pt x="160" y="11"/>
                    <a:pt x="160" y="11"/>
                    <a:pt x="160" y="11"/>
                  </a:cubicBezTo>
                  <a:cubicBezTo>
                    <a:pt x="162" y="9"/>
                    <a:pt x="163" y="5"/>
                    <a:pt x="161" y="2"/>
                  </a:cubicBezTo>
                  <a:cubicBezTo>
                    <a:pt x="158" y="0"/>
                    <a:pt x="155" y="0"/>
                    <a:pt x="152" y="2"/>
                  </a:cubicBezTo>
                  <a:cubicBezTo>
                    <a:pt x="3" y="129"/>
                    <a:pt x="3" y="129"/>
                    <a:pt x="3" y="129"/>
                  </a:cubicBezTo>
                  <a:cubicBezTo>
                    <a:pt x="0" y="132"/>
                    <a:pt x="0" y="135"/>
                    <a:pt x="2" y="138"/>
                  </a:cubicBezTo>
                  <a:cubicBezTo>
                    <a:pt x="4" y="140"/>
                    <a:pt x="8" y="141"/>
                    <a:pt x="10" y="138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2" name="Freeform 24"/>
            <p:cNvSpPr/>
            <p:nvPr/>
          </p:nvSpPr>
          <p:spPr bwMode="auto">
            <a:xfrm>
              <a:off x="4968875" y="1687513"/>
              <a:ext cx="458788" cy="431800"/>
            </a:xfrm>
            <a:custGeom>
              <a:avLst/>
              <a:gdLst>
                <a:gd name="T0" fmla="*/ 289 w 289"/>
                <a:gd name="T1" fmla="*/ 96 h 272"/>
                <a:gd name="T2" fmla="*/ 83 w 289"/>
                <a:gd name="T3" fmla="*/ 272 h 272"/>
                <a:gd name="T4" fmla="*/ 0 w 289"/>
                <a:gd name="T5" fmla="*/ 176 h 272"/>
                <a:gd name="T6" fmla="*/ 206 w 289"/>
                <a:gd name="T7" fmla="*/ 0 h 272"/>
                <a:gd name="T8" fmla="*/ 289 w 289"/>
                <a:gd name="T9" fmla="*/ 96 h 2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9" h="272">
                  <a:moveTo>
                    <a:pt x="289" y="96"/>
                  </a:moveTo>
                  <a:lnTo>
                    <a:pt x="83" y="272"/>
                  </a:lnTo>
                  <a:lnTo>
                    <a:pt x="0" y="176"/>
                  </a:lnTo>
                  <a:lnTo>
                    <a:pt x="206" y="0"/>
                  </a:lnTo>
                  <a:lnTo>
                    <a:pt x="289" y="96"/>
                  </a:lnTo>
                  <a:close/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3" name="Freeform 25"/>
            <p:cNvSpPr/>
            <p:nvPr/>
          </p:nvSpPr>
          <p:spPr bwMode="auto">
            <a:xfrm>
              <a:off x="4968875" y="1687513"/>
              <a:ext cx="458788" cy="431800"/>
            </a:xfrm>
            <a:custGeom>
              <a:avLst/>
              <a:gdLst>
                <a:gd name="T0" fmla="*/ 289 w 289"/>
                <a:gd name="T1" fmla="*/ 96 h 272"/>
                <a:gd name="T2" fmla="*/ 83 w 289"/>
                <a:gd name="T3" fmla="*/ 272 h 272"/>
                <a:gd name="T4" fmla="*/ 0 w 289"/>
                <a:gd name="T5" fmla="*/ 176 h 272"/>
                <a:gd name="T6" fmla="*/ 206 w 289"/>
                <a:gd name="T7" fmla="*/ 0 h 272"/>
                <a:gd name="T8" fmla="*/ 289 w 289"/>
                <a:gd name="T9" fmla="*/ 96 h 27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9" h="272">
                  <a:moveTo>
                    <a:pt x="289" y="96"/>
                  </a:moveTo>
                  <a:lnTo>
                    <a:pt x="83" y="272"/>
                  </a:lnTo>
                  <a:lnTo>
                    <a:pt x="0" y="176"/>
                  </a:lnTo>
                  <a:lnTo>
                    <a:pt x="206" y="0"/>
                  </a:lnTo>
                  <a:lnTo>
                    <a:pt x="289" y="96"/>
                  </a:lnTo>
                  <a:close/>
                </a:path>
              </a:pathLst>
            </a:cu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2075" name="组合 2074"/>
          <p:cNvGrpSpPr/>
          <p:nvPr/>
        </p:nvGrpSpPr>
        <p:grpSpPr>
          <a:xfrm>
            <a:off x="2233440" y="1434904"/>
            <a:ext cx="1082935" cy="1356845"/>
            <a:chOff x="5892800" y="1085850"/>
            <a:chExt cx="1217613" cy="1525588"/>
          </a:xfrm>
        </p:grpSpPr>
        <p:sp>
          <p:nvSpPr>
            <p:cNvPr id="24" name="Freeform 26"/>
            <p:cNvSpPr/>
            <p:nvPr/>
          </p:nvSpPr>
          <p:spPr bwMode="auto">
            <a:xfrm>
              <a:off x="5892800" y="1085850"/>
              <a:ext cx="1217613" cy="1525588"/>
            </a:xfrm>
            <a:custGeom>
              <a:avLst/>
              <a:gdLst>
                <a:gd name="T0" fmla="*/ 705 w 767"/>
                <a:gd name="T1" fmla="*/ 165 h 961"/>
                <a:gd name="T2" fmla="*/ 767 w 767"/>
                <a:gd name="T3" fmla="*/ 905 h 961"/>
                <a:gd name="T4" fmla="*/ 75 w 767"/>
                <a:gd name="T5" fmla="*/ 961 h 961"/>
                <a:gd name="T6" fmla="*/ 0 w 767"/>
                <a:gd name="T7" fmla="*/ 42 h 961"/>
                <a:gd name="T8" fmla="*/ 529 w 767"/>
                <a:gd name="T9" fmla="*/ 0 h 961"/>
                <a:gd name="T10" fmla="*/ 705 w 767"/>
                <a:gd name="T11" fmla="*/ 165 h 96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67" h="961">
                  <a:moveTo>
                    <a:pt x="705" y="165"/>
                  </a:moveTo>
                  <a:lnTo>
                    <a:pt x="767" y="905"/>
                  </a:lnTo>
                  <a:lnTo>
                    <a:pt x="75" y="961"/>
                  </a:lnTo>
                  <a:lnTo>
                    <a:pt x="0" y="42"/>
                  </a:lnTo>
                  <a:lnTo>
                    <a:pt x="529" y="0"/>
                  </a:lnTo>
                  <a:lnTo>
                    <a:pt x="705" y="165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6" name="Freeform 28"/>
            <p:cNvSpPr/>
            <p:nvPr/>
          </p:nvSpPr>
          <p:spPr bwMode="auto">
            <a:xfrm>
              <a:off x="6732588" y="1085850"/>
              <a:ext cx="279400" cy="284163"/>
            </a:xfrm>
            <a:custGeom>
              <a:avLst/>
              <a:gdLst>
                <a:gd name="T0" fmla="*/ 0 w 176"/>
                <a:gd name="T1" fmla="*/ 0 h 179"/>
                <a:gd name="T2" fmla="*/ 176 w 176"/>
                <a:gd name="T3" fmla="*/ 165 h 179"/>
                <a:gd name="T4" fmla="*/ 13 w 176"/>
                <a:gd name="T5" fmla="*/ 179 h 179"/>
                <a:gd name="T6" fmla="*/ 0 w 176"/>
                <a:gd name="T7" fmla="*/ 0 h 17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76" h="179">
                  <a:moveTo>
                    <a:pt x="0" y="0"/>
                  </a:moveTo>
                  <a:lnTo>
                    <a:pt x="176" y="165"/>
                  </a:lnTo>
                  <a:lnTo>
                    <a:pt x="13" y="17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7" name="Line 29"/>
            <p:cNvSpPr>
              <a:spLocks noChangeShapeType="1"/>
            </p:cNvSpPr>
            <p:nvPr/>
          </p:nvSpPr>
          <p:spPr bwMode="auto">
            <a:xfrm flipV="1">
              <a:off x="6057900" y="1601788"/>
              <a:ext cx="831850" cy="65088"/>
            </a:xfrm>
            <a:prstGeom prst="line">
              <a:avLst/>
            </a:pr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8" name="Line 30"/>
            <p:cNvSpPr>
              <a:spLocks noChangeShapeType="1"/>
            </p:cNvSpPr>
            <p:nvPr/>
          </p:nvSpPr>
          <p:spPr bwMode="auto">
            <a:xfrm flipV="1">
              <a:off x="6067425" y="1720850"/>
              <a:ext cx="830263" cy="68263"/>
            </a:xfrm>
            <a:prstGeom prst="line">
              <a:avLst/>
            </a:pr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9" name="Line 31"/>
            <p:cNvSpPr>
              <a:spLocks noChangeShapeType="1"/>
            </p:cNvSpPr>
            <p:nvPr/>
          </p:nvSpPr>
          <p:spPr bwMode="auto">
            <a:xfrm flipV="1">
              <a:off x="6080125" y="1844675"/>
              <a:ext cx="830263" cy="66675"/>
            </a:xfrm>
            <a:prstGeom prst="line">
              <a:avLst/>
            </a:pr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30" name="Line 32"/>
            <p:cNvSpPr>
              <a:spLocks noChangeShapeType="1"/>
            </p:cNvSpPr>
            <p:nvPr/>
          </p:nvSpPr>
          <p:spPr bwMode="auto">
            <a:xfrm flipV="1">
              <a:off x="6088063" y="1962150"/>
              <a:ext cx="830263" cy="68263"/>
            </a:xfrm>
            <a:prstGeom prst="line">
              <a:avLst/>
            </a:pr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31" name="Freeform 33"/>
            <p:cNvSpPr/>
            <p:nvPr/>
          </p:nvSpPr>
          <p:spPr bwMode="auto">
            <a:xfrm>
              <a:off x="6070600" y="2060575"/>
              <a:ext cx="882650" cy="119063"/>
            </a:xfrm>
            <a:custGeom>
              <a:avLst/>
              <a:gdLst>
                <a:gd name="T0" fmla="*/ 7 w 208"/>
                <a:gd name="T1" fmla="*/ 28 h 28"/>
                <a:gd name="T2" fmla="*/ 203 w 208"/>
                <a:gd name="T3" fmla="*/ 12 h 28"/>
                <a:gd name="T4" fmla="*/ 208 w 208"/>
                <a:gd name="T5" fmla="*/ 5 h 28"/>
                <a:gd name="T6" fmla="*/ 202 w 208"/>
                <a:gd name="T7" fmla="*/ 0 h 28"/>
                <a:gd name="T8" fmla="*/ 6 w 208"/>
                <a:gd name="T9" fmla="*/ 16 h 28"/>
                <a:gd name="T10" fmla="*/ 0 w 208"/>
                <a:gd name="T11" fmla="*/ 22 h 28"/>
                <a:gd name="T12" fmla="*/ 7 w 208"/>
                <a:gd name="T13" fmla="*/ 28 h 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08" h="28">
                  <a:moveTo>
                    <a:pt x="7" y="28"/>
                  </a:moveTo>
                  <a:cubicBezTo>
                    <a:pt x="203" y="12"/>
                    <a:pt x="203" y="12"/>
                    <a:pt x="203" y="12"/>
                  </a:cubicBezTo>
                  <a:cubicBezTo>
                    <a:pt x="206" y="12"/>
                    <a:pt x="208" y="9"/>
                    <a:pt x="208" y="5"/>
                  </a:cubicBezTo>
                  <a:cubicBezTo>
                    <a:pt x="208" y="2"/>
                    <a:pt x="205" y="0"/>
                    <a:pt x="202" y="0"/>
                  </a:cubicBezTo>
                  <a:cubicBezTo>
                    <a:pt x="6" y="16"/>
                    <a:pt x="6" y="16"/>
                    <a:pt x="6" y="16"/>
                  </a:cubicBezTo>
                  <a:cubicBezTo>
                    <a:pt x="3" y="16"/>
                    <a:pt x="0" y="19"/>
                    <a:pt x="0" y="22"/>
                  </a:cubicBezTo>
                  <a:cubicBezTo>
                    <a:pt x="1" y="26"/>
                    <a:pt x="4" y="28"/>
                    <a:pt x="7" y="28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48" name="Freeform 34"/>
            <p:cNvSpPr/>
            <p:nvPr/>
          </p:nvSpPr>
          <p:spPr bwMode="auto">
            <a:xfrm>
              <a:off x="6080125" y="2179638"/>
              <a:ext cx="885825" cy="122238"/>
            </a:xfrm>
            <a:custGeom>
              <a:avLst/>
              <a:gdLst>
                <a:gd name="T0" fmla="*/ 7 w 209"/>
                <a:gd name="T1" fmla="*/ 28 h 29"/>
                <a:gd name="T2" fmla="*/ 203 w 209"/>
                <a:gd name="T3" fmla="*/ 12 h 29"/>
                <a:gd name="T4" fmla="*/ 209 w 209"/>
                <a:gd name="T5" fmla="*/ 6 h 29"/>
                <a:gd name="T6" fmla="*/ 202 w 209"/>
                <a:gd name="T7" fmla="*/ 0 h 29"/>
                <a:gd name="T8" fmla="*/ 6 w 209"/>
                <a:gd name="T9" fmla="*/ 16 h 29"/>
                <a:gd name="T10" fmla="*/ 1 w 209"/>
                <a:gd name="T11" fmla="*/ 23 h 29"/>
                <a:gd name="T12" fmla="*/ 7 w 209"/>
                <a:gd name="T13" fmla="*/ 28 h 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209" h="29">
                  <a:moveTo>
                    <a:pt x="7" y="28"/>
                  </a:moveTo>
                  <a:cubicBezTo>
                    <a:pt x="203" y="12"/>
                    <a:pt x="203" y="12"/>
                    <a:pt x="203" y="12"/>
                  </a:cubicBezTo>
                  <a:cubicBezTo>
                    <a:pt x="206" y="12"/>
                    <a:pt x="209" y="9"/>
                    <a:pt x="209" y="6"/>
                  </a:cubicBezTo>
                  <a:cubicBezTo>
                    <a:pt x="208" y="3"/>
                    <a:pt x="205" y="0"/>
                    <a:pt x="202" y="0"/>
                  </a:cubicBezTo>
                  <a:cubicBezTo>
                    <a:pt x="6" y="16"/>
                    <a:pt x="6" y="16"/>
                    <a:pt x="6" y="16"/>
                  </a:cubicBezTo>
                  <a:cubicBezTo>
                    <a:pt x="3" y="17"/>
                    <a:pt x="0" y="20"/>
                    <a:pt x="1" y="23"/>
                  </a:cubicBezTo>
                  <a:cubicBezTo>
                    <a:pt x="1" y="26"/>
                    <a:pt x="4" y="29"/>
                    <a:pt x="7" y="28"/>
                  </a:cubicBezTo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49" name="Freeform 35"/>
            <p:cNvSpPr/>
            <p:nvPr/>
          </p:nvSpPr>
          <p:spPr bwMode="auto">
            <a:xfrm>
              <a:off x="6037263" y="1246188"/>
              <a:ext cx="444500" cy="233363"/>
            </a:xfrm>
            <a:custGeom>
              <a:avLst/>
              <a:gdLst>
                <a:gd name="T0" fmla="*/ 280 w 280"/>
                <a:gd name="T1" fmla="*/ 126 h 147"/>
                <a:gd name="T2" fmla="*/ 11 w 280"/>
                <a:gd name="T3" fmla="*/ 147 h 147"/>
                <a:gd name="T4" fmla="*/ 0 w 280"/>
                <a:gd name="T5" fmla="*/ 22 h 147"/>
                <a:gd name="T6" fmla="*/ 270 w 280"/>
                <a:gd name="T7" fmla="*/ 0 h 147"/>
                <a:gd name="T8" fmla="*/ 280 w 280"/>
                <a:gd name="T9" fmla="*/ 126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0" h="147">
                  <a:moveTo>
                    <a:pt x="280" y="126"/>
                  </a:moveTo>
                  <a:lnTo>
                    <a:pt x="11" y="147"/>
                  </a:lnTo>
                  <a:lnTo>
                    <a:pt x="0" y="22"/>
                  </a:lnTo>
                  <a:lnTo>
                    <a:pt x="270" y="0"/>
                  </a:lnTo>
                  <a:lnTo>
                    <a:pt x="280" y="126"/>
                  </a:lnTo>
                  <a:close/>
                </a:path>
              </a:pathLst>
            </a:custGeom>
            <a:solidFill>
              <a:srgbClr val="B6B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50" name="Freeform 36"/>
            <p:cNvSpPr/>
            <p:nvPr/>
          </p:nvSpPr>
          <p:spPr bwMode="auto">
            <a:xfrm>
              <a:off x="6037263" y="1246188"/>
              <a:ext cx="444500" cy="233363"/>
            </a:xfrm>
            <a:custGeom>
              <a:avLst/>
              <a:gdLst>
                <a:gd name="T0" fmla="*/ 280 w 280"/>
                <a:gd name="T1" fmla="*/ 126 h 147"/>
                <a:gd name="T2" fmla="*/ 11 w 280"/>
                <a:gd name="T3" fmla="*/ 147 h 147"/>
                <a:gd name="T4" fmla="*/ 0 w 280"/>
                <a:gd name="T5" fmla="*/ 22 h 147"/>
                <a:gd name="T6" fmla="*/ 270 w 280"/>
                <a:gd name="T7" fmla="*/ 0 h 147"/>
                <a:gd name="T8" fmla="*/ 280 w 280"/>
                <a:gd name="T9" fmla="*/ 126 h 1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0" h="147">
                  <a:moveTo>
                    <a:pt x="280" y="126"/>
                  </a:moveTo>
                  <a:lnTo>
                    <a:pt x="11" y="147"/>
                  </a:lnTo>
                  <a:lnTo>
                    <a:pt x="0" y="22"/>
                  </a:lnTo>
                  <a:lnTo>
                    <a:pt x="270" y="0"/>
                  </a:lnTo>
                  <a:lnTo>
                    <a:pt x="280" y="126"/>
                  </a:lnTo>
                  <a:close/>
                </a:path>
              </a:pathLst>
            </a:custGeom>
            <a:noFill/>
            <a:ln w="50800" cap="rnd">
              <a:solidFill>
                <a:srgbClr val="B6B6B6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2070" name="组合 2069"/>
          <p:cNvGrpSpPr/>
          <p:nvPr/>
        </p:nvGrpSpPr>
        <p:grpSpPr>
          <a:xfrm>
            <a:off x="296300" y="2821399"/>
            <a:ext cx="905034" cy="1063168"/>
            <a:chOff x="3714750" y="2644775"/>
            <a:chExt cx="1017588" cy="1195388"/>
          </a:xfrm>
        </p:grpSpPr>
        <p:sp>
          <p:nvSpPr>
            <p:cNvPr id="2064" name="Freeform 48"/>
            <p:cNvSpPr/>
            <p:nvPr/>
          </p:nvSpPr>
          <p:spPr bwMode="auto">
            <a:xfrm>
              <a:off x="4024313" y="3119438"/>
              <a:ext cx="708025" cy="720725"/>
            </a:xfrm>
            <a:custGeom>
              <a:avLst/>
              <a:gdLst>
                <a:gd name="T0" fmla="*/ 158 w 167"/>
                <a:gd name="T1" fmla="*/ 0 h 170"/>
                <a:gd name="T2" fmla="*/ 167 w 167"/>
                <a:gd name="T3" fmla="*/ 14 h 170"/>
                <a:gd name="T4" fmla="*/ 167 w 167"/>
                <a:gd name="T5" fmla="*/ 133 h 170"/>
                <a:gd name="T6" fmla="*/ 134 w 167"/>
                <a:gd name="T7" fmla="*/ 170 h 170"/>
                <a:gd name="T8" fmla="*/ 28 w 167"/>
                <a:gd name="T9" fmla="*/ 170 h 170"/>
                <a:gd name="T10" fmla="*/ 0 w 167"/>
                <a:gd name="T11" fmla="*/ 130 h 170"/>
                <a:gd name="T12" fmla="*/ 0 w 167"/>
                <a:gd name="T13" fmla="*/ 12 h 170"/>
                <a:gd name="T14" fmla="*/ 8 w 167"/>
                <a:gd name="T15" fmla="*/ 0 h 170"/>
                <a:gd name="T16" fmla="*/ 158 w 167"/>
                <a:gd name="T17" fmla="*/ 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67" h="170">
                  <a:moveTo>
                    <a:pt x="158" y="0"/>
                  </a:moveTo>
                  <a:cubicBezTo>
                    <a:pt x="158" y="0"/>
                    <a:pt x="166" y="2"/>
                    <a:pt x="167" y="14"/>
                  </a:cubicBezTo>
                  <a:cubicBezTo>
                    <a:pt x="167" y="133"/>
                    <a:pt x="167" y="133"/>
                    <a:pt x="167" y="133"/>
                  </a:cubicBezTo>
                  <a:cubicBezTo>
                    <a:pt x="167" y="133"/>
                    <a:pt x="154" y="162"/>
                    <a:pt x="134" y="170"/>
                  </a:cubicBezTo>
                  <a:cubicBezTo>
                    <a:pt x="28" y="170"/>
                    <a:pt x="28" y="170"/>
                    <a:pt x="28" y="170"/>
                  </a:cubicBezTo>
                  <a:cubicBezTo>
                    <a:pt x="28" y="170"/>
                    <a:pt x="7" y="159"/>
                    <a:pt x="0" y="13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2"/>
                    <a:pt x="1" y="5"/>
                    <a:pt x="8" y="0"/>
                  </a:cubicBezTo>
                  <a:lnTo>
                    <a:pt x="158" y="0"/>
                  </a:lnTo>
                  <a:close/>
                </a:path>
              </a:pathLst>
            </a:cu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5" name="Freeform 49"/>
            <p:cNvSpPr/>
            <p:nvPr/>
          </p:nvSpPr>
          <p:spPr bwMode="auto">
            <a:xfrm>
              <a:off x="4024313" y="3119438"/>
              <a:ext cx="708025" cy="720725"/>
            </a:xfrm>
            <a:custGeom>
              <a:avLst/>
              <a:gdLst>
                <a:gd name="T0" fmla="*/ 158 w 167"/>
                <a:gd name="T1" fmla="*/ 0 h 170"/>
                <a:gd name="T2" fmla="*/ 167 w 167"/>
                <a:gd name="T3" fmla="*/ 14 h 170"/>
                <a:gd name="T4" fmla="*/ 167 w 167"/>
                <a:gd name="T5" fmla="*/ 133 h 170"/>
                <a:gd name="T6" fmla="*/ 134 w 167"/>
                <a:gd name="T7" fmla="*/ 170 h 170"/>
                <a:gd name="T8" fmla="*/ 28 w 167"/>
                <a:gd name="T9" fmla="*/ 170 h 170"/>
                <a:gd name="T10" fmla="*/ 0 w 167"/>
                <a:gd name="T11" fmla="*/ 130 h 170"/>
                <a:gd name="T12" fmla="*/ 0 w 167"/>
                <a:gd name="T13" fmla="*/ 12 h 170"/>
                <a:gd name="T14" fmla="*/ 8 w 167"/>
                <a:gd name="T15" fmla="*/ 0 h 170"/>
                <a:gd name="T16" fmla="*/ 158 w 167"/>
                <a:gd name="T17" fmla="*/ 0 h 1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67" h="170">
                  <a:moveTo>
                    <a:pt x="158" y="0"/>
                  </a:moveTo>
                  <a:cubicBezTo>
                    <a:pt x="158" y="0"/>
                    <a:pt x="166" y="2"/>
                    <a:pt x="167" y="14"/>
                  </a:cubicBezTo>
                  <a:cubicBezTo>
                    <a:pt x="167" y="133"/>
                    <a:pt x="167" y="133"/>
                    <a:pt x="167" y="133"/>
                  </a:cubicBezTo>
                  <a:cubicBezTo>
                    <a:pt x="167" y="133"/>
                    <a:pt x="154" y="162"/>
                    <a:pt x="134" y="170"/>
                  </a:cubicBezTo>
                  <a:cubicBezTo>
                    <a:pt x="28" y="170"/>
                    <a:pt x="28" y="170"/>
                    <a:pt x="28" y="170"/>
                  </a:cubicBezTo>
                  <a:cubicBezTo>
                    <a:pt x="28" y="170"/>
                    <a:pt x="7" y="159"/>
                    <a:pt x="0" y="130"/>
                  </a:cubicBezTo>
                  <a:cubicBezTo>
                    <a:pt x="0" y="12"/>
                    <a:pt x="0" y="12"/>
                    <a:pt x="0" y="12"/>
                  </a:cubicBezTo>
                  <a:cubicBezTo>
                    <a:pt x="0" y="12"/>
                    <a:pt x="1" y="5"/>
                    <a:pt x="8" y="0"/>
                  </a:cubicBezTo>
                  <a:lnTo>
                    <a:pt x="158" y="0"/>
                  </a:lnTo>
                  <a:close/>
                </a:path>
              </a:pathLst>
            </a:custGeom>
            <a:noFill/>
            <a:ln w="38100" cap="rnd">
              <a:solidFill>
                <a:srgbClr val="F1654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6" name="Freeform 50"/>
            <p:cNvSpPr/>
            <p:nvPr/>
          </p:nvSpPr>
          <p:spPr bwMode="auto">
            <a:xfrm>
              <a:off x="3714750" y="3103563"/>
              <a:ext cx="368300" cy="584200"/>
            </a:xfrm>
            <a:custGeom>
              <a:avLst/>
              <a:gdLst>
                <a:gd name="T0" fmla="*/ 80 w 87"/>
                <a:gd name="T1" fmla="*/ 34 h 138"/>
                <a:gd name="T2" fmla="*/ 19 w 87"/>
                <a:gd name="T3" fmla="*/ 31 h 138"/>
                <a:gd name="T4" fmla="*/ 22 w 87"/>
                <a:gd name="T5" fmla="*/ 107 h 138"/>
                <a:gd name="T6" fmla="*/ 87 w 87"/>
                <a:gd name="T7" fmla="*/ 108 h 138"/>
                <a:gd name="T8" fmla="*/ 76 w 87"/>
                <a:gd name="T9" fmla="*/ 104 h 138"/>
                <a:gd name="T10" fmla="*/ 20 w 87"/>
                <a:gd name="T11" fmla="*/ 64 h 138"/>
                <a:gd name="T12" fmla="*/ 46 w 87"/>
                <a:gd name="T13" fmla="*/ 35 h 138"/>
                <a:gd name="T14" fmla="*/ 82 w 87"/>
                <a:gd name="T15" fmla="*/ 59 h 1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7" h="138">
                  <a:moveTo>
                    <a:pt x="80" y="34"/>
                  </a:moveTo>
                  <a:cubicBezTo>
                    <a:pt x="49" y="0"/>
                    <a:pt x="19" y="31"/>
                    <a:pt x="19" y="31"/>
                  </a:cubicBezTo>
                  <a:cubicBezTo>
                    <a:pt x="0" y="50"/>
                    <a:pt x="7" y="88"/>
                    <a:pt x="22" y="107"/>
                  </a:cubicBezTo>
                  <a:cubicBezTo>
                    <a:pt x="33" y="125"/>
                    <a:pt x="81" y="138"/>
                    <a:pt x="87" y="108"/>
                  </a:cubicBezTo>
                  <a:cubicBezTo>
                    <a:pt x="83" y="107"/>
                    <a:pt x="81" y="105"/>
                    <a:pt x="76" y="104"/>
                  </a:cubicBezTo>
                  <a:cubicBezTo>
                    <a:pt x="30" y="120"/>
                    <a:pt x="21" y="77"/>
                    <a:pt x="20" y="64"/>
                  </a:cubicBezTo>
                  <a:cubicBezTo>
                    <a:pt x="20" y="50"/>
                    <a:pt x="31" y="35"/>
                    <a:pt x="46" y="35"/>
                  </a:cubicBezTo>
                  <a:cubicBezTo>
                    <a:pt x="46" y="35"/>
                    <a:pt x="75" y="31"/>
                    <a:pt x="82" y="59"/>
                  </a:cubicBezTo>
                </a:path>
              </a:pathLst>
            </a:cu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7" name="Freeform 51"/>
            <p:cNvSpPr/>
            <p:nvPr/>
          </p:nvSpPr>
          <p:spPr bwMode="auto">
            <a:xfrm>
              <a:off x="4494213" y="2644775"/>
              <a:ext cx="139700" cy="395288"/>
            </a:xfrm>
            <a:custGeom>
              <a:avLst/>
              <a:gdLst>
                <a:gd name="T0" fmla="*/ 19 w 33"/>
                <a:gd name="T1" fmla="*/ 93 h 93"/>
                <a:gd name="T2" fmla="*/ 22 w 33"/>
                <a:gd name="T3" fmla="*/ 89 h 93"/>
                <a:gd name="T4" fmla="*/ 25 w 33"/>
                <a:gd name="T5" fmla="*/ 85 h 93"/>
                <a:gd name="T6" fmla="*/ 28 w 33"/>
                <a:gd name="T7" fmla="*/ 79 h 93"/>
                <a:gd name="T8" fmla="*/ 29 w 33"/>
                <a:gd name="T9" fmla="*/ 76 h 93"/>
                <a:gd name="T10" fmla="*/ 29 w 33"/>
                <a:gd name="T11" fmla="*/ 72 h 93"/>
                <a:gd name="T12" fmla="*/ 29 w 33"/>
                <a:gd name="T13" fmla="*/ 63 h 93"/>
                <a:gd name="T14" fmla="*/ 26 w 33"/>
                <a:gd name="T15" fmla="*/ 55 h 93"/>
                <a:gd name="T16" fmla="*/ 24 w 33"/>
                <a:gd name="T17" fmla="*/ 51 h 93"/>
                <a:gd name="T18" fmla="*/ 23 w 33"/>
                <a:gd name="T19" fmla="*/ 49 h 93"/>
                <a:gd name="T20" fmla="*/ 21 w 33"/>
                <a:gd name="T21" fmla="*/ 47 h 93"/>
                <a:gd name="T22" fmla="*/ 16 w 33"/>
                <a:gd name="T23" fmla="*/ 39 h 93"/>
                <a:gd name="T24" fmla="*/ 10 w 33"/>
                <a:gd name="T25" fmla="*/ 31 h 93"/>
                <a:gd name="T26" fmla="*/ 5 w 33"/>
                <a:gd name="T27" fmla="*/ 24 h 93"/>
                <a:gd name="T28" fmla="*/ 3 w 33"/>
                <a:gd name="T29" fmla="*/ 20 h 93"/>
                <a:gd name="T30" fmla="*/ 2 w 33"/>
                <a:gd name="T31" fmla="*/ 16 h 93"/>
                <a:gd name="T32" fmla="*/ 1 w 33"/>
                <a:gd name="T33" fmla="*/ 13 h 93"/>
                <a:gd name="T34" fmla="*/ 0 w 33"/>
                <a:gd name="T35" fmla="*/ 9 h 93"/>
                <a:gd name="T36" fmla="*/ 0 w 33"/>
                <a:gd name="T37" fmla="*/ 4 h 93"/>
                <a:gd name="T38" fmla="*/ 0 w 33"/>
                <a:gd name="T39" fmla="*/ 0 h 93"/>
                <a:gd name="T40" fmla="*/ 1 w 33"/>
                <a:gd name="T41" fmla="*/ 4 h 93"/>
                <a:gd name="T42" fmla="*/ 2 w 33"/>
                <a:gd name="T43" fmla="*/ 9 h 93"/>
                <a:gd name="T44" fmla="*/ 3 w 33"/>
                <a:gd name="T45" fmla="*/ 12 h 93"/>
                <a:gd name="T46" fmla="*/ 4 w 33"/>
                <a:gd name="T47" fmla="*/ 15 h 93"/>
                <a:gd name="T48" fmla="*/ 6 w 33"/>
                <a:gd name="T49" fmla="*/ 18 h 93"/>
                <a:gd name="T50" fmla="*/ 8 w 33"/>
                <a:gd name="T51" fmla="*/ 22 h 93"/>
                <a:gd name="T52" fmla="*/ 14 w 33"/>
                <a:gd name="T53" fmla="*/ 29 h 93"/>
                <a:gd name="T54" fmla="*/ 25 w 33"/>
                <a:gd name="T55" fmla="*/ 44 h 93"/>
                <a:gd name="T56" fmla="*/ 26 w 33"/>
                <a:gd name="T57" fmla="*/ 46 h 93"/>
                <a:gd name="T58" fmla="*/ 28 w 33"/>
                <a:gd name="T59" fmla="*/ 49 h 93"/>
                <a:gd name="T60" fmla="*/ 30 w 33"/>
                <a:gd name="T61" fmla="*/ 53 h 93"/>
                <a:gd name="T62" fmla="*/ 33 w 33"/>
                <a:gd name="T63" fmla="*/ 63 h 93"/>
                <a:gd name="T64" fmla="*/ 33 w 33"/>
                <a:gd name="T65" fmla="*/ 72 h 93"/>
                <a:gd name="T66" fmla="*/ 32 w 33"/>
                <a:gd name="T67" fmla="*/ 76 h 93"/>
                <a:gd name="T68" fmla="*/ 30 w 33"/>
                <a:gd name="T69" fmla="*/ 80 h 93"/>
                <a:gd name="T70" fmla="*/ 23 w 33"/>
                <a:gd name="T71" fmla="*/ 90 h 93"/>
                <a:gd name="T72" fmla="*/ 19 w 33"/>
                <a:gd name="T73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3" h="93">
                  <a:moveTo>
                    <a:pt x="19" y="93"/>
                  </a:moveTo>
                  <a:cubicBezTo>
                    <a:pt x="19" y="93"/>
                    <a:pt x="21" y="91"/>
                    <a:pt x="22" y="89"/>
                  </a:cubicBezTo>
                  <a:cubicBezTo>
                    <a:pt x="23" y="88"/>
                    <a:pt x="24" y="87"/>
                    <a:pt x="25" y="85"/>
                  </a:cubicBezTo>
                  <a:cubicBezTo>
                    <a:pt x="26" y="83"/>
                    <a:pt x="27" y="81"/>
                    <a:pt x="28" y="79"/>
                  </a:cubicBezTo>
                  <a:cubicBezTo>
                    <a:pt x="28" y="78"/>
                    <a:pt x="29" y="77"/>
                    <a:pt x="29" y="76"/>
                  </a:cubicBezTo>
                  <a:cubicBezTo>
                    <a:pt x="29" y="74"/>
                    <a:pt x="29" y="73"/>
                    <a:pt x="29" y="72"/>
                  </a:cubicBezTo>
                  <a:cubicBezTo>
                    <a:pt x="30" y="69"/>
                    <a:pt x="29" y="66"/>
                    <a:pt x="29" y="63"/>
                  </a:cubicBezTo>
                  <a:cubicBezTo>
                    <a:pt x="28" y="61"/>
                    <a:pt x="27" y="58"/>
                    <a:pt x="26" y="55"/>
                  </a:cubicBezTo>
                  <a:cubicBezTo>
                    <a:pt x="25" y="54"/>
                    <a:pt x="24" y="52"/>
                    <a:pt x="24" y="51"/>
                  </a:cubicBezTo>
                  <a:cubicBezTo>
                    <a:pt x="23" y="49"/>
                    <a:pt x="23" y="49"/>
                    <a:pt x="23" y="49"/>
                  </a:cubicBezTo>
                  <a:cubicBezTo>
                    <a:pt x="21" y="47"/>
                    <a:pt x="21" y="47"/>
                    <a:pt x="21" y="47"/>
                  </a:cubicBezTo>
                  <a:cubicBezTo>
                    <a:pt x="19" y="44"/>
                    <a:pt x="18" y="41"/>
                    <a:pt x="16" y="39"/>
                  </a:cubicBezTo>
                  <a:cubicBezTo>
                    <a:pt x="14" y="36"/>
                    <a:pt x="12" y="34"/>
                    <a:pt x="10" y="31"/>
                  </a:cubicBezTo>
                  <a:cubicBezTo>
                    <a:pt x="9" y="29"/>
                    <a:pt x="7" y="26"/>
                    <a:pt x="5" y="24"/>
                  </a:cubicBezTo>
                  <a:cubicBezTo>
                    <a:pt x="5" y="23"/>
                    <a:pt x="4" y="21"/>
                    <a:pt x="3" y="20"/>
                  </a:cubicBezTo>
                  <a:cubicBezTo>
                    <a:pt x="3" y="19"/>
                    <a:pt x="2" y="18"/>
                    <a:pt x="2" y="16"/>
                  </a:cubicBezTo>
                  <a:cubicBezTo>
                    <a:pt x="1" y="15"/>
                    <a:pt x="1" y="14"/>
                    <a:pt x="1" y="13"/>
                  </a:cubicBezTo>
                  <a:cubicBezTo>
                    <a:pt x="1" y="12"/>
                    <a:pt x="0" y="11"/>
                    <a:pt x="0" y="9"/>
                  </a:cubicBezTo>
                  <a:cubicBezTo>
                    <a:pt x="0" y="7"/>
                    <a:pt x="0" y="6"/>
                    <a:pt x="0" y="4"/>
                  </a:cubicBezTo>
                  <a:cubicBezTo>
                    <a:pt x="0" y="1"/>
                    <a:pt x="0" y="0"/>
                    <a:pt x="0" y="0"/>
                  </a:cubicBezTo>
                  <a:cubicBezTo>
                    <a:pt x="0" y="0"/>
                    <a:pt x="1" y="1"/>
                    <a:pt x="1" y="4"/>
                  </a:cubicBezTo>
                  <a:cubicBezTo>
                    <a:pt x="1" y="6"/>
                    <a:pt x="1" y="7"/>
                    <a:pt x="2" y="9"/>
                  </a:cubicBezTo>
                  <a:cubicBezTo>
                    <a:pt x="2" y="10"/>
                    <a:pt x="3" y="11"/>
                    <a:pt x="3" y="12"/>
                  </a:cubicBezTo>
                  <a:cubicBezTo>
                    <a:pt x="3" y="13"/>
                    <a:pt x="4" y="14"/>
                    <a:pt x="4" y="15"/>
                  </a:cubicBezTo>
                  <a:cubicBezTo>
                    <a:pt x="5" y="16"/>
                    <a:pt x="5" y="17"/>
                    <a:pt x="6" y="18"/>
                  </a:cubicBezTo>
                  <a:cubicBezTo>
                    <a:pt x="7" y="20"/>
                    <a:pt x="7" y="21"/>
                    <a:pt x="8" y="22"/>
                  </a:cubicBezTo>
                  <a:cubicBezTo>
                    <a:pt x="10" y="24"/>
                    <a:pt x="12" y="26"/>
                    <a:pt x="14" y="29"/>
                  </a:cubicBezTo>
                  <a:cubicBezTo>
                    <a:pt x="17" y="33"/>
                    <a:pt x="21" y="39"/>
                    <a:pt x="25" y="44"/>
                  </a:cubicBezTo>
                  <a:cubicBezTo>
                    <a:pt x="26" y="46"/>
                    <a:pt x="26" y="46"/>
                    <a:pt x="26" y="46"/>
                  </a:cubicBezTo>
                  <a:cubicBezTo>
                    <a:pt x="28" y="49"/>
                    <a:pt x="28" y="49"/>
                    <a:pt x="28" y="49"/>
                  </a:cubicBezTo>
                  <a:cubicBezTo>
                    <a:pt x="28" y="50"/>
                    <a:pt x="29" y="52"/>
                    <a:pt x="30" y="53"/>
                  </a:cubicBezTo>
                  <a:cubicBezTo>
                    <a:pt x="31" y="56"/>
                    <a:pt x="32" y="60"/>
                    <a:pt x="33" y="63"/>
                  </a:cubicBezTo>
                  <a:cubicBezTo>
                    <a:pt x="33" y="66"/>
                    <a:pt x="33" y="69"/>
                    <a:pt x="33" y="72"/>
                  </a:cubicBezTo>
                  <a:cubicBezTo>
                    <a:pt x="32" y="74"/>
                    <a:pt x="32" y="75"/>
                    <a:pt x="32" y="76"/>
                  </a:cubicBezTo>
                  <a:cubicBezTo>
                    <a:pt x="31" y="78"/>
                    <a:pt x="31" y="79"/>
                    <a:pt x="30" y="80"/>
                  </a:cubicBezTo>
                  <a:cubicBezTo>
                    <a:pt x="28" y="85"/>
                    <a:pt x="25" y="88"/>
                    <a:pt x="23" y="90"/>
                  </a:cubicBezTo>
                  <a:cubicBezTo>
                    <a:pt x="21" y="92"/>
                    <a:pt x="19" y="93"/>
                    <a:pt x="19" y="93"/>
                  </a:cubicBezTo>
                </a:path>
              </a:pathLst>
            </a:custGeom>
            <a:solidFill>
              <a:srgbClr val="E8E7E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8" name="Freeform 52"/>
            <p:cNvSpPr/>
            <p:nvPr/>
          </p:nvSpPr>
          <p:spPr bwMode="auto">
            <a:xfrm>
              <a:off x="4311650" y="2644775"/>
              <a:ext cx="141288" cy="395288"/>
            </a:xfrm>
            <a:custGeom>
              <a:avLst/>
              <a:gdLst>
                <a:gd name="T0" fmla="*/ 19 w 33"/>
                <a:gd name="T1" fmla="*/ 93 h 93"/>
                <a:gd name="T2" fmla="*/ 22 w 33"/>
                <a:gd name="T3" fmla="*/ 89 h 93"/>
                <a:gd name="T4" fmla="*/ 25 w 33"/>
                <a:gd name="T5" fmla="*/ 85 h 93"/>
                <a:gd name="T6" fmla="*/ 27 w 33"/>
                <a:gd name="T7" fmla="*/ 79 h 93"/>
                <a:gd name="T8" fmla="*/ 28 w 33"/>
                <a:gd name="T9" fmla="*/ 76 h 93"/>
                <a:gd name="T10" fmla="*/ 29 w 33"/>
                <a:gd name="T11" fmla="*/ 72 h 93"/>
                <a:gd name="T12" fmla="*/ 28 w 33"/>
                <a:gd name="T13" fmla="*/ 63 h 93"/>
                <a:gd name="T14" fmla="*/ 26 w 33"/>
                <a:gd name="T15" fmla="*/ 55 h 93"/>
                <a:gd name="T16" fmla="*/ 23 w 33"/>
                <a:gd name="T17" fmla="*/ 51 h 93"/>
                <a:gd name="T18" fmla="*/ 22 w 33"/>
                <a:gd name="T19" fmla="*/ 49 h 93"/>
                <a:gd name="T20" fmla="*/ 21 w 33"/>
                <a:gd name="T21" fmla="*/ 47 h 93"/>
                <a:gd name="T22" fmla="*/ 15 w 33"/>
                <a:gd name="T23" fmla="*/ 39 h 93"/>
                <a:gd name="T24" fmla="*/ 10 w 33"/>
                <a:gd name="T25" fmla="*/ 31 h 93"/>
                <a:gd name="T26" fmla="*/ 5 w 33"/>
                <a:gd name="T27" fmla="*/ 24 h 93"/>
                <a:gd name="T28" fmla="*/ 3 w 33"/>
                <a:gd name="T29" fmla="*/ 20 h 93"/>
                <a:gd name="T30" fmla="*/ 1 w 33"/>
                <a:gd name="T31" fmla="*/ 16 h 93"/>
                <a:gd name="T32" fmla="*/ 0 w 33"/>
                <a:gd name="T33" fmla="*/ 13 h 93"/>
                <a:gd name="T34" fmla="*/ 0 w 33"/>
                <a:gd name="T35" fmla="*/ 9 h 93"/>
                <a:gd name="T36" fmla="*/ 0 w 33"/>
                <a:gd name="T37" fmla="*/ 4 h 93"/>
                <a:gd name="T38" fmla="*/ 0 w 33"/>
                <a:gd name="T39" fmla="*/ 0 h 93"/>
                <a:gd name="T40" fmla="*/ 1 w 33"/>
                <a:gd name="T41" fmla="*/ 4 h 93"/>
                <a:gd name="T42" fmla="*/ 2 w 33"/>
                <a:gd name="T43" fmla="*/ 9 h 93"/>
                <a:gd name="T44" fmla="*/ 3 w 33"/>
                <a:gd name="T45" fmla="*/ 12 h 93"/>
                <a:gd name="T46" fmla="*/ 4 w 33"/>
                <a:gd name="T47" fmla="*/ 15 h 93"/>
                <a:gd name="T48" fmla="*/ 6 w 33"/>
                <a:gd name="T49" fmla="*/ 18 h 93"/>
                <a:gd name="T50" fmla="*/ 8 w 33"/>
                <a:gd name="T51" fmla="*/ 22 h 93"/>
                <a:gd name="T52" fmla="*/ 13 w 33"/>
                <a:gd name="T53" fmla="*/ 29 h 93"/>
                <a:gd name="T54" fmla="*/ 25 w 33"/>
                <a:gd name="T55" fmla="*/ 44 h 93"/>
                <a:gd name="T56" fmla="*/ 26 w 33"/>
                <a:gd name="T57" fmla="*/ 46 h 93"/>
                <a:gd name="T58" fmla="*/ 27 w 33"/>
                <a:gd name="T59" fmla="*/ 49 h 93"/>
                <a:gd name="T60" fmla="*/ 30 w 33"/>
                <a:gd name="T61" fmla="*/ 53 h 93"/>
                <a:gd name="T62" fmla="*/ 32 w 33"/>
                <a:gd name="T63" fmla="*/ 63 h 93"/>
                <a:gd name="T64" fmla="*/ 32 w 33"/>
                <a:gd name="T65" fmla="*/ 72 h 93"/>
                <a:gd name="T66" fmla="*/ 31 w 33"/>
                <a:gd name="T67" fmla="*/ 76 h 93"/>
                <a:gd name="T68" fmla="*/ 30 w 33"/>
                <a:gd name="T69" fmla="*/ 80 h 93"/>
                <a:gd name="T70" fmla="*/ 23 w 33"/>
                <a:gd name="T71" fmla="*/ 90 h 93"/>
                <a:gd name="T72" fmla="*/ 19 w 33"/>
                <a:gd name="T73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3" h="93">
                  <a:moveTo>
                    <a:pt x="19" y="93"/>
                  </a:moveTo>
                  <a:cubicBezTo>
                    <a:pt x="19" y="93"/>
                    <a:pt x="20" y="91"/>
                    <a:pt x="22" y="89"/>
                  </a:cubicBezTo>
                  <a:cubicBezTo>
                    <a:pt x="23" y="88"/>
                    <a:pt x="24" y="87"/>
                    <a:pt x="25" y="85"/>
                  </a:cubicBezTo>
                  <a:cubicBezTo>
                    <a:pt x="26" y="83"/>
                    <a:pt x="27" y="81"/>
                    <a:pt x="27" y="79"/>
                  </a:cubicBezTo>
                  <a:cubicBezTo>
                    <a:pt x="28" y="78"/>
                    <a:pt x="28" y="77"/>
                    <a:pt x="28" y="76"/>
                  </a:cubicBezTo>
                  <a:cubicBezTo>
                    <a:pt x="29" y="74"/>
                    <a:pt x="29" y="73"/>
                    <a:pt x="29" y="72"/>
                  </a:cubicBezTo>
                  <a:cubicBezTo>
                    <a:pt x="29" y="69"/>
                    <a:pt x="29" y="66"/>
                    <a:pt x="28" y="63"/>
                  </a:cubicBezTo>
                  <a:cubicBezTo>
                    <a:pt x="28" y="61"/>
                    <a:pt x="27" y="58"/>
                    <a:pt x="26" y="55"/>
                  </a:cubicBezTo>
                  <a:cubicBezTo>
                    <a:pt x="25" y="54"/>
                    <a:pt x="24" y="52"/>
                    <a:pt x="23" y="51"/>
                  </a:cubicBezTo>
                  <a:cubicBezTo>
                    <a:pt x="22" y="49"/>
                    <a:pt x="22" y="49"/>
                    <a:pt x="22" y="49"/>
                  </a:cubicBezTo>
                  <a:cubicBezTo>
                    <a:pt x="21" y="47"/>
                    <a:pt x="21" y="47"/>
                    <a:pt x="21" y="47"/>
                  </a:cubicBezTo>
                  <a:cubicBezTo>
                    <a:pt x="19" y="44"/>
                    <a:pt x="17" y="41"/>
                    <a:pt x="15" y="39"/>
                  </a:cubicBezTo>
                  <a:cubicBezTo>
                    <a:pt x="14" y="36"/>
                    <a:pt x="12" y="34"/>
                    <a:pt x="10" y="31"/>
                  </a:cubicBezTo>
                  <a:cubicBezTo>
                    <a:pt x="8" y="29"/>
                    <a:pt x="7" y="26"/>
                    <a:pt x="5" y="24"/>
                  </a:cubicBezTo>
                  <a:cubicBezTo>
                    <a:pt x="4" y="23"/>
                    <a:pt x="4" y="21"/>
                    <a:pt x="3" y="20"/>
                  </a:cubicBezTo>
                  <a:cubicBezTo>
                    <a:pt x="2" y="19"/>
                    <a:pt x="2" y="18"/>
                    <a:pt x="1" y="16"/>
                  </a:cubicBezTo>
                  <a:cubicBezTo>
                    <a:pt x="1" y="15"/>
                    <a:pt x="1" y="14"/>
                    <a:pt x="0" y="13"/>
                  </a:cubicBezTo>
                  <a:cubicBezTo>
                    <a:pt x="0" y="12"/>
                    <a:pt x="0" y="11"/>
                    <a:pt x="0" y="9"/>
                  </a:cubicBezTo>
                  <a:cubicBezTo>
                    <a:pt x="0" y="7"/>
                    <a:pt x="0" y="6"/>
                    <a:pt x="0" y="4"/>
                  </a:cubicBezTo>
                  <a:cubicBezTo>
                    <a:pt x="0" y="1"/>
                    <a:pt x="0" y="0"/>
                    <a:pt x="0" y="0"/>
                  </a:cubicBezTo>
                  <a:cubicBezTo>
                    <a:pt x="0" y="0"/>
                    <a:pt x="0" y="1"/>
                    <a:pt x="1" y="4"/>
                  </a:cubicBezTo>
                  <a:cubicBezTo>
                    <a:pt x="1" y="6"/>
                    <a:pt x="1" y="7"/>
                    <a:pt x="2" y="9"/>
                  </a:cubicBezTo>
                  <a:cubicBezTo>
                    <a:pt x="2" y="10"/>
                    <a:pt x="2" y="11"/>
                    <a:pt x="3" y="12"/>
                  </a:cubicBezTo>
                  <a:cubicBezTo>
                    <a:pt x="3" y="13"/>
                    <a:pt x="3" y="14"/>
                    <a:pt x="4" y="15"/>
                  </a:cubicBezTo>
                  <a:cubicBezTo>
                    <a:pt x="4" y="16"/>
                    <a:pt x="5" y="17"/>
                    <a:pt x="6" y="18"/>
                  </a:cubicBezTo>
                  <a:cubicBezTo>
                    <a:pt x="6" y="20"/>
                    <a:pt x="7" y="21"/>
                    <a:pt x="8" y="22"/>
                  </a:cubicBezTo>
                  <a:cubicBezTo>
                    <a:pt x="10" y="24"/>
                    <a:pt x="11" y="26"/>
                    <a:pt x="13" y="29"/>
                  </a:cubicBezTo>
                  <a:cubicBezTo>
                    <a:pt x="17" y="34"/>
                    <a:pt x="21" y="39"/>
                    <a:pt x="25" y="44"/>
                  </a:cubicBezTo>
                  <a:cubicBezTo>
                    <a:pt x="26" y="46"/>
                    <a:pt x="26" y="46"/>
                    <a:pt x="26" y="46"/>
                  </a:cubicBezTo>
                  <a:cubicBezTo>
                    <a:pt x="27" y="49"/>
                    <a:pt x="27" y="49"/>
                    <a:pt x="27" y="49"/>
                  </a:cubicBezTo>
                  <a:cubicBezTo>
                    <a:pt x="28" y="50"/>
                    <a:pt x="29" y="52"/>
                    <a:pt x="30" y="53"/>
                  </a:cubicBezTo>
                  <a:cubicBezTo>
                    <a:pt x="31" y="56"/>
                    <a:pt x="32" y="60"/>
                    <a:pt x="32" y="63"/>
                  </a:cubicBezTo>
                  <a:cubicBezTo>
                    <a:pt x="33" y="66"/>
                    <a:pt x="33" y="69"/>
                    <a:pt x="32" y="72"/>
                  </a:cubicBezTo>
                  <a:cubicBezTo>
                    <a:pt x="32" y="74"/>
                    <a:pt x="32" y="75"/>
                    <a:pt x="31" y="76"/>
                  </a:cubicBezTo>
                  <a:cubicBezTo>
                    <a:pt x="31" y="78"/>
                    <a:pt x="30" y="79"/>
                    <a:pt x="30" y="80"/>
                  </a:cubicBezTo>
                  <a:cubicBezTo>
                    <a:pt x="28" y="85"/>
                    <a:pt x="25" y="88"/>
                    <a:pt x="23" y="90"/>
                  </a:cubicBezTo>
                  <a:cubicBezTo>
                    <a:pt x="20" y="92"/>
                    <a:pt x="19" y="93"/>
                    <a:pt x="19" y="93"/>
                  </a:cubicBezTo>
                </a:path>
              </a:pathLst>
            </a:custGeom>
            <a:solidFill>
              <a:srgbClr val="E8E7E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69" name="Freeform 53"/>
            <p:cNvSpPr/>
            <p:nvPr/>
          </p:nvSpPr>
          <p:spPr bwMode="auto">
            <a:xfrm>
              <a:off x="4125913" y="2644775"/>
              <a:ext cx="144463" cy="395288"/>
            </a:xfrm>
            <a:custGeom>
              <a:avLst/>
              <a:gdLst>
                <a:gd name="T0" fmla="*/ 20 w 34"/>
                <a:gd name="T1" fmla="*/ 93 h 93"/>
                <a:gd name="T2" fmla="*/ 23 w 34"/>
                <a:gd name="T3" fmla="*/ 89 h 93"/>
                <a:gd name="T4" fmla="*/ 26 w 34"/>
                <a:gd name="T5" fmla="*/ 85 h 93"/>
                <a:gd name="T6" fmla="*/ 28 w 34"/>
                <a:gd name="T7" fmla="*/ 79 h 93"/>
                <a:gd name="T8" fmla="*/ 29 w 34"/>
                <a:gd name="T9" fmla="*/ 76 h 93"/>
                <a:gd name="T10" fmla="*/ 30 w 34"/>
                <a:gd name="T11" fmla="*/ 72 h 93"/>
                <a:gd name="T12" fmla="*/ 29 w 34"/>
                <a:gd name="T13" fmla="*/ 63 h 93"/>
                <a:gd name="T14" fmla="*/ 26 w 34"/>
                <a:gd name="T15" fmla="*/ 55 h 93"/>
                <a:gd name="T16" fmla="*/ 24 w 34"/>
                <a:gd name="T17" fmla="*/ 51 h 93"/>
                <a:gd name="T18" fmla="*/ 23 w 34"/>
                <a:gd name="T19" fmla="*/ 49 h 93"/>
                <a:gd name="T20" fmla="*/ 22 w 34"/>
                <a:gd name="T21" fmla="*/ 47 h 93"/>
                <a:gd name="T22" fmla="*/ 16 w 34"/>
                <a:gd name="T23" fmla="*/ 39 h 93"/>
                <a:gd name="T24" fmla="*/ 11 w 34"/>
                <a:gd name="T25" fmla="*/ 31 h 93"/>
                <a:gd name="T26" fmla="*/ 6 w 34"/>
                <a:gd name="T27" fmla="*/ 24 h 93"/>
                <a:gd name="T28" fmla="*/ 4 w 34"/>
                <a:gd name="T29" fmla="*/ 20 h 93"/>
                <a:gd name="T30" fmla="*/ 2 w 34"/>
                <a:gd name="T31" fmla="*/ 16 h 93"/>
                <a:gd name="T32" fmla="*/ 1 w 34"/>
                <a:gd name="T33" fmla="*/ 13 h 93"/>
                <a:gd name="T34" fmla="*/ 1 w 34"/>
                <a:gd name="T35" fmla="*/ 9 h 93"/>
                <a:gd name="T36" fmla="*/ 1 w 34"/>
                <a:gd name="T37" fmla="*/ 4 h 93"/>
                <a:gd name="T38" fmla="*/ 1 w 34"/>
                <a:gd name="T39" fmla="*/ 0 h 93"/>
                <a:gd name="T40" fmla="*/ 1 w 34"/>
                <a:gd name="T41" fmla="*/ 4 h 93"/>
                <a:gd name="T42" fmla="*/ 2 w 34"/>
                <a:gd name="T43" fmla="*/ 9 h 93"/>
                <a:gd name="T44" fmla="*/ 3 w 34"/>
                <a:gd name="T45" fmla="*/ 12 h 93"/>
                <a:gd name="T46" fmla="*/ 5 w 34"/>
                <a:gd name="T47" fmla="*/ 15 h 93"/>
                <a:gd name="T48" fmla="*/ 6 w 34"/>
                <a:gd name="T49" fmla="*/ 18 h 93"/>
                <a:gd name="T50" fmla="*/ 9 w 34"/>
                <a:gd name="T51" fmla="*/ 22 h 93"/>
                <a:gd name="T52" fmla="*/ 14 w 34"/>
                <a:gd name="T53" fmla="*/ 29 h 93"/>
                <a:gd name="T54" fmla="*/ 25 w 34"/>
                <a:gd name="T55" fmla="*/ 44 h 93"/>
                <a:gd name="T56" fmla="*/ 27 w 34"/>
                <a:gd name="T57" fmla="*/ 46 h 93"/>
                <a:gd name="T58" fmla="*/ 28 w 34"/>
                <a:gd name="T59" fmla="*/ 49 h 93"/>
                <a:gd name="T60" fmla="*/ 30 w 34"/>
                <a:gd name="T61" fmla="*/ 53 h 93"/>
                <a:gd name="T62" fmla="*/ 33 w 34"/>
                <a:gd name="T63" fmla="*/ 63 h 93"/>
                <a:gd name="T64" fmla="*/ 33 w 34"/>
                <a:gd name="T65" fmla="*/ 72 h 93"/>
                <a:gd name="T66" fmla="*/ 32 w 34"/>
                <a:gd name="T67" fmla="*/ 76 h 93"/>
                <a:gd name="T68" fmla="*/ 31 w 34"/>
                <a:gd name="T69" fmla="*/ 80 h 93"/>
                <a:gd name="T70" fmla="*/ 23 w 34"/>
                <a:gd name="T71" fmla="*/ 90 h 93"/>
                <a:gd name="T72" fmla="*/ 20 w 34"/>
                <a:gd name="T73" fmla="*/ 93 h 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4" h="93">
                  <a:moveTo>
                    <a:pt x="20" y="93"/>
                  </a:moveTo>
                  <a:cubicBezTo>
                    <a:pt x="20" y="93"/>
                    <a:pt x="21" y="91"/>
                    <a:pt x="23" y="89"/>
                  </a:cubicBezTo>
                  <a:cubicBezTo>
                    <a:pt x="24" y="88"/>
                    <a:pt x="25" y="87"/>
                    <a:pt x="26" y="85"/>
                  </a:cubicBezTo>
                  <a:cubicBezTo>
                    <a:pt x="26" y="83"/>
                    <a:pt x="27" y="81"/>
                    <a:pt x="28" y="79"/>
                  </a:cubicBezTo>
                  <a:cubicBezTo>
                    <a:pt x="29" y="78"/>
                    <a:pt x="29" y="77"/>
                    <a:pt x="29" y="76"/>
                  </a:cubicBezTo>
                  <a:cubicBezTo>
                    <a:pt x="29" y="74"/>
                    <a:pt x="30" y="73"/>
                    <a:pt x="30" y="72"/>
                  </a:cubicBezTo>
                  <a:cubicBezTo>
                    <a:pt x="30" y="69"/>
                    <a:pt x="30" y="66"/>
                    <a:pt x="29" y="63"/>
                  </a:cubicBezTo>
                  <a:cubicBezTo>
                    <a:pt x="29" y="61"/>
                    <a:pt x="28" y="58"/>
                    <a:pt x="26" y="55"/>
                  </a:cubicBezTo>
                  <a:cubicBezTo>
                    <a:pt x="26" y="54"/>
                    <a:pt x="25" y="52"/>
                    <a:pt x="24" y="51"/>
                  </a:cubicBezTo>
                  <a:cubicBezTo>
                    <a:pt x="23" y="49"/>
                    <a:pt x="23" y="49"/>
                    <a:pt x="23" y="49"/>
                  </a:cubicBezTo>
                  <a:cubicBezTo>
                    <a:pt x="22" y="47"/>
                    <a:pt x="22" y="47"/>
                    <a:pt x="22" y="47"/>
                  </a:cubicBezTo>
                  <a:cubicBezTo>
                    <a:pt x="20" y="44"/>
                    <a:pt x="18" y="41"/>
                    <a:pt x="16" y="39"/>
                  </a:cubicBezTo>
                  <a:cubicBezTo>
                    <a:pt x="14" y="36"/>
                    <a:pt x="12" y="34"/>
                    <a:pt x="11" y="31"/>
                  </a:cubicBezTo>
                  <a:cubicBezTo>
                    <a:pt x="9" y="29"/>
                    <a:pt x="7" y="26"/>
                    <a:pt x="6" y="24"/>
                  </a:cubicBezTo>
                  <a:cubicBezTo>
                    <a:pt x="5" y="22"/>
                    <a:pt x="4" y="21"/>
                    <a:pt x="4" y="20"/>
                  </a:cubicBezTo>
                  <a:cubicBezTo>
                    <a:pt x="3" y="19"/>
                    <a:pt x="2" y="18"/>
                    <a:pt x="2" y="16"/>
                  </a:cubicBezTo>
                  <a:cubicBezTo>
                    <a:pt x="2" y="15"/>
                    <a:pt x="1" y="14"/>
                    <a:pt x="1" y="13"/>
                  </a:cubicBezTo>
                  <a:cubicBezTo>
                    <a:pt x="1" y="12"/>
                    <a:pt x="1" y="11"/>
                    <a:pt x="1" y="9"/>
                  </a:cubicBezTo>
                  <a:cubicBezTo>
                    <a:pt x="0" y="7"/>
                    <a:pt x="0" y="6"/>
                    <a:pt x="1" y="4"/>
                  </a:cubicBezTo>
                  <a:cubicBezTo>
                    <a:pt x="1" y="1"/>
                    <a:pt x="1" y="0"/>
                    <a:pt x="1" y="0"/>
                  </a:cubicBezTo>
                  <a:cubicBezTo>
                    <a:pt x="1" y="0"/>
                    <a:pt x="1" y="1"/>
                    <a:pt x="1" y="4"/>
                  </a:cubicBezTo>
                  <a:cubicBezTo>
                    <a:pt x="2" y="6"/>
                    <a:pt x="2" y="7"/>
                    <a:pt x="2" y="9"/>
                  </a:cubicBezTo>
                  <a:cubicBezTo>
                    <a:pt x="3" y="10"/>
                    <a:pt x="3" y="11"/>
                    <a:pt x="3" y="12"/>
                  </a:cubicBezTo>
                  <a:cubicBezTo>
                    <a:pt x="4" y="13"/>
                    <a:pt x="4" y="14"/>
                    <a:pt x="5" y="15"/>
                  </a:cubicBezTo>
                  <a:cubicBezTo>
                    <a:pt x="5" y="16"/>
                    <a:pt x="6" y="17"/>
                    <a:pt x="6" y="18"/>
                  </a:cubicBezTo>
                  <a:cubicBezTo>
                    <a:pt x="7" y="20"/>
                    <a:pt x="8" y="21"/>
                    <a:pt x="9" y="22"/>
                  </a:cubicBezTo>
                  <a:cubicBezTo>
                    <a:pt x="10" y="24"/>
                    <a:pt x="12" y="26"/>
                    <a:pt x="14" y="29"/>
                  </a:cubicBezTo>
                  <a:cubicBezTo>
                    <a:pt x="18" y="33"/>
                    <a:pt x="22" y="39"/>
                    <a:pt x="25" y="44"/>
                  </a:cubicBezTo>
                  <a:cubicBezTo>
                    <a:pt x="27" y="46"/>
                    <a:pt x="27" y="46"/>
                    <a:pt x="27" y="46"/>
                  </a:cubicBezTo>
                  <a:cubicBezTo>
                    <a:pt x="28" y="49"/>
                    <a:pt x="28" y="49"/>
                    <a:pt x="28" y="49"/>
                  </a:cubicBezTo>
                  <a:cubicBezTo>
                    <a:pt x="29" y="50"/>
                    <a:pt x="30" y="52"/>
                    <a:pt x="30" y="53"/>
                  </a:cubicBezTo>
                  <a:cubicBezTo>
                    <a:pt x="32" y="56"/>
                    <a:pt x="33" y="60"/>
                    <a:pt x="33" y="63"/>
                  </a:cubicBezTo>
                  <a:cubicBezTo>
                    <a:pt x="34" y="66"/>
                    <a:pt x="34" y="69"/>
                    <a:pt x="33" y="72"/>
                  </a:cubicBezTo>
                  <a:cubicBezTo>
                    <a:pt x="33" y="74"/>
                    <a:pt x="33" y="75"/>
                    <a:pt x="32" y="76"/>
                  </a:cubicBezTo>
                  <a:cubicBezTo>
                    <a:pt x="32" y="78"/>
                    <a:pt x="31" y="79"/>
                    <a:pt x="31" y="80"/>
                  </a:cubicBezTo>
                  <a:cubicBezTo>
                    <a:pt x="28" y="85"/>
                    <a:pt x="25" y="88"/>
                    <a:pt x="23" y="90"/>
                  </a:cubicBezTo>
                  <a:cubicBezTo>
                    <a:pt x="21" y="92"/>
                    <a:pt x="20" y="93"/>
                    <a:pt x="20" y="93"/>
                  </a:cubicBezTo>
                </a:path>
              </a:pathLst>
            </a:custGeom>
            <a:solidFill>
              <a:srgbClr val="E8E7E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sp>
        <p:nvSpPr>
          <p:cNvPr id="66" name="矩形 65" descr="e7d195523061f1c0deeec63e560781cfd59afb0ea006f2a87ABB68BF51EA6619813959095094C18C62A12F549504892A4AAA8C1554C6663626E05CA27F281A14E6983772AFC3FB97135759321DEA3D70CCCB10945EC5A0322F42EAF0136AF4AAC38153657576C9C614D6BF3458A71769C96EBA9385BB73BA16B6B1B51552CD8B2D5F4D4C607F3CC6D89A3764DE32B2BD"/>
          <p:cNvSpPr/>
          <p:nvPr/>
        </p:nvSpPr>
        <p:spPr>
          <a:xfrm flipH="1">
            <a:off x="1169885" y="4631661"/>
            <a:ext cx="3781866" cy="830997"/>
          </a:xfrm>
          <a:prstGeom prst="rect">
            <a:avLst/>
          </a:prstGeom>
          <a:ln>
            <a:noFill/>
          </a:ln>
        </p:spPr>
        <p:txBody>
          <a:bodyPr wrap="square">
            <a:spAutoFit/>
          </a:bodyPr>
          <a:lstStyle/>
          <a:p>
            <a:pPr algn="ctr"/>
            <a:r>
              <a:rPr lang="en-US" altLang="zh-CN" sz="4800" b="1" dirty="0">
                <a:solidFill>
                  <a:srgbClr val="FFFFFF"/>
                </a:solidFill>
                <a:latin typeface="Franklin Gothic Demi" panose="020B0703020102020204" pitchFamily="34" charset="0"/>
                <a:ea typeface="微软雅黑" panose="020B0503020204020204" pitchFamily="34" charset="-122"/>
                <a:cs typeface="BrowalliaUPC" panose="020B0604020202020204" pitchFamily="34" charset="-34"/>
              </a:rPr>
              <a:t>CONTENTS</a:t>
            </a:r>
          </a:p>
        </p:txBody>
      </p:sp>
      <p:grpSp>
        <p:nvGrpSpPr>
          <p:cNvPr id="36" name="组合 35"/>
          <p:cNvGrpSpPr/>
          <p:nvPr/>
        </p:nvGrpSpPr>
        <p:grpSpPr>
          <a:xfrm>
            <a:off x="1483716" y="2218514"/>
            <a:ext cx="3015838" cy="1839718"/>
            <a:chOff x="1483716" y="2218514"/>
            <a:chExt cx="3015838" cy="1839718"/>
          </a:xfrm>
        </p:grpSpPr>
        <p:sp>
          <p:nvSpPr>
            <p:cNvPr id="2051" name="Rectangle 37"/>
            <p:cNvSpPr>
              <a:spLocks noChangeArrowheads="1"/>
            </p:cNvSpPr>
            <p:nvPr/>
          </p:nvSpPr>
          <p:spPr bwMode="auto">
            <a:xfrm>
              <a:off x="2573710" y="3812559"/>
              <a:ext cx="835850" cy="184961"/>
            </a:xfrm>
            <a:prstGeom prst="rect">
              <a:avLst/>
            </a:prstGeom>
            <a:solidFill>
              <a:srgbClr val="41414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52" name="Freeform 38"/>
            <p:cNvSpPr/>
            <p:nvPr/>
          </p:nvSpPr>
          <p:spPr bwMode="auto">
            <a:xfrm>
              <a:off x="1483716" y="3805500"/>
              <a:ext cx="3015838" cy="252732"/>
            </a:xfrm>
            <a:custGeom>
              <a:avLst/>
              <a:gdLst>
                <a:gd name="T0" fmla="*/ 763 w 800"/>
                <a:gd name="T1" fmla="*/ 0 h 67"/>
                <a:gd name="T2" fmla="*/ 500 w 800"/>
                <a:gd name="T3" fmla="*/ 0 h 67"/>
                <a:gd name="T4" fmla="*/ 475 w 800"/>
                <a:gd name="T5" fmla="*/ 22 h 67"/>
                <a:gd name="T6" fmla="*/ 325 w 800"/>
                <a:gd name="T7" fmla="*/ 22 h 67"/>
                <a:gd name="T8" fmla="*/ 300 w 800"/>
                <a:gd name="T9" fmla="*/ 0 h 67"/>
                <a:gd name="T10" fmla="*/ 38 w 800"/>
                <a:gd name="T11" fmla="*/ 0 h 67"/>
                <a:gd name="T12" fmla="*/ 0 w 800"/>
                <a:gd name="T13" fmla="*/ 33 h 67"/>
                <a:gd name="T14" fmla="*/ 38 w 800"/>
                <a:gd name="T15" fmla="*/ 67 h 67"/>
                <a:gd name="T16" fmla="*/ 763 w 800"/>
                <a:gd name="T17" fmla="*/ 67 h 67"/>
                <a:gd name="T18" fmla="*/ 800 w 800"/>
                <a:gd name="T19" fmla="*/ 33 h 67"/>
                <a:gd name="T20" fmla="*/ 763 w 800"/>
                <a:gd name="T21" fmla="*/ 0 h 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800" h="67">
                  <a:moveTo>
                    <a:pt x="763" y="0"/>
                  </a:moveTo>
                  <a:cubicBezTo>
                    <a:pt x="500" y="0"/>
                    <a:pt x="500" y="0"/>
                    <a:pt x="500" y="0"/>
                  </a:cubicBezTo>
                  <a:cubicBezTo>
                    <a:pt x="500" y="12"/>
                    <a:pt x="489" y="22"/>
                    <a:pt x="475" y="22"/>
                  </a:cubicBezTo>
                  <a:cubicBezTo>
                    <a:pt x="325" y="22"/>
                    <a:pt x="325" y="22"/>
                    <a:pt x="325" y="22"/>
                  </a:cubicBezTo>
                  <a:cubicBezTo>
                    <a:pt x="311" y="22"/>
                    <a:pt x="300" y="12"/>
                    <a:pt x="300" y="0"/>
                  </a:cubicBezTo>
                  <a:cubicBezTo>
                    <a:pt x="38" y="0"/>
                    <a:pt x="38" y="0"/>
                    <a:pt x="38" y="0"/>
                  </a:cubicBezTo>
                  <a:cubicBezTo>
                    <a:pt x="17" y="0"/>
                    <a:pt x="0" y="15"/>
                    <a:pt x="0" y="33"/>
                  </a:cubicBezTo>
                  <a:cubicBezTo>
                    <a:pt x="0" y="52"/>
                    <a:pt x="17" y="67"/>
                    <a:pt x="38" y="67"/>
                  </a:cubicBezTo>
                  <a:cubicBezTo>
                    <a:pt x="763" y="67"/>
                    <a:pt x="763" y="67"/>
                    <a:pt x="763" y="67"/>
                  </a:cubicBezTo>
                  <a:cubicBezTo>
                    <a:pt x="783" y="67"/>
                    <a:pt x="800" y="52"/>
                    <a:pt x="800" y="33"/>
                  </a:cubicBezTo>
                  <a:cubicBezTo>
                    <a:pt x="800" y="15"/>
                    <a:pt x="783" y="0"/>
                    <a:pt x="763" y="0"/>
                  </a:cubicBezTo>
                </a:path>
              </a:pathLst>
            </a:custGeom>
            <a:solidFill>
              <a:srgbClr val="E8E7E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55" name="Rectangle 39"/>
            <p:cNvSpPr>
              <a:spLocks noChangeArrowheads="1"/>
            </p:cNvSpPr>
            <p:nvPr/>
          </p:nvSpPr>
          <p:spPr bwMode="auto">
            <a:xfrm>
              <a:off x="1808455" y="2358293"/>
              <a:ext cx="2381892" cy="1341314"/>
            </a:xfrm>
            <a:prstGeom prst="rect">
              <a:avLst/>
            </a:prstGeom>
            <a:solidFill>
              <a:srgbClr val="00B5B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2056" name="Rectangle 40"/>
            <p:cNvSpPr>
              <a:spLocks noChangeArrowheads="1"/>
            </p:cNvSpPr>
            <p:nvPr/>
          </p:nvSpPr>
          <p:spPr bwMode="auto">
            <a:xfrm>
              <a:off x="1808455" y="2358293"/>
              <a:ext cx="2381892" cy="134131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9" name="直角三角形 68"/>
            <p:cNvSpPr/>
            <p:nvPr/>
          </p:nvSpPr>
          <p:spPr>
            <a:xfrm flipH="1" flipV="1">
              <a:off x="1766761" y="2306053"/>
              <a:ext cx="2444100" cy="1363905"/>
            </a:xfrm>
            <a:prstGeom prst="rtTriangle">
              <a:avLst/>
            </a:prstGeom>
            <a:solidFill>
              <a:srgbClr val="00A3A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2063" name="Freeform 47"/>
            <p:cNvSpPr>
              <a:spLocks noEditPoints="1"/>
            </p:cNvSpPr>
            <p:nvPr/>
          </p:nvSpPr>
          <p:spPr bwMode="auto">
            <a:xfrm>
              <a:off x="1648909" y="2218514"/>
              <a:ext cx="2684040" cy="1594046"/>
            </a:xfrm>
            <a:custGeom>
              <a:avLst/>
              <a:gdLst>
                <a:gd name="T0" fmla="*/ 646 w 712"/>
                <a:gd name="T1" fmla="*/ 0 h 423"/>
                <a:gd name="T2" fmla="*/ 67 w 712"/>
                <a:gd name="T3" fmla="*/ 0 h 423"/>
                <a:gd name="T4" fmla="*/ 0 w 712"/>
                <a:gd name="T5" fmla="*/ 67 h 423"/>
                <a:gd name="T6" fmla="*/ 0 w 712"/>
                <a:gd name="T7" fmla="*/ 356 h 423"/>
                <a:gd name="T8" fmla="*/ 67 w 712"/>
                <a:gd name="T9" fmla="*/ 423 h 423"/>
                <a:gd name="T10" fmla="*/ 646 w 712"/>
                <a:gd name="T11" fmla="*/ 423 h 423"/>
                <a:gd name="T12" fmla="*/ 712 w 712"/>
                <a:gd name="T13" fmla="*/ 356 h 423"/>
                <a:gd name="T14" fmla="*/ 712 w 712"/>
                <a:gd name="T15" fmla="*/ 67 h 423"/>
                <a:gd name="T16" fmla="*/ 646 w 712"/>
                <a:gd name="T17" fmla="*/ 0 h 423"/>
                <a:gd name="T18" fmla="*/ 668 w 712"/>
                <a:gd name="T19" fmla="*/ 356 h 423"/>
                <a:gd name="T20" fmla="*/ 646 w 712"/>
                <a:gd name="T21" fmla="*/ 378 h 423"/>
                <a:gd name="T22" fmla="*/ 67 w 712"/>
                <a:gd name="T23" fmla="*/ 378 h 423"/>
                <a:gd name="T24" fmla="*/ 44 w 712"/>
                <a:gd name="T25" fmla="*/ 356 h 423"/>
                <a:gd name="T26" fmla="*/ 44 w 712"/>
                <a:gd name="T27" fmla="*/ 67 h 423"/>
                <a:gd name="T28" fmla="*/ 67 w 712"/>
                <a:gd name="T29" fmla="*/ 44 h 423"/>
                <a:gd name="T30" fmla="*/ 646 w 712"/>
                <a:gd name="T31" fmla="*/ 44 h 423"/>
                <a:gd name="T32" fmla="*/ 668 w 712"/>
                <a:gd name="T33" fmla="*/ 67 h 423"/>
                <a:gd name="T34" fmla="*/ 668 w 712"/>
                <a:gd name="T35" fmla="*/ 356 h 4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712" h="423">
                  <a:moveTo>
                    <a:pt x="646" y="0"/>
                  </a:moveTo>
                  <a:cubicBezTo>
                    <a:pt x="67" y="0"/>
                    <a:pt x="67" y="0"/>
                    <a:pt x="67" y="0"/>
                  </a:cubicBezTo>
                  <a:cubicBezTo>
                    <a:pt x="30" y="0"/>
                    <a:pt x="0" y="30"/>
                    <a:pt x="0" y="67"/>
                  </a:cubicBezTo>
                  <a:cubicBezTo>
                    <a:pt x="0" y="356"/>
                    <a:pt x="0" y="356"/>
                    <a:pt x="0" y="356"/>
                  </a:cubicBezTo>
                  <a:cubicBezTo>
                    <a:pt x="0" y="393"/>
                    <a:pt x="30" y="423"/>
                    <a:pt x="67" y="423"/>
                  </a:cubicBezTo>
                  <a:cubicBezTo>
                    <a:pt x="646" y="423"/>
                    <a:pt x="646" y="423"/>
                    <a:pt x="646" y="423"/>
                  </a:cubicBezTo>
                  <a:cubicBezTo>
                    <a:pt x="682" y="423"/>
                    <a:pt x="712" y="393"/>
                    <a:pt x="712" y="356"/>
                  </a:cubicBezTo>
                  <a:cubicBezTo>
                    <a:pt x="712" y="67"/>
                    <a:pt x="712" y="67"/>
                    <a:pt x="712" y="67"/>
                  </a:cubicBezTo>
                  <a:cubicBezTo>
                    <a:pt x="712" y="30"/>
                    <a:pt x="682" y="0"/>
                    <a:pt x="646" y="0"/>
                  </a:cubicBezTo>
                  <a:moveTo>
                    <a:pt x="668" y="356"/>
                  </a:moveTo>
                  <a:cubicBezTo>
                    <a:pt x="668" y="368"/>
                    <a:pt x="658" y="378"/>
                    <a:pt x="646" y="378"/>
                  </a:cubicBezTo>
                  <a:cubicBezTo>
                    <a:pt x="67" y="378"/>
                    <a:pt x="67" y="378"/>
                    <a:pt x="67" y="378"/>
                  </a:cubicBezTo>
                  <a:cubicBezTo>
                    <a:pt x="54" y="378"/>
                    <a:pt x="44" y="368"/>
                    <a:pt x="44" y="356"/>
                  </a:cubicBezTo>
                  <a:cubicBezTo>
                    <a:pt x="44" y="67"/>
                    <a:pt x="44" y="67"/>
                    <a:pt x="44" y="67"/>
                  </a:cubicBezTo>
                  <a:cubicBezTo>
                    <a:pt x="44" y="54"/>
                    <a:pt x="54" y="44"/>
                    <a:pt x="67" y="44"/>
                  </a:cubicBezTo>
                  <a:cubicBezTo>
                    <a:pt x="646" y="44"/>
                    <a:pt x="646" y="44"/>
                    <a:pt x="646" y="44"/>
                  </a:cubicBezTo>
                  <a:cubicBezTo>
                    <a:pt x="658" y="44"/>
                    <a:pt x="668" y="54"/>
                    <a:pt x="668" y="67"/>
                  </a:cubicBezTo>
                  <a:lnTo>
                    <a:pt x="668" y="356"/>
                  </a:lnTo>
                  <a:close/>
                </a:path>
              </a:pathLst>
            </a:custGeom>
            <a:solidFill>
              <a:srgbClr val="66666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sp>
        <p:nvSpPr>
          <p:cNvPr id="67" name="文本框 66" descr="e7d195523061f1c0deeec63e560781cfd59afb0ea006f2a87ABB68BF51EA6619813959095094C18C62A12F549504892A4AAA8C1554C6663626E05CA27F281A14E6983772AFC3FB97135759321DEA3D709AACD122C08E6ED1C77BAD4A88EF4CD28A80260D8F97957F436F83C1F553EF0169027D0DBFA7A77088E1513DBDFC101C4B4DFF310B01A5021663E46B6BC2AAB5"/>
          <p:cNvSpPr txBox="1"/>
          <p:nvPr/>
        </p:nvSpPr>
        <p:spPr>
          <a:xfrm>
            <a:off x="2016694" y="2138501"/>
            <a:ext cx="1963999" cy="132343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1218565">
              <a:defRPr/>
            </a:pPr>
            <a:r>
              <a:rPr lang="zh-CN" altLang="en-US" sz="3200" b="1" kern="0" dirty="0">
                <a:solidFill>
                  <a:schemeClr val="tx1">
                    <a:lumMod val="85000"/>
                    <a:lumOff val="1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  </a:t>
            </a:r>
            <a:endParaRPr lang="en-US" altLang="zh-CN" sz="3200" b="1" kern="0" dirty="0">
              <a:solidFill>
                <a:schemeClr val="tx1">
                  <a:lumMod val="85000"/>
                  <a:lumOff val="15000"/>
                </a:schemeClr>
              </a:solidFill>
              <a:latin typeface="幼圆" panose="02010509060101010101" pitchFamily="49" charset="-122"/>
              <a:ea typeface="幼圆" panose="02010509060101010101" pitchFamily="49" charset="-122"/>
            </a:endParaRPr>
          </a:p>
          <a:p>
            <a:r>
              <a:rPr lang="zh-CN" altLang="en-US" sz="4800" b="1" dirty="0">
                <a:solidFill>
                  <a:srgbClr val="FEFEFE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Kartika" panose="02020503030404060203" pitchFamily="18" charset="0"/>
              </a:rPr>
              <a:t>目   录</a:t>
            </a:r>
            <a:endParaRPr lang="en-US" altLang="zh-CN" sz="4800" b="1" dirty="0">
              <a:solidFill>
                <a:srgbClr val="FEFEFE"/>
              </a:solidFill>
              <a:latin typeface="微软雅黑" panose="020B0503020204020204" pitchFamily="34" charset="-122"/>
              <a:ea typeface="微软雅黑" panose="020B0503020204020204" pitchFamily="34" charset="-122"/>
              <a:cs typeface="Kartika" panose="02020503030404060203" pitchFamily="18" charset="0"/>
            </a:endParaRPr>
          </a:p>
        </p:txBody>
      </p:sp>
      <p:grpSp>
        <p:nvGrpSpPr>
          <p:cNvPr id="32" name="组合 31"/>
          <p:cNvGrpSpPr/>
          <p:nvPr/>
        </p:nvGrpSpPr>
        <p:grpSpPr>
          <a:xfrm>
            <a:off x="7904726" y="5019870"/>
            <a:ext cx="885577" cy="885576"/>
            <a:chOff x="9548231" y="-1253842"/>
            <a:chExt cx="1358909" cy="1358907"/>
          </a:xfrm>
        </p:grpSpPr>
        <p:sp>
          <p:nvSpPr>
            <p:cNvPr id="78" name="Sev04"/>
            <p:cNvSpPr/>
            <p:nvPr/>
          </p:nvSpPr>
          <p:spPr>
            <a:xfrm>
              <a:off x="9548231" y="-1253842"/>
              <a:ext cx="1358909" cy="1358907"/>
            </a:xfrm>
            <a:prstGeom prst="ellipse">
              <a:avLst/>
            </a:prstGeom>
            <a:solidFill>
              <a:srgbClr val="FDB52D"/>
            </a:solidFill>
            <a:ln w="285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1375410"/>
              <a:endParaRPr lang="en-US" sz="5335" dirty="0">
                <a:solidFill>
                  <a:srgbClr val="F19B14">
                    <a:lumMod val="50000"/>
                  </a:srgbClr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79" name="Freeform 52"/>
            <p:cNvSpPr>
              <a:spLocks noEditPoints="1"/>
            </p:cNvSpPr>
            <p:nvPr/>
          </p:nvSpPr>
          <p:spPr bwMode="auto">
            <a:xfrm>
              <a:off x="9918890" y="-906608"/>
              <a:ext cx="617591" cy="664441"/>
            </a:xfrm>
            <a:custGeom>
              <a:avLst/>
              <a:gdLst/>
              <a:ahLst/>
              <a:cxnLst>
                <a:cxn ang="0">
                  <a:pos x="67" y="67"/>
                </a:cxn>
                <a:cxn ang="0">
                  <a:pos x="61" y="72"/>
                </a:cxn>
                <a:cxn ang="0">
                  <a:pos x="5" y="72"/>
                </a:cxn>
                <a:cxn ang="0">
                  <a:pos x="0" y="67"/>
                </a:cxn>
                <a:cxn ang="0">
                  <a:pos x="0" y="16"/>
                </a:cxn>
                <a:cxn ang="0">
                  <a:pos x="5" y="11"/>
                </a:cxn>
                <a:cxn ang="0">
                  <a:pos x="10" y="11"/>
                </a:cxn>
                <a:cxn ang="0">
                  <a:pos x="10" y="7"/>
                </a:cxn>
                <a:cxn ang="0">
                  <a:pos x="16" y="0"/>
                </a:cxn>
                <a:cxn ang="0">
                  <a:pos x="19" y="0"/>
                </a:cxn>
                <a:cxn ang="0">
                  <a:pos x="25" y="7"/>
                </a:cxn>
                <a:cxn ang="0">
                  <a:pos x="25" y="11"/>
                </a:cxn>
                <a:cxn ang="0">
                  <a:pos x="41" y="11"/>
                </a:cxn>
                <a:cxn ang="0">
                  <a:pos x="41" y="7"/>
                </a:cxn>
                <a:cxn ang="0">
                  <a:pos x="47" y="0"/>
                </a:cxn>
                <a:cxn ang="0">
                  <a:pos x="50" y="0"/>
                </a:cxn>
                <a:cxn ang="0">
                  <a:pos x="56" y="7"/>
                </a:cxn>
                <a:cxn ang="0">
                  <a:pos x="56" y="11"/>
                </a:cxn>
                <a:cxn ang="0">
                  <a:pos x="61" y="11"/>
                </a:cxn>
                <a:cxn ang="0">
                  <a:pos x="67" y="16"/>
                </a:cxn>
                <a:cxn ang="0">
                  <a:pos x="67" y="67"/>
                </a:cxn>
                <a:cxn ang="0">
                  <a:pos x="61" y="67"/>
                </a:cxn>
                <a:cxn ang="0">
                  <a:pos x="61" y="26"/>
                </a:cxn>
                <a:cxn ang="0">
                  <a:pos x="5" y="26"/>
                </a:cxn>
                <a:cxn ang="0">
                  <a:pos x="5" y="67"/>
                </a:cxn>
                <a:cxn ang="0">
                  <a:pos x="61" y="67"/>
                </a:cxn>
                <a:cxn ang="0">
                  <a:pos x="20" y="7"/>
                </a:cxn>
                <a:cxn ang="0">
                  <a:pos x="19" y="5"/>
                </a:cxn>
                <a:cxn ang="0">
                  <a:pos x="16" y="5"/>
                </a:cxn>
                <a:cxn ang="0">
                  <a:pos x="15" y="7"/>
                </a:cxn>
                <a:cxn ang="0">
                  <a:pos x="15" y="18"/>
                </a:cxn>
                <a:cxn ang="0">
                  <a:pos x="16" y="20"/>
                </a:cxn>
                <a:cxn ang="0">
                  <a:pos x="19" y="20"/>
                </a:cxn>
                <a:cxn ang="0">
                  <a:pos x="20" y="18"/>
                </a:cxn>
                <a:cxn ang="0">
                  <a:pos x="20" y="7"/>
                </a:cxn>
                <a:cxn ang="0">
                  <a:pos x="51" y="7"/>
                </a:cxn>
                <a:cxn ang="0">
                  <a:pos x="50" y="5"/>
                </a:cxn>
                <a:cxn ang="0">
                  <a:pos x="47" y="5"/>
                </a:cxn>
                <a:cxn ang="0">
                  <a:pos x="46" y="7"/>
                </a:cxn>
                <a:cxn ang="0">
                  <a:pos x="46" y="18"/>
                </a:cxn>
                <a:cxn ang="0">
                  <a:pos x="47" y="20"/>
                </a:cxn>
                <a:cxn ang="0">
                  <a:pos x="50" y="20"/>
                </a:cxn>
                <a:cxn ang="0">
                  <a:pos x="51" y="18"/>
                </a:cxn>
                <a:cxn ang="0">
                  <a:pos x="51" y="7"/>
                </a:cxn>
              </a:cxnLst>
              <a:rect l="0" t="0" r="r" b="b"/>
              <a:pathLst>
                <a:path w="67" h="72">
                  <a:moveTo>
                    <a:pt x="67" y="67"/>
                  </a:moveTo>
                  <a:cubicBezTo>
                    <a:pt x="67" y="70"/>
                    <a:pt x="64" y="72"/>
                    <a:pt x="61" y="72"/>
                  </a:cubicBezTo>
                  <a:cubicBezTo>
                    <a:pt x="5" y="72"/>
                    <a:pt x="5" y="72"/>
                    <a:pt x="5" y="72"/>
                  </a:cubicBezTo>
                  <a:cubicBezTo>
                    <a:pt x="2" y="72"/>
                    <a:pt x="0" y="70"/>
                    <a:pt x="0" y="67"/>
                  </a:cubicBezTo>
                  <a:cubicBezTo>
                    <a:pt x="0" y="16"/>
                    <a:pt x="0" y="16"/>
                    <a:pt x="0" y="16"/>
                  </a:cubicBezTo>
                  <a:cubicBezTo>
                    <a:pt x="0" y="13"/>
                    <a:pt x="2" y="11"/>
                    <a:pt x="5" y="11"/>
                  </a:cubicBezTo>
                  <a:cubicBezTo>
                    <a:pt x="10" y="11"/>
                    <a:pt x="10" y="11"/>
                    <a:pt x="10" y="11"/>
                  </a:cubicBezTo>
                  <a:cubicBezTo>
                    <a:pt x="10" y="7"/>
                    <a:pt x="10" y="7"/>
                    <a:pt x="10" y="7"/>
                  </a:cubicBezTo>
                  <a:cubicBezTo>
                    <a:pt x="10" y="3"/>
                    <a:pt x="13" y="0"/>
                    <a:pt x="16" y="0"/>
                  </a:cubicBezTo>
                  <a:cubicBezTo>
                    <a:pt x="19" y="0"/>
                    <a:pt x="19" y="0"/>
                    <a:pt x="19" y="0"/>
                  </a:cubicBezTo>
                  <a:cubicBezTo>
                    <a:pt x="23" y="0"/>
                    <a:pt x="25" y="3"/>
                    <a:pt x="25" y="7"/>
                  </a:cubicBezTo>
                  <a:cubicBezTo>
                    <a:pt x="25" y="11"/>
                    <a:pt x="25" y="11"/>
                    <a:pt x="25" y="11"/>
                  </a:cubicBezTo>
                  <a:cubicBezTo>
                    <a:pt x="41" y="11"/>
                    <a:pt x="41" y="11"/>
                    <a:pt x="41" y="11"/>
                  </a:cubicBezTo>
                  <a:cubicBezTo>
                    <a:pt x="41" y="7"/>
                    <a:pt x="41" y="7"/>
                    <a:pt x="41" y="7"/>
                  </a:cubicBezTo>
                  <a:cubicBezTo>
                    <a:pt x="41" y="3"/>
                    <a:pt x="44" y="0"/>
                    <a:pt x="47" y="0"/>
                  </a:cubicBezTo>
                  <a:cubicBezTo>
                    <a:pt x="50" y="0"/>
                    <a:pt x="50" y="0"/>
                    <a:pt x="50" y="0"/>
                  </a:cubicBezTo>
                  <a:cubicBezTo>
                    <a:pt x="53" y="0"/>
                    <a:pt x="56" y="3"/>
                    <a:pt x="56" y="7"/>
                  </a:cubicBezTo>
                  <a:cubicBezTo>
                    <a:pt x="56" y="11"/>
                    <a:pt x="56" y="11"/>
                    <a:pt x="56" y="11"/>
                  </a:cubicBezTo>
                  <a:cubicBezTo>
                    <a:pt x="61" y="11"/>
                    <a:pt x="61" y="11"/>
                    <a:pt x="61" y="11"/>
                  </a:cubicBezTo>
                  <a:cubicBezTo>
                    <a:pt x="64" y="11"/>
                    <a:pt x="67" y="13"/>
                    <a:pt x="67" y="16"/>
                  </a:cubicBezTo>
                  <a:lnTo>
                    <a:pt x="67" y="67"/>
                  </a:lnTo>
                  <a:close/>
                  <a:moveTo>
                    <a:pt x="61" y="67"/>
                  </a:moveTo>
                  <a:cubicBezTo>
                    <a:pt x="61" y="26"/>
                    <a:pt x="61" y="26"/>
                    <a:pt x="61" y="26"/>
                  </a:cubicBezTo>
                  <a:cubicBezTo>
                    <a:pt x="5" y="26"/>
                    <a:pt x="5" y="26"/>
                    <a:pt x="5" y="26"/>
                  </a:cubicBezTo>
                  <a:cubicBezTo>
                    <a:pt x="5" y="67"/>
                    <a:pt x="5" y="67"/>
                    <a:pt x="5" y="67"/>
                  </a:cubicBezTo>
                  <a:lnTo>
                    <a:pt x="61" y="67"/>
                  </a:lnTo>
                  <a:close/>
                  <a:moveTo>
                    <a:pt x="20" y="7"/>
                  </a:moveTo>
                  <a:cubicBezTo>
                    <a:pt x="20" y="6"/>
                    <a:pt x="20" y="5"/>
                    <a:pt x="19" y="5"/>
                  </a:cubicBezTo>
                  <a:cubicBezTo>
                    <a:pt x="16" y="5"/>
                    <a:pt x="16" y="5"/>
                    <a:pt x="16" y="5"/>
                  </a:cubicBezTo>
                  <a:cubicBezTo>
                    <a:pt x="16" y="5"/>
                    <a:pt x="15" y="6"/>
                    <a:pt x="15" y="7"/>
                  </a:cubicBezTo>
                  <a:cubicBezTo>
                    <a:pt x="15" y="18"/>
                    <a:pt x="15" y="18"/>
                    <a:pt x="15" y="18"/>
                  </a:cubicBezTo>
                  <a:cubicBezTo>
                    <a:pt x="15" y="19"/>
                    <a:pt x="16" y="20"/>
                    <a:pt x="16" y="20"/>
                  </a:cubicBezTo>
                  <a:cubicBezTo>
                    <a:pt x="19" y="20"/>
                    <a:pt x="19" y="20"/>
                    <a:pt x="19" y="20"/>
                  </a:cubicBezTo>
                  <a:cubicBezTo>
                    <a:pt x="20" y="20"/>
                    <a:pt x="20" y="19"/>
                    <a:pt x="20" y="18"/>
                  </a:cubicBezTo>
                  <a:lnTo>
                    <a:pt x="20" y="7"/>
                  </a:lnTo>
                  <a:close/>
                  <a:moveTo>
                    <a:pt x="51" y="7"/>
                  </a:moveTo>
                  <a:cubicBezTo>
                    <a:pt x="51" y="6"/>
                    <a:pt x="51" y="5"/>
                    <a:pt x="50" y="5"/>
                  </a:cubicBezTo>
                  <a:cubicBezTo>
                    <a:pt x="47" y="5"/>
                    <a:pt x="47" y="5"/>
                    <a:pt x="47" y="5"/>
                  </a:cubicBezTo>
                  <a:cubicBezTo>
                    <a:pt x="47" y="5"/>
                    <a:pt x="46" y="6"/>
                    <a:pt x="46" y="7"/>
                  </a:cubicBezTo>
                  <a:cubicBezTo>
                    <a:pt x="46" y="18"/>
                    <a:pt x="46" y="18"/>
                    <a:pt x="46" y="18"/>
                  </a:cubicBezTo>
                  <a:cubicBezTo>
                    <a:pt x="46" y="19"/>
                    <a:pt x="47" y="20"/>
                    <a:pt x="47" y="20"/>
                  </a:cubicBezTo>
                  <a:cubicBezTo>
                    <a:pt x="50" y="20"/>
                    <a:pt x="50" y="20"/>
                    <a:pt x="50" y="20"/>
                  </a:cubicBezTo>
                  <a:cubicBezTo>
                    <a:pt x="51" y="20"/>
                    <a:pt x="51" y="19"/>
                    <a:pt x="51" y="18"/>
                  </a:cubicBezTo>
                  <a:lnTo>
                    <a:pt x="51" y="7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</a:ln>
          </p:spPr>
          <p:txBody>
            <a:bodyPr vert="horz" wrap="square" lIns="121920" tIns="60960" rIns="121920" bIns="60960" numCol="1" anchor="t" anchorCtr="0" compatLnSpc="1"/>
            <a:lstStyle/>
            <a:p>
              <a:pPr defTabSz="1375410"/>
              <a:endParaRPr lang="en-US" sz="2665" dirty="0">
                <a:solidFill>
                  <a:srgbClr val="262626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35" name="组合 34"/>
          <p:cNvGrpSpPr/>
          <p:nvPr/>
        </p:nvGrpSpPr>
        <p:grpSpPr>
          <a:xfrm>
            <a:off x="7904732" y="1008199"/>
            <a:ext cx="885577" cy="885576"/>
            <a:chOff x="1483716" y="-1253842"/>
            <a:chExt cx="1358909" cy="1358907"/>
          </a:xfrm>
        </p:grpSpPr>
        <p:sp>
          <p:nvSpPr>
            <p:cNvPr id="75" name="Sev01"/>
            <p:cNvSpPr/>
            <p:nvPr/>
          </p:nvSpPr>
          <p:spPr>
            <a:xfrm>
              <a:off x="1483716" y="-1253842"/>
              <a:ext cx="1358909" cy="1358907"/>
            </a:xfrm>
            <a:prstGeom prst="ellipse">
              <a:avLst/>
            </a:prstGeom>
            <a:solidFill>
              <a:srgbClr val="288DBB"/>
            </a:solidFill>
            <a:ln w="285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1375410"/>
              <a:endParaRPr lang="en-US" sz="5335" dirty="0">
                <a:solidFill>
                  <a:srgbClr val="237DB9">
                    <a:lumMod val="50000"/>
                  </a:srgbClr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80" name="Freeform 42"/>
            <p:cNvSpPr>
              <a:spLocks noEditPoints="1"/>
            </p:cNvSpPr>
            <p:nvPr/>
          </p:nvSpPr>
          <p:spPr bwMode="auto">
            <a:xfrm>
              <a:off x="1826688" y="-864016"/>
              <a:ext cx="672960" cy="579257"/>
            </a:xfrm>
            <a:custGeom>
              <a:avLst/>
              <a:gdLst/>
              <a:ahLst/>
              <a:cxnLst>
                <a:cxn ang="0">
                  <a:pos x="73" y="47"/>
                </a:cxn>
                <a:cxn ang="0">
                  <a:pos x="67" y="53"/>
                </a:cxn>
                <a:cxn ang="0">
                  <a:pos x="46" y="53"/>
                </a:cxn>
                <a:cxn ang="0">
                  <a:pos x="48" y="60"/>
                </a:cxn>
                <a:cxn ang="0">
                  <a:pos x="46" y="63"/>
                </a:cxn>
                <a:cxn ang="0">
                  <a:pos x="26" y="63"/>
                </a:cxn>
                <a:cxn ang="0">
                  <a:pos x="24" y="60"/>
                </a:cxn>
                <a:cxn ang="0">
                  <a:pos x="26" y="53"/>
                </a:cxn>
                <a:cxn ang="0">
                  <a:pos x="6" y="53"/>
                </a:cxn>
                <a:cxn ang="0">
                  <a:pos x="0" y="47"/>
                </a:cxn>
                <a:cxn ang="0">
                  <a:pos x="0" y="6"/>
                </a:cxn>
                <a:cxn ang="0">
                  <a:pos x="6" y="0"/>
                </a:cxn>
                <a:cxn ang="0">
                  <a:pos x="67" y="0"/>
                </a:cxn>
                <a:cxn ang="0">
                  <a:pos x="73" y="6"/>
                </a:cxn>
                <a:cxn ang="0">
                  <a:pos x="73" y="47"/>
                </a:cxn>
                <a:cxn ang="0">
                  <a:pos x="68" y="6"/>
                </a:cxn>
                <a:cxn ang="0">
                  <a:pos x="67" y="5"/>
                </a:cxn>
                <a:cxn ang="0">
                  <a:pos x="6" y="5"/>
                </a:cxn>
                <a:cxn ang="0">
                  <a:pos x="5" y="6"/>
                </a:cxn>
                <a:cxn ang="0">
                  <a:pos x="5" y="37"/>
                </a:cxn>
                <a:cxn ang="0">
                  <a:pos x="6" y="39"/>
                </a:cxn>
                <a:cxn ang="0">
                  <a:pos x="67" y="39"/>
                </a:cxn>
                <a:cxn ang="0">
                  <a:pos x="68" y="37"/>
                </a:cxn>
                <a:cxn ang="0">
                  <a:pos x="68" y="6"/>
                </a:cxn>
              </a:cxnLst>
              <a:rect l="0" t="0" r="r" b="b"/>
              <a:pathLst>
                <a:path w="73" h="63">
                  <a:moveTo>
                    <a:pt x="73" y="47"/>
                  </a:moveTo>
                  <a:cubicBezTo>
                    <a:pt x="73" y="50"/>
                    <a:pt x="70" y="53"/>
                    <a:pt x="67" y="53"/>
                  </a:cubicBezTo>
                  <a:cubicBezTo>
                    <a:pt x="46" y="53"/>
                    <a:pt x="46" y="53"/>
                    <a:pt x="46" y="53"/>
                  </a:cubicBezTo>
                  <a:cubicBezTo>
                    <a:pt x="46" y="56"/>
                    <a:pt x="48" y="59"/>
                    <a:pt x="48" y="60"/>
                  </a:cubicBezTo>
                  <a:cubicBezTo>
                    <a:pt x="48" y="62"/>
                    <a:pt x="47" y="63"/>
                    <a:pt x="46" y="63"/>
                  </a:cubicBezTo>
                  <a:cubicBezTo>
                    <a:pt x="26" y="63"/>
                    <a:pt x="26" y="63"/>
                    <a:pt x="26" y="63"/>
                  </a:cubicBezTo>
                  <a:cubicBezTo>
                    <a:pt x="25" y="63"/>
                    <a:pt x="24" y="62"/>
                    <a:pt x="24" y="60"/>
                  </a:cubicBezTo>
                  <a:cubicBezTo>
                    <a:pt x="24" y="59"/>
                    <a:pt x="26" y="56"/>
                    <a:pt x="26" y="53"/>
                  </a:cubicBezTo>
                  <a:cubicBezTo>
                    <a:pt x="6" y="53"/>
                    <a:pt x="6" y="53"/>
                    <a:pt x="6" y="53"/>
                  </a:cubicBezTo>
                  <a:cubicBezTo>
                    <a:pt x="2" y="53"/>
                    <a:pt x="0" y="50"/>
                    <a:pt x="0" y="47"/>
                  </a:cubicBezTo>
                  <a:cubicBezTo>
                    <a:pt x="0" y="6"/>
                    <a:pt x="0" y="6"/>
                    <a:pt x="0" y="6"/>
                  </a:cubicBezTo>
                  <a:cubicBezTo>
                    <a:pt x="0" y="2"/>
                    <a:pt x="2" y="0"/>
                    <a:pt x="6" y="0"/>
                  </a:cubicBezTo>
                  <a:cubicBezTo>
                    <a:pt x="67" y="0"/>
                    <a:pt x="67" y="0"/>
                    <a:pt x="67" y="0"/>
                  </a:cubicBezTo>
                  <a:cubicBezTo>
                    <a:pt x="70" y="0"/>
                    <a:pt x="73" y="2"/>
                    <a:pt x="73" y="6"/>
                  </a:cubicBezTo>
                  <a:lnTo>
                    <a:pt x="73" y="47"/>
                  </a:lnTo>
                  <a:close/>
                  <a:moveTo>
                    <a:pt x="68" y="6"/>
                  </a:moveTo>
                  <a:cubicBezTo>
                    <a:pt x="68" y="5"/>
                    <a:pt x="67" y="5"/>
                    <a:pt x="67" y="5"/>
                  </a:cubicBezTo>
                  <a:cubicBezTo>
                    <a:pt x="6" y="5"/>
                    <a:pt x="6" y="5"/>
                    <a:pt x="6" y="5"/>
                  </a:cubicBezTo>
                  <a:cubicBezTo>
                    <a:pt x="5" y="5"/>
                    <a:pt x="5" y="5"/>
                    <a:pt x="5" y="6"/>
                  </a:cubicBezTo>
                  <a:cubicBezTo>
                    <a:pt x="5" y="37"/>
                    <a:pt x="5" y="37"/>
                    <a:pt x="5" y="37"/>
                  </a:cubicBezTo>
                  <a:cubicBezTo>
                    <a:pt x="5" y="38"/>
                    <a:pt x="5" y="39"/>
                    <a:pt x="6" y="39"/>
                  </a:cubicBezTo>
                  <a:cubicBezTo>
                    <a:pt x="67" y="39"/>
                    <a:pt x="67" y="39"/>
                    <a:pt x="67" y="39"/>
                  </a:cubicBezTo>
                  <a:cubicBezTo>
                    <a:pt x="67" y="39"/>
                    <a:pt x="68" y="38"/>
                    <a:pt x="68" y="37"/>
                  </a:cubicBezTo>
                  <a:lnTo>
                    <a:pt x="68" y="6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</a:ln>
          </p:spPr>
          <p:txBody>
            <a:bodyPr vert="horz" wrap="square" lIns="121920" tIns="60960" rIns="121920" bIns="60960" numCol="1" anchor="t" anchorCtr="0" compatLnSpc="1"/>
            <a:lstStyle/>
            <a:p>
              <a:pPr defTabSz="1375410"/>
              <a:endParaRPr lang="en-US" sz="2665" dirty="0">
                <a:solidFill>
                  <a:srgbClr val="262626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33" name="组合 32"/>
          <p:cNvGrpSpPr/>
          <p:nvPr/>
        </p:nvGrpSpPr>
        <p:grpSpPr>
          <a:xfrm>
            <a:off x="7904728" y="3677102"/>
            <a:ext cx="885577" cy="885576"/>
            <a:chOff x="6898464" y="-1253842"/>
            <a:chExt cx="1358909" cy="1358907"/>
          </a:xfrm>
        </p:grpSpPr>
        <p:sp>
          <p:nvSpPr>
            <p:cNvPr id="77" name="Sev03"/>
            <p:cNvSpPr/>
            <p:nvPr/>
          </p:nvSpPr>
          <p:spPr>
            <a:xfrm>
              <a:off x="6898464" y="-1253842"/>
              <a:ext cx="1358909" cy="1358907"/>
            </a:xfrm>
            <a:prstGeom prst="ellipse">
              <a:avLst/>
            </a:prstGeom>
            <a:solidFill>
              <a:srgbClr val="E04548"/>
            </a:solidFill>
            <a:ln w="285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1375410"/>
              <a:endParaRPr lang="en-US" sz="5335" dirty="0">
                <a:solidFill>
                  <a:srgbClr val="9BB955">
                    <a:lumMod val="50000"/>
                  </a:srgbClr>
                </a:solidFill>
                <a:latin typeface="Agency FB" panose="020B0503020202020204" pitchFamily="34" charset="0"/>
                <a:cs typeface="+mj-cs"/>
              </a:endParaRPr>
            </a:p>
          </p:txBody>
        </p:sp>
        <p:sp>
          <p:nvSpPr>
            <p:cNvPr id="81" name="Freeform 178"/>
            <p:cNvSpPr>
              <a:spLocks noEditPoints="1"/>
            </p:cNvSpPr>
            <p:nvPr/>
          </p:nvSpPr>
          <p:spPr bwMode="auto">
            <a:xfrm>
              <a:off x="7241436" y="-827813"/>
              <a:ext cx="672960" cy="506852"/>
            </a:xfrm>
            <a:custGeom>
              <a:avLst/>
              <a:gdLst/>
              <a:ahLst/>
              <a:cxnLst>
                <a:cxn ang="0">
                  <a:pos x="158" y="119"/>
                </a:cxn>
                <a:cxn ang="0">
                  <a:pos x="0" y="119"/>
                </a:cxn>
                <a:cxn ang="0">
                  <a:pos x="0" y="0"/>
                </a:cxn>
                <a:cxn ang="0">
                  <a:pos x="9" y="0"/>
                </a:cxn>
                <a:cxn ang="0">
                  <a:pos x="9" y="108"/>
                </a:cxn>
                <a:cxn ang="0">
                  <a:pos x="158" y="108"/>
                </a:cxn>
                <a:cxn ang="0">
                  <a:pos x="158" y="119"/>
                </a:cxn>
                <a:cxn ang="0">
                  <a:pos x="50" y="99"/>
                </a:cxn>
                <a:cxn ang="0">
                  <a:pos x="29" y="99"/>
                </a:cxn>
                <a:cxn ang="0">
                  <a:pos x="29" y="60"/>
                </a:cxn>
                <a:cxn ang="0">
                  <a:pos x="50" y="60"/>
                </a:cxn>
                <a:cxn ang="0">
                  <a:pos x="50" y="99"/>
                </a:cxn>
                <a:cxn ang="0">
                  <a:pos x="78" y="99"/>
                </a:cxn>
                <a:cxn ang="0">
                  <a:pos x="59" y="99"/>
                </a:cxn>
                <a:cxn ang="0">
                  <a:pos x="59" y="19"/>
                </a:cxn>
                <a:cxn ang="0">
                  <a:pos x="78" y="19"/>
                </a:cxn>
                <a:cxn ang="0">
                  <a:pos x="78" y="99"/>
                </a:cxn>
                <a:cxn ang="0">
                  <a:pos x="109" y="99"/>
                </a:cxn>
                <a:cxn ang="0">
                  <a:pos x="89" y="99"/>
                </a:cxn>
                <a:cxn ang="0">
                  <a:pos x="89" y="39"/>
                </a:cxn>
                <a:cxn ang="0">
                  <a:pos x="109" y="39"/>
                </a:cxn>
                <a:cxn ang="0">
                  <a:pos x="109" y="99"/>
                </a:cxn>
                <a:cxn ang="0">
                  <a:pos x="139" y="99"/>
                </a:cxn>
                <a:cxn ang="0">
                  <a:pos x="119" y="99"/>
                </a:cxn>
                <a:cxn ang="0">
                  <a:pos x="119" y="11"/>
                </a:cxn>
                <a:cxn ang="0">
                  <a:pos x="139" y="11"/>
                </a:cxn>
                <a:cxn ang="0">
                  <a:pos x="139" y="99"/>
                </a:cxn>
              </a:cxnLst>
              <a:rect l="0" t="0" r="r" b="b"/>
              <a:pathLst>
                <a:path w="158" h="119">
                  <a:moveTo>
                    <a:pt x="158" y="119"/>
                  </a:moveTo>
                  <a:lnTo>
                    <a:pt x="0" y="119"/>
                  </a:lnTo>
                  <a:lnTo>
                    <a:pt x="0" y="0"/>
                  </a:lnTo>
                  <a:lnTo>
                    <a:pt x="9" y="0"/>
                  </a:lnTo>
                  <a:lnTo>
                    <a:pt x="9" y="108"/>
                  </a:lnTo>
                  <a:lnTo>
                    <a:pt x="158" y="108"/>
                  </a:lnTo>
                  <a:lnTo>
                    <a:pt x="158" y="119"/>
                  </a:lnTo>
                  <a:close/>
                  <a:moveTo>
                    <a:pt x="50" y="99"/>
                  </a:moveTo>
                  <a:lnTo>
                    <a:pt x="29" y="99"/>
                  </a:lnTo>
                  <a:lnTo>
                    <a:pt x="29" y="60"/>
                  </a:lnTo>
                  <a:lnTo>
                    <a:pt x="50" y="60"/>
                  </a:lnTo>
                  <a:lnTo>
                    <a:pt x="50" y="99"/>
                  </a:lnTo>
                  <a:close/>
                  <a:moveTo>
                    <a:pt x="78" y="99"/>
                  </a:moveTo>
                  <a:lnTo>
                    <a:pt x="59" y="99"/>
                  </a:lnTo>
                  <a:lnTo>
                    <a:pt x="59" y="19"/>
                  </a:lnTo>
                  <a:lnTo>
                    <a:pt x="78" y="19"/>
                  </a:lnTo>
                  <a:lnTo>
                    <a:pt x="78" y="99"/>
                  </a:lnTo>
                  <a:close/>
                  <a:moveTo>
                    <a:pt x="109" y="99"/>
                  </a:moveTo>
                  <a:lnTo>
                    <a:pt x="89" y="99"/>
                  </a:lnTo>
                  <a:lnTo>
                    <a:pt x="89" y="39"/>
                  </a:lnTo>
                  <a:lnTo>
                    <a:pt x="109" y="39"/>
                  </a:lnTo>
                  <a:lnTo>
                    <a:pt x="109" y="99"/>
                  </a:lnTo>
                  <a:close/>
                  <a:moveTo>
                    <a:pt x="139" y="99"/>
                  </a:moveTo>
                  <a:lnTo>
                    <a:pt x="119" y="99"/>
                  </a:lnTo>
                  <a:lnTo>
                    <a:pt x="119" y="11"/>
                  </a:lnTo>
                  <a:lnTo>
                    <a:pt x="139" y="11"/>
                  </a:lnTo>
                  <a:lnTo>
                    <a:pt x="139" y="99"/>
                  </a:ln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</a:ln>
          </p:spPr>
          <p:txBody>
            <a:bodyPr vert="horz" wrap="square" lIns="121920" tIns="60960" rIns="121920" bIns="60960" numCol="1" anchor="t" anchorCtr="0" compatLnSpc="1"/>
            <a:lstStyle/>
            <a:p>
              <a:pPr defTabSz="1375410"/>
              <a:endParaRPr lang="en-US" sz="2665" dirty="0">
                <a:solidFill>
                  <a:srgbClr val="262626"/>
                </a:solidFill>
                <a:latin typeface="Agency FB" panose="020B0503020202020204" pitchFamily="34" charset="0"/>
              </a:endParaRPr>
            </a:p>
          </p:txBody>
        </p:sp>
      </p:grpSp>
      <p:grpSp>
        <p:nvGrpSpPr>
          <p:cNvPr id="34" name="组合 33"/>
          <p:cNvGrpSpPr/>
          <p:nvPr/>
        </p:nvGrpSpPr>
        <p:grpSpPr>
          <a:xfrm>
            <a:off x="7904729" y="2339867"/>
            <a:ext cx="885577" cy="885576"/>
            <a:chOff x="4182855" y="-1253842"/>
            <a:chExt cx="1358909" cy="1358907"/>
          </a:xfrm>
        </p:grpSpPr>
        <p:sp>
          <p:nvSpPr>
            <p:cNvPr id="76" name="Sev02"/>
            <p:cNvSpPr/>
            <p:nvPr/>
          </p:nvSpPr>
          <p:spPr>
            <a:xfrm>
              <a:off x="4182855" y="-1253842"/>
              <a:ext cx="1358909" cy="1358907"/>
            </a:xfrm>
            <a:prstGeom prst="ellipse">
              <a:avLst/>
            </a:prstGeom>
            <a:solidFill>
              <a:srgbClr val="12B19F"/>
            </a:solidFill>
            <a:ln w="28575"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1375410"/>
              <a:endParaRPr lang="en-US" sz="8000" dirty="0">
                <a:solidFill>
                  <a:srgbClr val="15AA96">
                    <a:lumMod val="50000"/>
                  </a:srgbClr>
                </a:solidFill>
                <a:latin typeface="Agency FB" panose="020B0503020202020204" pitchFamily="34" charset="0"/>
              </a:endParaRPr>
            </a:p>
          </p:txBody>
        </p:sp>
        <p:sp>
          <p:nvSpPr>
            <p:cNvPr id="82" name="Freeform 86"/>
            <p:cNvSpPr>
              <a:spLocks noEditPoints="1"/>
            </p:cNvSpPr>
            <p:nvPr/>
          </p:nvSpPr>
          <p:spPr bwMode="auto">
            <a:xfrm>
              <a:off x="4631881" y="-962089"/>
              <a:ext cx="460857" cy="775404"/>
            </a:xfrm>
            <a:custGeom>
              <a:avLst/>
              <a:gdLst/>
              <a:ahLst/>
              <a:cxnLst>
                <a:cxn ang="0">
                  <a:pos x="29" y="44"/>
                </a:cxn>
                <a:cxn ang="0">
                  <a:pos x="24" y="49"/>
                </a:cxn>
                <a:cxn ang="0">
                  <a:pos x="5" y="49"/>
                </a:cxn>
                <a:cxn ang="0">
                  <a:pos x="0" y="44"/>
                </a:cxn>
                <a:cxn ang="0">
                  <a:pos x="0" y="5"/>
                </a:cxn>
                <a:cxn ang="0">
                  <a:pos x="5" y="0"/>
                </a:cxn>
                <a:cxn ang="0">
                  <a:pos x="24" y="0"/>
                </a:cxn>
                <a:cxn ang="0">
                  <a:pos x="29" y="5"/>
                </a:cxn>
                <a:cxn ang="0">
                  <a:pos x="29" y="44"/>
                </a:cxn>
                <a:cxn ang="0">
                  <a:pos x="25" y="11"/>
                </a:cxn>
                <a:cxn ang="0">
                  <a:pos x="24" y="10"/>
                </a:cxn>
                <a:cxn ang="0">
                  <a:pos x="5" y="10"/>
                </a:cxn>
                <a:cxn ang="0">
                  <a:pos x="3" y="11"/>
                </a:cxn>
                <a:cxn ang="0">
                  <a:pos x="3" y="38"/>
                </a:cxn>
                <a:cxn ang="0">
                  <a:pos x="5" y="39"/>
                </a:cxn>
                <a:cxn ang="0">
                  <a:pos x="24" y="39"/>
                </a:cxn>
                <a:cxn ang="0">
                  <a:pos x="25" y="38"/>
                </a:cxn>
                <a:cxn ang="0">
                  <a:pos x="25" y="11"/>
                </a:cxn>
                <a:cxn ang="0">
                  <a:pos x="17" y="5"/>
                </a:cxn>
                <a:cxn ang="0">
                  <a:pos x="11" y="5"/>
                </a:cxn>
                <a:cxn ang="0">
                  <a:pos x="11" y="6"/>
                </a:cxn>
                <a:cxn ang="0">
                  <a:pos x="11" y="6"/>
                </a:cxn>
                <a:cxn ang="0">
                  <a:pos x="17" y="6"/>
                </a:cxn>
                <a:cxn ang="0">
                  <a:pos x="18" y="6"/>
                </a:cxn>
                <a:cxn ang="0">
                  <a:pos x="17" y="5"/>
                </a:cxn>
                <a:cxn ang="0">
                  <a:pos x="14" y="41"/>
                </a:cxn>
                <a:cxn ang="0">
                  <a:pos x="11" y="44"/>
                </a:cxn>
                <a:cxn ang="0">
                  <a:pos x="14" y="47"/>
                </a:cxn>
                <a:cxn ang="0">
                  <a:pos x="17" y="44"/>
                </a:cxn>
                <a:cxn ang="0">
                  <a:pos x="14" y="41"/>
                </a:cxn>
              </a:cxnLst>
              <a:rect l="0" t="0" r="r" b="b"/>
              <a:pathLst>
                <a:path w="29" h="49">
                  <a:moveTo>
                    <a:pt x="29" y="44"/>
                  </a:moveTo>
                  <a:cubicBezTo>
                    <a:pt x="29" y="47"/>
                    <a:pt x="27" y="49"/>
                    <a:pt x="24" y="49"/>
                  </a:cubicBezTo>
                  <a:cubicBezTo>
                    <a:pt x="5" y="49"/>
                    <a:pt x="5" y="49"/>
                    <a:pt x="5" y="49"/>
                  </a:cubicBezTo>
                  <a:cubicBezTo>
                    <a:pt x="2" y="49"/>
                    <a:pt x="0" y="47"/>
                    <a:pt x="0" y="44"/>
                  </a:cubicBezTo>
                  <a:cubicBezTo>
                    <a:pt x="0" y="5"/>
                    <a:pt x="0" y="5"/>
                    <a:pt x="0" y="5"/>
                  </a:cubicBezTo>
                  <a:cubicBezTo>
                    <a:pt x="0" y="3"/>
                    <a:pt x="2" y="0"/>
                    <a:pt x="5" y="0"/>
                  </a:cubicBezTo>
                  <a:cubicBezTo>
                    <a:pt x="24" y="0"/>
                    <a:pt x="24" y="0"/>
                    <a:pt x="24" y="0"/>
                  </a:cubicBezTo>
                  <a:cubicBezTo>
                    <a:pt x="27" y="0"/>
                    <a:pt x="29" y="3"/>
                    <a:pt x="29" y="5"/>
                  </a:cubicBezTo>
                  <a:lnTo>
                    <a:pt x="29" y="44"/>
                  </a:lnTo>
                  <a:close/>
                  <a:moveTo>
                    <a:pt x="25" y="11"/>
                  </a:moveTo>
                  <a:cubicBezTo>
                    <a:pt x="25" y="11"/>
                    <a:pt x="25" y="10"/>
                    <a:pt x="24" y="10"/>
                  </a:cubicBezTo>
                  <a:cubicBezTo>
                    <a:pt x="5" y="10"/>
                    <a:pt x="5" y="10"/>
                    <a:pt x="5" y="10"/>
                  </a:cubicBezTo>
                  <a:cubicBezTo>
                    <a:pt x="4" y="10"/>
                    <a:pt x="3" y="11"/>
                    <a:pt x="3" y="11"/>
                  </a:cubicBezTo>
                  <a:cubicBezTo>
                    <a:pt x="3" y="38"/>
                    <a:pt x="3" y="38"/>
                    <a:pt x="3" y="38"/>
                  </a:cubicBezTo>
                  <a:cubicBezTo>
                    <a:pt x="3" y="39"/>
                    <a:pt x="4" y="39"/>
                    <a:pt x="5" y="39"/>
                  </a:cubicBezTo>
                  <a:cubicBezTo>
                    <a:pt x="24" y="39"/>
                    <a:pt x="24" y="39"/>
                    <a:pt x="24" y="39"/>
                  </a:cubicBezTo>
                  <a:cubicBezTo>
                    <a:pt x="25" y="39"/>
                    <a:pt x="25" y="39"/>
                    <a:pt x="25" y="38"/>
                  </a:cubicBezTo>
                  <a:lnTo>
                    <a:pt x="25" y="11"/>
                  </a:lnTo>
                  <a:close/>
                  <a:moveTo>
                    <a:pt x="17" y="5"/>
                  </a:moveTo>
                  <a:cubicBezTo>
                    <a:pt x="11" y="5"/>
                    <a:pt x="11" y="5"/>
                    <a:pt x="11" y="5"/>
                  </a:cubicBezTo>
                  <a:cubicBezTo>
                    <a:pt x="11" y="5"/>
                    <a:pt x="11" y="6"/>
                    <a:pt x="11" y="6"/>
                  </a:cubicBezTo>
                  <a:cubicBezTo>
                    <a:pt x="11" y="6"/>
                    <a:pt x="11" y="6"/>
                    <a:pt x="11" y="6"/>
                  </a:cubicBezTo>
                  <a:cubicBezTo>
                    <a:pt x="17" y="6"/>
                    <a:pt x="17" y="6"/>
                    <a:pt x="17" y="6"/>
                  </a:cubicBezTo>
                  <a:cubicBezTo>
                    <a:pt x="18" y="6"/>
                    <a:pt x="18" y="6"/>
                    <a:pt x="18" y="6"/>
                  </a:cubicBezTo>
                  <a:cubicBezTo>
                    <a:pt x="18" y="6"/>
                    <a:pt x="18" y="5"/>
                    <a:pt x="17" y="5"/>
                  </a:cubicBezTo>
                  <a:close/>
                  <a:moveTo>
                    <a:pt x="14" y="41"/>
                  </a:moveTo>
                  <a:cubicBezTo>
                    <a:pt x="13" y="41"/>
                    <a:pt x="11" y="42"/>
                    <a:pt x="11" y="44"/>
                  </a:cubicBezTo>
                  <a:cubicBezTo>
                    <a:pt x="11" y="46"/>
                    <a:pt x="13" y="47"/>
                    <a:pt x="14" y="47"/>
                  </a:cubicBezTo>
                  <a:cubicBezTo>
                    <a:pt x="16" y="47"/>
                    <a:pt x="17" y="46"/>
                    <a:pt x="17" y="44"/>
                  </a:cubicBezTo>
                  <a:cubicBezTo>
                    <a:pt x="17" y="42"/>
                    <a:pt x="16" y="41"/>
                    <a:pt x="14" y="41"/>
                  </a:cubicBezTo>
                  <a:close/>
                </a:path>
              </a:pathLst>
            </a:custGeom>
            <a:solidFill>
              <a:srgbClr val="FFFFFF"/>
            </a:solidFill>
            <a:ln w="9525">
              <a:noFill/>
              <a:round/>
            </a:ln>
          </p:spPr>
          <p:txBody>
            <a:bodyPr vert="horz" wrap="square" lIns="121920" tIns="60960" rIns="121920" bIns="60960" numCol="1" anchor="t" anchorCtr="0" compatLnSpc="1"/>
            <a:lstStyle/>
            <a:p>
              <a:pPr defTabSz="1375410"/>
              <a:endParaRPr lang="en-US" sz="2665" dirty="0">
                <a:solidFill>
                  <a:srgbClr val="262626"/>
                </a:solidFill>
                <a:latin typeface="Agency FB" panose="020B0503020202020204" pitchFamily="34" charset="0"/>
              </a:endParaRPr>
            </a:p>
          </p:txBody>
        </p:sp>
      </p:grpSp>
      <p:sp>
        <p:nvSpPr>
          <p:cNvPr id="89" name="文本框 88"/>
          <p:cNvSpPr txBox="1"/>
          <p:nvPr/>
        </p:nvSpPr>
        <p:spPr>
          <a:xfrm>
            <a:off x="9095808" y="1092088"/>
            <a:ext cx="203773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3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分析</a:t>
            </a:r>
          </a:p>
        </p:txBody>
      </p:sp>
      <p:sp>
        <p:nvSpPr>
          <p:cNvPr id="90" name="文本框 89"/>
          <p:cNvSpPr txBox="1"/>
          <p:nvPr/>
        </p:nvSpPr>
        <p:spPr>
          <a:xfrm>
            <a:off x="9095808" y="2436269"/>
            <a:ext cx="203773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3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过程</a:t>
            </a:r>
          </a:p>
        </p:txBody>
      </p:sp>
      <p:sp>
        <p:nvSpPr>
          <p:cNvPr id="91" name="文本框 90"/>
          <p:cNvSpPr txBox="1"/>
          <p:nvPr/>
        </p:nvSpPr>
        <p:spPr>
          <a:xfrm>
            <a:off x="9095808" y="3769541"/>
            <a:ext cx="203773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3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策略</a:t>
            </a:r>
          </a:p>
        </p:txBody>
      </p:sp>
      <p:sp>
        <p:nvSpPr>
          <p:cNvPr id="92" name="文本框 91"/>
          <p:cNvSpPr txBox="1"/>
          <p:nvPr/>
        </p:nvSpPr>
        <p:spPr>
          <a:xfrm>
            <a:off x="9095808" y="5139492"/>
            <a:ext cx="2037737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3600" b="1" dirty="0">
                <a:solidFill>
                  <a:schemeClr val="tx1">
                    <a:lumMod val="65000"/>
                    <a:lumOff val="35000"/>
                  </a:schemeClr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反思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airplan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900" decel="100000" fill="hold"/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500"/>
                                        <p:tgtEl>
                                          <p:spTgt spid="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500"/>
                            </p:stCondLst>
                            <p:childTnLst>
                              <p:par>
                                <p:cTn id="16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20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2000"/>
                            </p:stCondLst>
                            <p:childTnLst>
                              <p:par>
                                <p:cTn id="20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2" dur="500"/>
                                        <p:tgtEl>
                                          <p:spTgt spid="20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2500"/>
                            </p:stCondLst>
                            <p:childTnLst>
                              <p:par>
                                <p:cTn id="24" presetID="2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7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500"/>
                            </p:stCondLst>
                            <p:childTnLst>
                              <p:par>
                                <p:cTn id="35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37" dur="500"/>
                                        <p:tgtEl>
                                          <p:spTgt spid="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4000"/>
                            </p:stCondLst>
                            <p:childTnLst>
                              <p:par>
                                <p:cTn id="39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1" dur="500"/>
                                        <p:tgtEl>
                                          <p:spTgt spid="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2" fill="hold">
                            <p:stCondLst>
                              <p:cond delay="4500"/>
                            </p:stCondLst>
                            <p:childTnLst>
                              <p:par>
                                <p:cTn id="43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45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46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47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48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5099"/>
                            </p:stCondLst>
                            <p:childTnLst>
                              <p:par>
                                <p:cTn id="50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2" dur="750" fill="hold"/>
                                        <p:tgtEl>
                                          <p:spTgt spid="6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750" fill="hold"/>
                                        <p:tgtEl>
                                          <p:spTgt spid="6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4" dur="750"/>
                                        <p:tgtEl>
                                          <p:spTgt spid="6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6099"/>
                            </p:stCondLst>
                            <p:childTnLst>
                              <p:par>
                                <p:cTn id="56" presetID="52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5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59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60" dur="10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1" presetID="52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6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63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64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65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6" presetID="52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6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69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70" dur="1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52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3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74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75" dur="1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6" fill="hold">
                            <p:stCondLst>
                              <p:cond delay="7099"/>
                            </p:stCondLst>
                            <p:childTnLst>
                              <p:par>
                                <p:cTn id="77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9" dur="10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0" dur="10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1" dur="900" decel="1000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2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3" presetID="37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85" dur="10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6" dur="10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7" dur="900" decel="1000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8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89" presetID="37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1" dur="10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2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3" dur="900" decel="100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5" presetID="37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97" dur="10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98" dur="10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9" dur="900" decel="1000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4" grpId="0" animBg="1"/>
      <p:bldP spid="60" grpId="0" animBg="1"/>
      <p:bldP spid="66" grpId="0"/>
      <p:bldP spid="67" grpId="0"/>
      <p:bldP spid="89" grpId="0"/>
      <p:bldP spid="90" grpId="0"/>
      <p:bldP spid="91" grpId="0"/>
      <p:bldP spid="92" grpId="0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06195" flipV="1">
            <a:off x="1006081" y="1449772"/>
            <a:ext cx="5561307" cy="5571406"/>
          </a:xfrm>
          <a:prstGeom prst="rect">
            <a:avLst/>
          </a:prstGeom>
        </p:spPr>
      </p:pic>
      <p:sp>
        <p:nvSpPr>
          <p:cNvPr id="56" name="文本框 55"/>
          <p:cNvSpPr txBox="1"/>
          <p:nvPr/>
        </p:nvSpPr>
        <p:spPr>
          <a:xfrm>
            <a:off x="8268369" y="1040219"/>
            <a:ext cx="2157963" cy="26468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66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4</a:t>
            </a:r>
            <a:endParaRPr lang="zh-CN" altLang="en-US" sz="16600" b="1" dirty="0">
              <a:solidFill>
                <a:srgbClr val="FFFFFF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57" name="文本框 56"/>
          <p:cNvSpPr txBox="1"/>
          <p:nvPr/>
        </p:nvSpPr>
        <p:spPr>
          <a:xfrm>
            <a:off x="7348906" y="4105138"/>
            <a:ext cx="389080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72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反思</a:t>
            </a:r>
          </a:p>
        </p:txBody>
      </p:sp>
      <p:cxnSp>
        <p:nvCxnSpPr>
          <p:cNvPr id="58" name="直接连接符 5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9295279" y="1753203"/>
            <a:ext cx="0" cy="396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100"/>
                            </p:stCondLst>
                            <p:childTnLst>
                              <p:par>
                                <p:cTn id="1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600"/>
                            </p:stCondLst>
                            <p:childTnLst>
                              <p:par>
                                <p:cTn id="2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900" decel="100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6" grpId="0"/>
      <p:bldP spid="57" grpId="0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六边形 85"/>
          <p:cNvSpPr/>
          <p:nvPr/>
        </p:nvSpPr>
        <p:spPr>
          <a:xfrm>
            <a:off x="2058088" y="3037112"/>
            <a:ext cx="624774" cy="539481"/>
          </a:xfrm>
          <a:prstGeom prst="hexagon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87" name="六边形 86"/>
          <p:cNvSpPr/>
          <p:nvPr/>
        </p:nvSpPr>
        <p:spPr>
          <a:xfrm>
            <a:off x="3960134" y="4853863"/>
            <a:ext cx="624774" cy="539481"/>
          </a:xfrm>
          <a:prstGeom prst="hexagon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88" name="六边形 87"/>
          <p:cNvSpPr/>
          <p:nvPr/>
        </p:nvSpPr>
        <p:spPr>
          <a:xfrm>
            <a:off x="5333359" y="4964745"/>
            <a:ext cx="624774" cy="539481"/>
          </a:xfrm>
          <a:prstGeom prst="hexagon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89" name="六边形 88"/>
          <p:cNvSpPr/>
          <p:nvPr/>
        </p:nvSpPr>
        <p:spPr>
          <a:xfrm>
            <a:off x="7158641" y="3090419"/>
            <a:ext cx="405144" cy="347572"/>
          </a:xfrm>
          <a:prstGeom prst="hexagon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0" name="六边形 89"/>
          <p:cNvSpPr/>
          <p:nvPr/>
        </p:nvSpPr>
        <p:spPr>
          <a:xfrm>
            <a:off x="6254529" y="2883583"/>
            <a:ext cx="594922" cy="513893"/>
          </a:xfrm>
          <a:prstGeom prst="hexagon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1" name="六边形 90"/>
          <p:cNvSpPr/>
          <p:nvPr/>
        </p:nvSpPr>
        <p:spPr>
          <a:xfrm>
            <a:off x="3608297" y="2499762"/>
            <a:ext cx="245220" cy="211101"/>
          </a:xfrm>
          <a:prstGeom prst="hexagon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2" name="六边形 91"/>
          <p:cNvSpPr/>
          <p:nvPr/>
        </p:nvSpPr>
        <p:spPr>
          <a:xfrm>
            <a:off x="5077479" y="4849599"/>
            <a:ext cx="275071" cy="238822"/>
          </a:xfrm>
          <a:prstGeom prst="hexagon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3" name="六边形 92"/>
          <p:cNvSpPr/>
          <p:nvPr/>
        </p:nvSpPr>
        <p:spPr>
          <a:xfrm>
            <a:off x="6830261" y="3397476"/>
            <a:ext cx="287865" cy="247351"/>
          </a:xfrm>
          <a:prstGeom prst="hexagon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4" name="六边形 93"/>
          <p:cNvSpPr/>
          <p:nvPr/>
        </p:nvSpPr>
        <p:spPr>
          <a:xfrm>
            <a:off x="3190359" y="2747114"/>
            <a:ext cx="481908" cy="413674"/>
          </a:xfrm>
          <a:prstGeom prst="hexagon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5" name="六边形 94"/>
          <p:cNvSpPr/>
          <p:nvPr/>
        </p:nvSpPr>
        <p:spPr>
          <a:xfrm>
            <a:off x="8730173" y="4777099"/>
            <a:ext cx="597055" cy="513893"/>
          </a:xfrm>
          <a:prstGeom prst="hexagon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6" name="六边形 95"/>
          <p:cNvSpPr/>
          <p:nvPr/>
        </p:nvSpPr>
        <p:spPr>
          <a:xfrm>
            <a:off x="9461566" y="4719525"/>
            <a:ext cx="430732" cy="371027"/>
          </a:xfrm>
          <a:prstGeom prst="hexagon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7" name="六边形 96"/>
          <p:cNvSpPr/>
          <p:nvPr/>
        </p:nvSpPr>
        <p:spPr>
          <a:xfrm>
            <a:off x="9335757" y="5169449"/>
            <a:ext cx="285733" cy="247351"/>
          </a:xfrm>
          <a:prstGeom prst="hexagon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sp>
        <p:nvSpPr>
          <p:cNvPr id="98" name="六边形 97"/>
          <p:cNvSpPr/>
          <p:nvPr/>
        </p:nvSpPr>
        <p:spPr>
          <a:xfrm>
            <a:off x="2774554" y="3107478"/>
            <a:ext cx="405144" cy="347572"/>
          </a:xfrm>
          <a:prstGeom prst="hexagon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921385" fontAlgn="auto">
              <a:spcBef>
                <a:spcPts val="0"/>
              </a:spcBef>
              <a:spcAft>
                <a:spcPts val="0"/>
              </a:spcAft>
              <a:defRPr/>
            </a:pPr>
            <a:endParaRPr lang="zh-CN" altLang="en-US"/>
          </a:p>
        </p:txBody>
      </p:sp>
      <p:grpSp>
        <p:nvGrpSpPr>
          <p:cNvPr id="99" name="组合 98"/>
          <p:cNvGrpSpPr/>
          <p:nvPr/>
        </p:nvGrpSpPr>
        <p:grpSpPr>
          <a:xfrm>
            <a:off x="1173167" y="3727989"/>
            <a:ext cx="2699540" cy="2328513"/>
            <a:chOff x="1088761" y="3123078"/>
            <a:chExt cx="2699540" cy="2328513"/>
          </a:xfrm>
        </p:grpSpPr>
        <p:sp>
          <p:nvSpPr>
            <p:cNvPr id="100" name="六边形 99"/>
            <p:cNvSpPr/>
            <p:nvPr/>
          </p:nvSpPr>
          <p:spPr>
            <a:xfrm>
              <a:off x="1088761" y="3123078"/>
              <a:ext cx="2699540" cy="2328513"/>
            </a:xfrm>
            <a:prstGeom prst="hexagon">
              <a:avLst/>
            </a:prstGeom>
            <a:solidFill>
              <a:srgbClr val="288DBB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5" name="TextBox 1"/>
            <p:cNvSpPr txBox="1">
              <a:spLocks noChangeArrowheads="1"/>
            </p:cNvSpPr>
            <p:nvPr/>
          </p:nvSpPr>
          <p:spPr bwMode="auto">
            <a:xfrm>
              <a:off x="1594126" y="4304393"/>
              <a:ext cx="1667488" cy="40011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/>
              <a:r>
                <a:rPr lang="zh-CN" altLang="en-US" sz="2000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添加标题</a:t>
              </a:r>
            </a:p>
          </p:txBody>
        </p:sp>
        <p:sp>
          <p:nvSpPr>
            <p:cNvPr id="106" name="流程图: 联系 2"/>
            <p:cNvSpPr/>
            <p:nvPr/>
          </p:nvSpPr>
          <p:spPr>
            <a:xfrm>
              <a:off x="2167724" y="3532487"/>
              <a:ext cx="545879" cy="539481"/>
            </a:xfrm>
            <a:custGeom>
              <a:avLst/>
              <a:gdLst/>
              <a:ahLst/>
              <a:cxnLst/>
              <a:rect l="l" t="t" r="r" b="b"/>
              <a:pathLst>
                <a:path w="802483" h="792958">
                  <a:moveTo>
                    <a:pt x="623890" y="697087"/>
                  </a:moveTo>
                  <a:lnTo>
                    <a:pt x="623890" y="764174"/>
                  </a:lnTo>
                  <a:cubicBezTo>
                    <a:pt x="581823" y="782953"/>
                    <a:pt x="533974" y="792958"/>
                    <a:pt x="483397" y="792958"/>
                  </a:cubicBezTo>
                  <a:cubicBezTo>
                    <a:pt x="429917" y="792958"/>
                    <a:pt x="379487" y="781771"/>
                    <a:pt x="335758" y="760851"/>
                  </a:cubicBezTo>
                  <a:lnTo>
                    <a:pt x="335758" y="700537"/>
                  </a:lnTo>
                  <a:cubicBezTo>
                    <a:pt x="376490" y="723218"/>
                    <a:pt x="424723" y="735769"/>
                    <a:pt x="476251" y="735769"/>
                  </a:cubicBezTo>
                  <a:cubicBezTo>
                    <a:pt x="530693" y="735769"/>
                    <a:pt x="581457" y="721758"/>
                    <a:pt x="623890" y="697087"/>
                  </a:cubicBezTo>
                  <a:close/>
                  <a:moveTo>
                    <a:pt x="302421" y="685181"/>
                  </a:moveTo>
                  <a:lnTo>
                    <a:pt x="302421" y="752268"/>
                  </a:lnTo>
                  <a:cubicBezTo>
                    <a:pt x="260354" y="771047"/>
                    <a:pt x="212505" y="781052"/>
                    <a:pt x="161928" y="781052"/>
                  </a:cubicBezTo>
                  <a:cubicBezTo>
                    <a:pt x="108448" y="781052"/>
                    <a:pt x="58018" y="769865"/>
                    <a:pt x="14289" y="748945"/>
                  </a:cubicBezTo>
                  <a:lnTo>
                    <a:pt x="14289" y="688631"/>
                  </a:lnTo>
                  <a:cubicBezTo>
                    <a:pt x="55021" y="711312"/>
                    <a:pt x="103254" y="723863"/>
                    <a:pt x="154782" y="723863"/>
                  </a:cubicBezTo>
                  <a:cubicBezTo>
                    <a:pt x="209224" y="723863"/>
                    <a:pt x="259988" y="709852"/>
                    <a:pt x="302421" y="685181"/>
                  </a:cubicBezTo>
                  <a:close/>
                  <a:moveTo>
                    <a:pt x="307183" y="628652"/>
                  </a:moveTo>
                  <a:lnTo>
                    <a:pt x="307183" y="678641"/>
                  </a:lnTo>
                  <a:cubicBezTo>
                    <a:pt x="265116" y="692634"/>
                    <a:pt x="217267" y="700089"/>
                    <a:pt x="166690" y="700089"/>
                  </a:cubicBezTo>
                  <a:cubicBezTo>
                    <a:pt x="113210" y="700089"/>
                    <a:pt x="62780" y="691753"/>
                    <a:pt x="19051" y="676165"/>
                  </a:cubicBezTo>
                  <a:lnTo>
                    <a:pt x="19051" y="631223"/>
                  </a:lnTo>
                  <a:cubicBezTo>
                    <a:pt x="59783" y="648123"/>
                    <a:pt x="108016" y="657475"/>
                    <a:pt x="159544" y="657475"/>
                  </a:cubicBezTo>
                  <a:cubicBezTo>
                    <a:pt x="213986" y="657475"/>
                    <a:pt x="264750" y="647035"/>
                    <a:pt x="307183" y="628652"/>
                  </a:cubicBezTo>
                  <a:close/>
                  <a:moveTo>
                    <a:pt x="623889" y="620887"/>
                  </a:moveTo>
                  <a:lnTo>
                    <a:pt x="623889" y="687974"/>
                  </a:lnTo>
                  <a:cubicBezTo>
                    <a:pt x="581822" y="706753"/>
                    <a:pt x="533973" y="716758"/>
                    <a:pt x="483396" y="716758"/>
                  </a:cubicBezTo>
                  <a:cubicBezTo>
                    <a:pt x="429916" y="716758"/>
                    <a:pt x="379486" y="705571"/>
                    <a:pt x="335757" y="684651"/>
                  </a:cubicBezTo>
                  <a:lnTo>
                    <a:pt x="335757" y="624337"/>
                  </a:lnTo>
                  <a:cubicBezTo>
                    <a:pt x="376489" y="647018"/>
                    <a:pt x="424722" y="659569"/>
                    <a:pt x="476250" y="659569"/>
                  </a:cubicBezTo>
                  <a:cubicBezTo>
                    <a:pt x="530692" y="659569"/>
                    <a:pt x="581456" y="645558"/>
                    <a:pt x="623889" y="620887"/>
                  </a:cubicBezTo>
                  <a:close/>
                  <a:moveTo>
                    <a:pt x="628652" y="552453"/>
                  </a:moveTo>
                  <a:lnTo>
                    <a:pt x="628652" y="602442"/>
                  </a:lnTo>
                  <a:cubicBezTo>
                    <a:pt x="586585" y="616435"/>
                    <a:pt x="538736" y="623890"/>
                    <a:pt x="488159" y="623890"/>
                  </a:cubicBezTo>
                  <a:cubicBezTo>
                    <a:pt x="434679" y="623890"/>
                    <a:pt x="384249" y="615554"/>
                    <a:pt x="340520" y="599966"/>
                  </a:cubicBezTo>
                  <a:lnTo>
                    <a:pt x="340520" y="555024"/>
                  </a:lnTo>
                  <a:cubicBezTo>
                    <a:pt x="381252" y="571924"/>
                    <a:pt x="429485" y="581276"/>
                    <a:pt x="481013" y="581276"/>
                  </a:cubicBezTo>
                  <a:cubicBezTo>
                    <a:pt x="535455" y="581276"/>
                    <a:pt x="586219" y="570836"/>
                    <a:pt x="628652" y="552453"/>
                  </a:cubicBezTo>
                  <a:close/>
                  <a:moveTo>
                    <a:pt x="304802" y="537544"/>
                  </a:moveTo>
                  <a:lnTo>
                    <a:pt x="304802" y="604631"/>
                  </a:lnTo>
                  <a:cubicBezTo>
                    <a:pt x="262735" y="623410"/>
                    <a:pt x="214886" y="633415"/>
                    <a:pt x="164309" y="633415"/>
                  </a:cubicBezTo>
                  <a:cubicBezTo>
                    <a:pt x="110829" y="633415"/>
                    <a:pt x="60399" y="622228"/>
                    <a:pt x="16670" y="601308"/>
                  </a:cubicBezTo>
                  <a:lnTo>
                    <a:pt x="16670" y="540994"/>
                  </a:lnTo>
                  <a:cubicBezTo>
                    <a:pt x="57402" y="563675"/>
                    <a:pt x="105635" y="576226"/>
                    <a:pt x="157163" y="576226"/>
                  </a:cubicBezTo>
                  <a:cubicBezTo>
                    <a:pt x="211605" y="576226"/>
                    <a:pt x="262369" y="562215"/>
                    <a:pt x="304802" y="537544"/>
                  </a:cubicBezTo>
                  <a:close/>
                  <a:moveTo>
                    <a:pt x="304802" y="463725"/>
                  </a:moveTo>
                  <a:lnTo>
                    <a:pt x="304802" y="530812"/>
                  </a:lnTo>
                  <a:cubicBezTo>
                    <a:pt x="262735" y="549591"/>
                    <a:pt x="214886" y="559596"/>
                    <a:pt x="164309" y="559596"/>
                  </a:cubicBezTo>
                  <a:cubicBezTo>
                    <a:pt x="110829" y="559596"/>
                    <a:pt x="60399" y="548409"/>
                    <a:pt x="16670" y="527489"/>
                  </a:cubicBezTo>
                  <a:lnTo>
                    <a:pt x="16670" y="467175"/>
                  </a:lnTo>
                  <a:cubicBezTo>
                    <a:pt x="57402" y="489856"/>
                    <a:pt x="105635" y="502407"/>
                    <a:pt x="157163" y="502407"/>
                  </a:cubicBezTo>
                  <a:cubicBezTo>
                    <a:pt x="211605" y="502407"/>
                    <a:pt x="262369" y="488396"/>
                    <a:pt x="304802" y="463725"/>
                  </a:cubicBezTo>
                  <a:close/>
                  <a:moveTo>
                    <a:pt x="488048" y="409575"/>
                  </a:moveTo>
                  <a:cubicBezTo>
                    <a:pt x="421116" y="409575"/>
                    <a:pt x="364585" y="426817"/>
                    <a:pt x="349612" y="452315"/>
                  </a:cubicBezTo>
                  <a:cubicBezTo>
                    <a:pt x="386630" y="474468"/>
                    <a:pt x="430121" y="485776"/>
                    <a:pt x="476252" y="485776"/>
                  </a:cubicBezTo>
                  <a:cubicBezTo>
                    <a:pt x="528922" y="485776"/>
                    <a:pt x="578149" y="471035"/>
                    <a:pt x="619362" y="444393"/>
                  </a:cubicBezTo>
                  <a:cubicBezTo>
                    <a:pt x="597925" y="422961"/>
                    <a:pt x="547026" y="409575"/>
                    <a:pt x="488048" y="409575"/>
                  </a:cubicBezTo>
                  <a:close/>
                  <a:moveTo>
                    <a:pt x="485776" y="385763"/>
                  </a:moveTo>
                  <a:cubicBezTo>
                    <a:pt x="567315" y="385763"/>
                    <a:pt x="633414" y="411350"/>
                    <a:pt x="633414" y="442913"/>
                  </a:cubicBezTo>
                  <a:lnTo>
                    <a:pt x="628341" y="452641"/>
                  </a:lnTo>
                  <a:lnTo>
                    <a:pt x="623891" y="448554"/>
                  </a:lnTo>
                  <a:lnTo>
                    <a:pt x="623891" y="517706"/>
                  </a:lnTo>
                  <a:cubicBezTo>
                    <a:pt x="581824" y="538816"/>
                    <a:pt x="533975" y="550063"/>
                    <a:pt x="483398" y="550063"/>
                  </a:cubicBezTo>
                  <a:cubicBezTo>
                    <a:pt x="429918" y="550063"/>
                    <a:pt x="379488" y="537487"/>
                    <a:pt x="335759" y="513971"/>
                  </a:cubicBezTo>
                  <a:lnTo>
                    <a:pt x="335759" y="446171"/>
                  </a:lnTo>
                  <a:lnTo>
                    <a:pt x="341065" y="448524"/>
                  </a:lnTo>
                  <a:cubicBezTo>
                    <a:pt x="338448" y="447203"/>
                    <a:pt x="338138" y="445072"/>
                    <a:pt x="338138" y="442913"/>
                  </a:cubicBezTo>
                  <a:cubicBezTo>
                    <a:pt x="338138" y="411350"/>
                    <a:pt x="404238" y="385763"/>
                    <a:pt x="485776" y="385763"/>
                  </a:cubicBezTo>
                  <a:close/>
                  <a:moveTo>
                    <a:pt x="304802" y="382762"/>
                  </a:moveTo>
                  <a:lnTo>
                    <a:pt x="304802" y="449849"/>
                  </a:lnTo>
                  <a:cubicBezTo>
                    <a:pt x="262735" y="468628"/>
                    <a:pt x="214886" y="478633"/>
                    <a:pt x="164309" y="478633"/>
                  </a:cubicBezTo>
                  <a:cubicBezTo>
                    <a:pt x="110829" y="478633"/>
                    <a:pt x="60399" y="467446"/>
                    <a:pt x="16670" y="446526"/>
                  </a:cubicBezTo>
                  <a:lnTo>
                    <a:pt x="16670" y="386212"/>
                  </a:lnTo>
                  <a:cubicBezTo>
                    <a:pt x="57402" y="408893"/>
                    <a:pt x="105635" y="421444"/>
                    <a:pt x="157163" y="421444"/>
                  </a:cubicBezTo>
                  <a:cubicBezTo>
                    <a:pt x="211605" y="421444"/>
                    <a:pt x="262369" y="407433"/>
                    <a:pt x="304802" y="382762"/>
                  </a:cubicBezTo>
                  <a:close/>
                  <a:moveTo>
                    <a:pt x="300040" y="297037"/>
                  </a:moveTo>
                  <a:lnTo>
                    <a:pt x="300040" y="372450"/>
                  </a:lnTo>
                  <a:cubicBezTo>
                    <a:pt x="257973" y="393560"/>
                    <a:pt x="210124" y="404807"/>
                    <a:pt x="159547" y="404807"/>
                  </a:cubicBezTo>
                  <a:cubicBezTo>
                    <a:pt x="106067" y="404807"/>
                    <a:pt x="55637" y="392231"/>
                    <a:pt x="11908" y="368715"/>
                  </a:cubicBezTo>
                  <a:lnTo>
                    <a:pt x="11908" y="300915"/>
                  </a:lnTo>
                  <a:cubicBezTo>
                    <a:pt x="52640" y="326411"/>
                    <a:pt x="100873" y="340520"/>
                    <a:pt x="152401" y="340520"/>
                  </a:cubicBezTo>
                  <a:cubicBezTo>
                    <a:pt x="206843" y="340520"/>
                    <a:pt x="257607" y="324770"/>
                    <a:pt x="300040" y="297037"/>
                  </a:cubicBezTo>
                  <a:close/>
                  <a:moveTo>
                    <a:pt x="557216" y="232744"/>
                  </a:moveTo>
                  <a:lnTo>
                    <a:pt x="557216" y="299831"/>
                  </a:lnTo>
                  <a:cubicBezTo>
                    <a:pt x="515149" y="318610"/>
                    <a:pt x="467300" y="328615"/>
                    <a:pt x="416723" y="328615"/>
                  </a:cubicBezTo>
                  <a:lnTo>
                    <a:pt x="347665" y="321298"/>
                  </a:lnTo>
                  <a:lnTo>
                    <a:pt x="347665" y="263834"/>
                  </a:lnTo>
                  <a:cubicBezTo>
                    <a:pt x="367357" y="269262"/>
                    <a:pt x="388183" y="271426"/>
                    <a:pt x="409577" y="271426"/>
                  </a:cubicBezTo>
                  <a:cubicBezTo>
                    <a:pt x="464019" y="271426"/>
                    <a:pt x="514783" y="257415"/>
                    <a:pt x="557216" y="232744"/>
                  </a:cubicBezTo>
                  <a:close/>
                  <a:moveTo>
                    <a:pt x="154782" y="228602"/>
                  </a:moveTo>
                  <a:cubicBezTo>
                    <a:pt x="240266" y="228602"/>
                    <a:pt x="309564" y="254189"/>
                    <a:pt x="309564" y="285752"/>
                  </a:cubicBezTo>
                  <a:lnTo>
                    <a:pt x="304245" y="295480"/>
                  </a:lnTo>
                  <a:cubicBezTo>
                    <a:pt x="287819" y="270012"/>
                    <a:pt x="228058" y="252414"/>
                    <a:pt x="157164" y="252414"/>
                  </a:cubicBezTo>
                  <a:cubicBezTo>
                    <a:pt x="81891" y="252414"/>
                    <a:pt x="19167" y="272254"/>
                    <a:pt x="7701" y="299836"/>
                  </a:cubicBezTo>
                  <a:cubicBezTo>
                    <a:pt x="2019" y="296352"/>
                    <a:pt x="0" y="291139"/>
                    <a:pt x="0" y="285752"/>
                  </a:cubicBezTo>
                  <a:cubicBezTo>
                    <a:pt x="0" y="254189"/>
                    <a:pt x="69298" y="228602"/>
                    <a:pt x="154782" y="228602"/>
                  </a:cubicBezTo>
                  <a:close/>
                  <a:moveTo>
                    <a:pt x="559595" y="166690"/>
                  </a:moveTo>
                  <a:lnTo>
                    <a:pt x="559595" y="216679"/>
                  </a:lnTo>
                  <a:cubicBezTo>
                    <a:pt x="517528" y="230672"/>
                    <a:pt x="469679" y="238127"/>
                    <a:pt x="419102" y="238127"/>
                  </a:cubicBezTo>
                  <a:cubicBezTo>
                    <a:pt x="365622" y="238127"/>
                    <a:pt x="315192" y="229791"/>
                    <a:pt x="271463" y="214203"/>
                  </a:cubicBezTo>
                  <a:lnTo>
                    <a:pt x="271463" y="169261"/>
                  </a:lnTo>
                  <a:cubicBezTo>
                    <a:pt x="312195" y="186161"/>
                    <a:pt x="360428" y="195513"/>
                    <a:pt x="411956" y="195513"/>
                  </a:cubicBezTo>
                  <a:cubicBezTo>
                    <a:pt x="466398" y="195513"/>
                    <a:pt x="517162" y="185073"/>
                    <a:pt x="559595" y="166690"/>
                  </a:cubicBezTo>
                  <a:close/>
                  <a:moveTo>
                    <a:pt x="722471" y="97633"/>
                  </a:moveTo>
                  <a:lnTo>
                    <a:pt x="802483" y="246702"/>
                  </a:lnTo>
                  <a:lnTo>
                    <a:pt x="762477" y="246702"/>
                  </a:lnTo>
                  <a:lnTo>
                    <a:pt x="762477" y="704852"/>
                  </a:lnTo>
                  <a:lnTo>
                    <a:pt x="682465" y="704852"/>
                  </a:lnTo>
                  <a:lnTo>
                    <a:pt x="682465" y="246702"/>
                  </a:lnTo>
                  <a:lnTo>
                    <a:pt x="642459" y="246702"/>
                  </a:lnTo>
                  <a:close/>
                  <a:moveTo>
                    <a:pt x="418991" y="23812"/>
                  </a:moveTo>
                  <a:cubicBezTo>
                    <a:pt x="352059" y="23812"/>
                    <a:pt x="295528" y="41054"/>
                    <a:pt x="280555" y="66552"/>
                  </a:cubicBezTo>
                  <a:cubicBezTo>
                    <a:pt x="317573" y="88704"/>
                    <a:pt x="361064" y="100013"/>
                    <a:pt x="407195" y="100013"/>
                  </a:cubicBezTo>
                  <a:cubicBezTo>
                    <a:pt x="459865" y="100013"/>
                    <a:pt x="509092" y="85272"/>
                    <a:pt x="550305" y="58630"/>
                  </a:cubicBezTo>
                  <a:cubicBezTo>
                    <a:pt x="528868" y="37198"/>
                    <a:pt x="477969" y="23812"/>
                    <a:pt x="418991" y="23812"/>
                  </a:cubicBezTo>
                  <a:close/>
                  <a:moveTo>
                    <a:pt x="416719" y="0"/>
                  </a:moveTo>
                  <a:cubicBezTo>
                    <a:pt x="498258" y="0"/>
                    <a:pt x="564357" y="25587"/>
                    <a:pt x="564357" y="57150"/>
                  </a:cubicBezTo>
                  <a:lnTo>
                    <a:pt x="559284" y="66878"/>
                  </a:lnTo>
                  <a:lnTo>
                    <a:pt x="554834" y="62791"/>
                  </a:lnTo>
                  <a:lnTo>
                    <a:pt x="554834" y="131943"/>
                  </a:lnTo>
                  <a:cubicBezTo>
                    <a:pt x="512767" y="153053"/>
                    <a:pt x="464918" y="164300"/>
                    <a:pt x="414341" y="164300"/>
                  </a:cubicBezTo>
                  <a:cubicBezTo>
                    <a:pt x="360861" y="164300"/>
                    <a:pt x="310431" y="151724"/>
                    <a:pt x="266702" y="128208"/>
                  </a:cubicBezTo>
                  <a:lnTo>
                    <a:pt x="266702" y="60408"/>
                  </a:lnTo>
                  <a:lnTo>
                    <a:pt x="272008" y="62761"/>
                  </a:lnTo>
                  <a:cubicBezTo>
                    <a:pt x="269391" y="61440"/>
                    <a:pt x="269081" y="59309"/>
                    <a:pt x="269081" y="57150"/>
                  </a:cubicBezTo>
                  <a:cubicBezTo>
                    <a:pt x="269081" y="25587"/>
                    <a:pt x="335181" y="0"/>
                    <a:pt x="416719" y="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07" name="矩形 106"/>
            <p:cNvSpPr/>
            <p:nvPr/>
          </p:nvSpPr>
          <p:spPr>
            <a:xfrm>
              <a:off x="1626988" y="4880452"/>
              <a:ext cx="171992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zh-CN" altLang="en-US" sz="1200" dirty="0">
                  <a:solidFill>
                    <a:schemeClr val="bg1"/>
                  </a:solidFill>
                </a:rPr>
                <a:t>此处添加详细文本描述</a:t>
              </a:r>
            </a:p>
          </p:txBody>
        </p:sp>
      </p:grpSp>
      <p:grpSp>
        <p:nvGrpSpPr>
          <p:cNvPr id="108" name="组合 107"/>
          <p:cNvGrpSpPr/>
          <p:nvPr/>
        </p:nvGrpSpPr>
        <p:grpSpPr>
          <a:xfrm>
            <a:off x="3535798" y="2316381"/>
            <a:ext cx="2701673" cy="2328513"/>
            <a:chOff x="3451392" y="1711470"/>
            <a:chExt cx="2701673" cy="2328513"/>
          </a:xfrm>
        </p:grpSpPr>
        <p:sp>
          <p:nvSpPr>
            <p:cNvPr id="109" name="六边形 108"/>
            <p:cNvSpPr/>
            <p:nvPr/>
          </p:nvSpPr>
          <p:spPr>
            <a:xfrm>
              <a:off x="3451392" y="1711470"/>
              <a:ext cx="2701673" cy="2328513"/>
            </a:xfrm>
            <a:prstGeom prst="hexagon">
              <a:avLst/>
            </a:prstGeom>
            <a:solidFill>
              <a:srgbClr val="12B19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0" name="矩形 45"/>
            <p:cNvSpPr/>
            <p:nvPr/>
          </p:nvSpPr>
          <p:spPr>
            <a:xfrm>
              <a:off x="4560207" y="2174187"/>
              <a:ext cx="518159" cy="522423"/>
            </a:xfrm>
            <a:custGeom>
              <a:avLst/>
              <a:gdLst/>
              <a:ahLst/>
              <a:cxnLst/>
              <a:rect l="l" t="t" r="r" b="b"/>
              <a:pathLst>
                <a:path w="752475" h="755648">
                  <a:moveTo>
                    <a:pt x="60325" y="0"/>
                  </a:moveTo>
                  <a:cubicBezTo>
                    <a:pt x="86342" y="0"/>
                    <a:pt x="108512" y="16470"/>
                    <a:pt x="116492" y="39730"/>
                  </a:cubicBezTo>
                  <a:lnTo>
                    <a:pt x="251669" y="169806"/>
                  </a:lnTo>
                  <a:lnTo>
                    <a:pt x="654050" y="15875"/>
                  </a:lnTo>
                  <a:lnTo>
                    <a:pt x="749300" y="88900"/>
                  </a:lnTo>
                  <a:lnTo>
                    <a:pt x="420437" y="332205"/>
                  </a:lnTo>
                  <a:lnTo>
                    <a:pt x="574416" y="480374"/>
                  </a:lnTo>
                  <a:lnTo>
                    <a:pt x="752475" y="469900"/>
                  </a:lnTo>
                  <a:lnTo>
                    <a:pt x="742950" y="565150"/>
                  </a:lnTo>
                  <a:lnTo>
                    <a:pt x="609861" y="596204"/>
                  </a:lnTo>
                  <a:lnTo>
                    <a:pt x="552451" y="749298"/>
                  </a:lnTo>
                  <a:lnTo>
                    <a:pt x="473076" y="755648"/>
                  </a:lnTo>
                  <a:lnTo>
                    <a:pt x="486660" y="572267"/>
                  </a:lnTo>
                  <a:lnTo>
                    <a:pt x="331516" y="416116"/>
                  </a:lnTo>
                  <a:lnTo>
                    <a:pt x="98425" y="752475"/>
                  </a:lnTo>
                  <a:lnTo>
                    <a:pt x="6350" y="660400"/>
                  </a:lnTo>
                  <a:lnTo>
                    <a:pt x="172156" y="255721"/>
                  </a:lnTo>
                  <a:lnTo>
                    <a:pt x="25948" y="108564"/>
                  </a:lnTo>
                  <a:cubicBezTo>
                    <a:pt x="9989" y="98516"/>
                    <a:pt x="0" y="80587"/>
                    <a:pt x="0" y="60325"/>
                  </a:cubicBezTo>
                  <a:cubicBezTo>
                    <a:pt x="0" y="27008"/>
                    <a:pt x="27008" y="0"/>
                    <a:pt x="60325" y="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1" name="TextBox 8"/>
            <p:cNvSpPr txBox="1">
              <a:spLocks noChangeArrowheads="1"/>
            </p:cNvSpPr>
            <p:nvPr/>
          </p:nvSpPr>
          <p:spPr bwMode="auto">
            <a:xfrm>
              <a:off x="4048446" y="2854403"/>
              <a:ext cx="1531019" cy="40011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/>
              <a:r>
                <a:rPr lang="zh-CN" altLang="en-US" sz="2000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添加标题</a:t>
              </a:r>
            </a:p>
          </p:txBody>
        </p:sp>
        <p:sp>
          <p:nvSpPr>
            <p:cNvPr id="112" name="矩形 111"/>
            <p:cNvSpPr/>
            <p:nvPr/>
          </p:nvSpPr>
          <p:spPr>
            <a:xfrm>
              <a:off x="3953995" y="3393987"/>
              <a:ext cx="171992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zh-CN" altLang="en-US" sz="1200" dirty="0">
                  <a:solidFill>
                    <a:schemeClr val="bg1"/>
                  </a:solidFill>
                </a:rPr>
                <a:t>此处添加详细文本描述</a:t>
              </a:r>
            </a:p>
          </p:txBody>
        </p:sp>
      </p:grpSp>
      <p:grpSp>
        <p:nvGrpSpPr>
          <p:cNvPr id="113" name="组合 112"/>
          <p:cNvGrpSpPr/>
          <p:nvPr/>
        </p:nvGrpSpPr>
        <p:grpSpPr>
          <a:xfrm>
            <a:off x="5962398" y="3738650"/>
            <a:ext cx="2701673" cy="2328513"/>
            <a:chOff x="5877992" y="3133739"/>
            <a:chExt cx="2701673" cy="2328513"/>
          </a:xfrm>
        </p:grpSpPr>
        <p:sp>
          <p:nvSpPr>
            <p:cNvPr id="114" name="六边形 113"/>
            <p:cNvSpPr/>
            <p:nvPr/>
          </p:nvSpPr>
          <p:spPr>
            <a:xfrm>
              <a:off x="5877992" y="3133739"/>
              <a:ext cx="2701673" cy="2328513"/>
            </a:xfrm>
            <a:prstGeom prst="hexagon">
              <a:avLst/>
            </a:prstGeom>
            <a:solidFill>
              <a:srgbClr val="E0454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5" name="圆角矩形 51"/>
            <p:cNvSpPr/>
            <p:nvPr/>
          </p:nvSpPr>
          <p:spPr>
            <a:xfrm flipH="1">
              <a:off x="6924971" y="3577265"/>
              <a:ext cx="584261" cy="524555"/>
            </a:xfrm>
            <a:custGeom>
              <a:avLst/>
              <a:gdLst/>
              <a:ahLst/>
              <a:cxnLst/>
              <a:rect l="l" t="t" r="r" b="b"/>
              <a:pathLst>
                <a:path w="833438" h="744826">
                  <a:moveTo>
                    <a:pt x="735803" y="200026"/>
                  </a:moveTo>
                  <a:lnTo>
                    <a:pt x="588168" y="200026"/>
                  </a:lnTo>
                  <a:lnTo>
                    <a:pt x="588168" y="459582"/>
                  </a:lnTo>
                  <a:lnTo>
                    <a:pt x="280988" y="459582"/>
                  </a:lnTo>
                  <a:lnTo>
                    <a:pt x="280988" y="516729"/>
                  </a:lnTo>
                  <a:cubicBezTo>
                    <a:pt x="280988" y="570651"/>
                    <a:pt x="324701" y="614364"/>
                    <a:pt x="378623" y="614364"/>
                  </a:cubicBezTo>
                  <a:lnTo>
                    <a:pt x="591312" y="614364"/>
                  </a:lnTo>
                  <a:lnTo>
                    <a:pt x="712338" y="744826"/>
                  </a:lnTo>
                  <a:lnTo>
                    <a:pt x="704983" y="614364"/>
                  </a:lnTo>
                  <a:lnTo>
                    <a:pt x="735803" y="614364"/>
                  </a:lnTo>
                  <a:cubicBezTo>
                    <a:pt x="789725" y="614364"/>
                    <a:pt x="833438" y="570651"/>
                    <a:pt x="833438" y="516729"/>
                  </a:cubicBezTo>
                  <a:lnTo>
                    <a:pt x="833438" y="297661"/>
                  </a:lnTo>
                  <a:cubicBezTo>
                    <a:pt x="833438" y="243739"/>
                    <a:pt x="789725" y="200026"/>
                    <a:pt x="735803" y="200026"/>
                  </a:cubicBezTo>
                  <a:close/>
                  <a:moveTo>
                    <a:pt x="454815" y="0"/>
                  </a:moveTo>
                  <a:lnTo>
                    <a:pt x="97635" y="0"/>
                  </a:lnTo>
                  <a:cubicBezTo>
                    <a:pt x="43713" y="0"/>
                    <a:pt x="0" y="43713"/>
                    <a:pt x="0" y="97635"/>
                  </a:cubicBezTo>
                  <a:lnTo>
                    <a:pt x="0" y="316703"/>
                  </a:lnTo>
                  <a:cubicBezTo>
                    <a:pt x="0" y="370625"/>
                    <a:pt x="43713" y="414338"/>
                    <a:pt x="97635" y="414338"/>
                  </a:cubicBezTo>
                  <a:lnTo>
                    <a:pt x="128455" y="414338"/>
                  </a:lnTo>
                  <a:lnTo>
                    <a:pt x="121100" y="544800"/>
                  </a:lnTo>
                  <a:lnTo>
                    <a:pt x="242126" y="414338"/>
                  </a:lnTo>
                  <a:lnTo>
                    <a:pt x="454815" y="414338"/>
                  </a:lnTo>
                  <a:cubicBezTo>
                    <a:pt x="508737" y="414338"/>
                    <a:pt x="552450" y="370625"/>
                    <a:pt x="552450" y="316703"/>
                  </a:cubicBezTo>
                  <a:lnTo>
                    <a:pt x="552450" y="97635"/>
                  </a:lnTo>
                  <a:cubicBezTo>
                    <a:pt x="552450" y="43713"/>
                    <a:pt x="508737" y="0"/>
                    <a:pt x="454815" y="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16" name="TextBox 11"/>
            <p:cNvSpPr txBox="1">
              <a:spLocks noChangeArrowheads="1"/>
            </p:cNvSpPr>
            <p:nvPr/>
          </p:nvSpPr>
          <p:spPr bwMode="auto">
            <a:xfrm>
              <a:off x="6394018" y="4291599"/>
              <a:ext cx="1669621" cy="40011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/>
              <a:r>
                <a:rPr lang="zh-CN" altLang="en-US" sz="2000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添加标题</a:t>
              </a:r>
            </a:p>
          </p:txBody>
        </p:sp>
        <p:sp>
          <p:nvSpPr>
            <p:cNvPr id="117" name="矩形 116"/>
            <p:cNvSpPr/>
            <p:nvPr/>
          </p:nvSpPr>
          <p:spPr>
            <a:xfrm>
              <a:off x="6416847" y="4899315"/>
              <a:ext cx="171992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zh-CN" altLang="en-US" sz="1200" dirty="0">
                  <a:solidFill>
                    <a:schemeClr val="bg1"/>
                  </a:solidFill>
                </a:rPr>
                <a:t>此处添加详细文本描述</a:t>
              </a:r>
            </a:p>
          </p:txBody>
        </p:sp>
      </p:grpSp>
      <p:grpSp>
        <p:nvGrpSpPr>
          <p:cNvPr id="118" name="组合 117"/>
          <p:cNvGrpSpPr/>
          <p:nvPr/>
        </p:nvGrpSpPr>
        <p:grpSpPr>
          <a:xfrm>
            <a:off x="8337823" y="2305719"/>
            <a:ext cx="2699540" cy="2328513"/>
            <a:chOff x="8253417" y="1700808"/>
            <a:chExt cx="2699540" cy="2328513"/>
          </a:xfrm>
        </p:grpSpPr>
        <p:sp>
          <p:nvSpPr>
            <p:cNvPr id="119" name="六边形 118"/>
            <p:cNvSpPr/>
            <p:nvPr/>
          </p:nvSpPr>
          <p:spPr>
            <a:xfrm>
              <a:off x="8253417" y="1700808"/>
              <a:ext cx="2699540" cy="2328513"/>
            </a:xfrm>
            <a:prstGeom prst="hexagon">
              <a:avLst/>
            </a:prstGeom>
            <a:solidFill>
              <a:srgbClr val="FDB52D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/>
            </a:p>
          </p:txBody>
        </p:sp>
        <p:sp>
          <p:nvSpPr>
            <p:cNvPr id="120" name="流程图: 联系 56"/>
            <p:cNvSpPr/>
            <p:nvPr/>
          </p:nvSpPr>
          <p:spPr>
            <a:xfrm>
              <a:off x="9385689" y="2076099"/>
              <a:ext cx="407276" cy="567202"/>
            </a:xfrm>
            <a:custGeom>
              <a:avLst/>
              <a:gdLst/>
              <a:ahLst/>
              <a:cxnLst/>
              <a:rect l="l" t="t" r="r" b="b"/>
              <a:pathLst>
                <a:path w="595312" h="826293">
                  <a:moveTo>
                    <a:pt x="296986" y="34194"/>
                  </a:moveTo>
                  <a:cubicBezTo>
                    <a:pt x="150533" y="34194"/>
                    <a:pt x="31810" y="152917"/>
                    <a:pt x="31810" y="299370"/>
                  </a:cubicBezTo>
                  <a:cubicBezTo>
                    <a:pt x="31810" y="404714"/>
                    <a:pt x="93237" y="495710"/>
                    <a:pt x="182627" y="537660"/>
                  </a:cubicBezTo>
                  <a:lnTo>
                    <a:pt x="184845" y="545529"/>
                  </a:lnTo>
                  <a:lnTo>
                    <a:pt x="186214" y="545304"/>
                  </a:lnTo>
                  <a:lnTo>
                    <a:pt x="192968" y="574347"/>
                  </a:lnTo>
                  <a:lnTo>
                    <a:pt x="193290" y="575489"/>
                  </a:lnTo>
                  <a:lnTo>
                    <a:pt x="193226" y="575453"/>
                  </a:lnTo>
                  <a:lnTo>
                    <a:pt x="210026" y="647697"/>
                  </a:lnTo>
                  <a:lnTo>
                    <a:pt x="208599" y="648045"/>
                  </a:lnTo>
                  <a:lnTo>
                    <a:pt x="273368" y="647283"/>
                  </a:lnTo>
                  <a:lnTo>
                    <a:pt x="273368" y="514349"/>
                  </a:lnTo>
                  <a:lnTo>
                    <a:pt x="319087" y="514349"/>
                  </a:lnTo>
                  <a:lnTo>
                    <a:pt x="319087" y="646745"/>
                  </a:lnTo>
                  <a:lnTo>
                    <a:pt x="390552" y="645904"/>
                  </a:lnTo>
                  <a:lnTo>
                    <a:pt x="388142" y="645316"/>
                  </a:lnTo>
                  <a:lnTo>
                    <a:pt x="404872" y="573378"/>
                  </a:lnTo>
                  <a:cubicBezTo>
                    <a:pt x="403310" y="574897"/>
                    <a:pt x="401432" y="575587"/>
                    <a:pt x="399545" y="576258"/>
                  </a:cubicBezTo>
                  <a:lnTo>
                    <a:pt x="407038" y="539998"/>
                  </a:lnTo>
                  <a:cubicBezTo>
                    <a:pt x="498685" y="498719"/>
                    <a:pt x="562162" y="406458"/>
                    <a:pt x="562162" y="299370"/>
                  </a:cubicBezTo>
                  <a:cubicBezTo>
                    <a:pt x="562162" y="152917"/>
                    <a:pt x="443439" y="34194"/>
                    <a:pt x="296986" y="34194"/>
                  </a:cubicBezTo>
                  <a:close/>
                  <a:moveTo>
                    <a:pt x="297656" y="0"/>
                  </a:moveTo>
                  <a:cubicBezTo>
                    <a:pt x="462047" y="0"/>
                    <a:pt x="595312" y="133265"/>
                    <a:pt x="595312" y="297656"/>
                  </a:cubicBezTo>
                  <a:cubicBezTo>
                    <a:pt x="595312" y="410299"/>
                    <a:pt x="532742" y="508329"/>
                    <a:pt x="438573" y="555157"/>
                  </a:cubicBezTo>
                  <a:lnTo>
                    <a:pt x="407666" y="650078"/>
                  </a:lnTo>
                  <a:lnTo>
                    <a:pt x="400101" y="648233"/>
                  </a:lnTo>
                  <a:lnTo>
                    <a:pt x="400275" y="656999"/>
                  </a:lnTo>
                  <a:cubicBezTo>
                    <a:pt x="400123" y="656041"/>
                    <a:pt x="399871" y="650619"/>
                    <a:pt x="399829" y="651730"/>
                  </a:cubicBezTo>
                  <a:lnTo>
                    <a:pt x="400052" y="662936"/>
                  </a:lnTo>
                  <a:lnTo>
                    <a:pt x="319087" y="662936"/>
                  </a:lnTo>
                  <a:lnTo>
                    <a:pt x="319087" y="675380"/>
                  </a:lnTo>
                  <a:cubicBezTo>
                    <a:pt x="367743" y="678023"/>
                    <a:pt x="404813" y="696667"/>
                    <a:pt x="404813" y="719137"/>
                  </a:cubicBezTo>
                  <a:cubicBezTo>
                    <a:pt x="404813" y="733486"/>
                    <a:pt x="389698" y="746274"/>
                    <a:pt x="365852" y="753802"/>
                  </a:cubicBezTo>
                  <a:lnTo>
                    <a:pt x="302422" y="826293"/>
                  </a:lnTo>
                  <a:lnTo>
                    <a:pt x="238994" y="753805"/>
                  </a:lnTo>
                  <a:cubicBezTo>
                    <a:pt x="215144" y="746277"/>
                    <a:pt x="200025" y="733487"/>
                    <a:pt x="200025" y="719137"/>
                  </a:cubicBezTo>
                  <a:cubicBezTo>
                    <a:pt x="200025" y="698623"/>
                    <a:pt x="230920" y="681299"/>
                    <a:pt x="273368" y="676485"/>
                  </a:cubicBezTo>
                  <a:lnTo>
                    <a:pt x="273368" y="662936"/>
                  </a:lnTo>
                  <a:lnTo>
                    <a:pt x="197645" y="662936"/>
                  </a:lnTo>
                  <a:lnTo>
                    <a:pt x="197645" y="650717"/>
                  </a:lnTo>
                  <a:lnTo>
                    <a:pt x="190502" y="652459"/>
                  </a:lnTo>
                  <a:lnTo>
                    <a:pt x="159343" y="556762"/>
                  </a:lnTo>
                  <a:cubicBezTo>
                    <a:pt x="63794" y="510234"/>
                    <a:pt x="0" y="411395"/>
                    <a:pt x="0" y="297656"/>
                  </a:cubicBezTo>
                  <a:cubicBezTo>
                    <a:pt x="0" y="133265"/>
                    <a:pt x="133265" y="0"/>
                    <a:pt x="297656" y="0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921385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zh-CN" altLang="en-US">
                <a:solidFill>
                  <a:srgbClr val="FFFFFF"/>
                </a:solidFill>
              </a:endParaRPr>
            </a:p>
          </p:txBody>
        </p:sp>
        <p:sp>
          <p:nvSpPr>
            <p:cNvPr id="121" name="TextBox 4"/>
            <p:cNvSpPr txBox="1">
              <a:spLocks noChangeArrowheads="1"/>
            </p:cNvSpPr>
            <p:nvPr/>
          </p:nvSpPr>
          <p:spPr bwMode="auto">
            <a:xfrm>
              <a:off x="9396350" y="2056909"/>
              <a:ext cx="324115" cy="496834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r>
                <a:rPr lang="en-US" altLang="zh-CN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$</a:t>
              </a:r>
              <a:endParaRPr lang="zh-CN" altLang="en-US" b="1" dirty="0">
                <a:solidFill>
                  <a:srgbClr val="FFFFFF"/>
                </a:solidFill>
                <a:ea typeface="微软雅黑" panose="020B0503020204020204" pitchFamily="34" charset="-122"/>
              </a:endParaRPr>
            </a:p>
          </p:txBody>
        </p:sp>
        <p:sp>
          <p:nvSpPr>
            <p:cNvPr id="122" name="TextBox 12"/>
            <p:cNvSpPr txBox="1">
              <a:spLocks noChangeArrowheads="1"/>
            </p:cNvSpPr>
            <p:nvPr/>
          </p:nvSpPr>
          <p:spPr bwMode="auto">
            <a:xfrm>
              <a:off x="8765178" y="2852270"/>
              <a:ext cx="1667488" cy="400110"/>
            </a:xfrm>
            <a:prstGeom prst="rect">
              <a:avLst/>
            </a:prstGeom>
            <a:noFill/>
            <a:ln w="9525">
              <a:noFill/>
              <a:miter lim="800000"/>
            </a:ln>
          </p:spPr>
          <p:txBody>
            <a:bodyPr>
              <a:spAutoFit/>
            </a:bodyPr>
            <a:lstStyle/>
            <a:p>
              <a:pPr algn="ctr"/>
              <a:r>
                <a:rPr lang="zh-CN" altLang="en-US" sz="2000" b="1" dirty="0">
                  <a:solidFill>
                    <a:srgbClr val="FFFFFF"/>
                  </a:solidFill>
                  <a:ea typeface="微软雅黑" panose="020B0503020204020204" pitchFamily="34" charset="-122"/>
                </a:rPr>
                <a:t>添加标题</a:t>
              </a:r>
            </a:p>
          </p:txBody>
        </p:sp>
        <p:sp>
          <p:nvSpPr>
            <p:cNvPr id="123" name="矩形 122"/>
            <p:cNvSpPr/>
            <p:nvPr/>
          </p:nvSpPr>
          <p:spPr>
            <a:xfrm>
              <a:off x="8765178" y="3393987"/>
              <a:ext cx="1719920" cy="27699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zh-CN" altLang="en-US" sz="1200" dirty="0">
                  <a:solidFill>
                    <a:schemeClr val="bg1"/>
                  </a:solidFill>
                </a:rPr>
                <a:t>此处添加详细文本描述</a:t>
              </a:r>
            </a:p>
          </p:txBody>
        </p:sp>
      </p:grp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9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20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3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40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6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9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70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80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grpId="0" nodeType="withEffect">
                                  <p:stCondLst>
                                    <p:cond delay="110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130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0" presetClass="entr" presetSubtype="0" fill="hold" grpId="0" nodeType="withEffect">
                                  <p:stCondLst>
                                    <p:cond delay="140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1" presetID="10" presetClass="entr" presetSubtype="0" fill="hold" grpId="0" nodeType="withEffect">
                                  <p:stCondLst>
                                    <p:cond delay="160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10" presetClass="entr" presetSubtype="0" fill="hold" nodeType="withEffect">
                                  <p:stCondLst>
                                    <p:cond delay="17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1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10" presetClass="entr" presetSubtype="0" fill="hold" grpId="0" nodeType="withEffect">
                                  <p:stCondLst>
                                    <p:cond delay="1900"/>
                                  </p:stCondLst>
                                  <p:childTnLst>
                                    <p:set>
                                      <p:cBhvr>
                                        <p:cTn id="4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9" dur="5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0" presetID="10" presetClass="entr" presetSubtype="0" fill="hold" grpId="0" nodeType="withEffect">
                                  <p:stCondLst>
                                    <p:cond delay="210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9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3" presetID="10" presetClass="entr" presetSubtype="0" fill="hold" grpId="0" nodeType="withEffect">
                                  <p:stCondLst>
                                    <p:cond delay="2200"/>
                                  </p:stCondLst>
                                  <p:childTnLst>
                                    <p:set>
                                      <p:cBhvr>
                                        <p:cTn id="5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5" dur="500"/>
                                        <p:tgtEl>
                                          <p:spTgt spid="9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animBg="1"/>
      <p:bldP spid="87" grpId="0" animBg="1"/>
      <p:bldP spid="88" grpId="0" animBg="1"/>
      <p:bldP spid="89" grpId="0" animBg="1"/>
      <p:bldP spid="90" grpId="0" animBg="1"/>
      <p:bldP spid="91" grpId="0" animBg="1"/>
      <p:bldP spid="92" grpId="0" animBg="1"/>
      <p:bldP spid="93" grpId="0" animBg="1"/>
      <p:bldP spid="94" grpId="0" animBg="1"/>
      <p:bldP spid="95" grpId="0" animBg="1"/>
      <p:bldP spid="96" grpId="0" animBg="1"/>
      <p:bldP spid="97" grpId="0" animBg="1"/>
      <p:bldP spid="98" grpId="0" animBg="1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44" name="组合 143"/>
          <p:cNvGrpSpPr/>
          <p:nvPr/>
        </p:nvGrpSpPr>
        <p:grpSpPr>
          <a:xfrm>
            <a:off x="0" y="2169121"/>
            <a:ext cx="6656294" cy="919880"/>
            <a:chOff x="0" y="1972173"/>
            <a:chExt cx="6656294" cy="919880"/>
          </a:xfrm>
        </p:grpSpPr>
        <p:sp>
          <p:nvSpPr>
            <p:cNvPr id="145" name="Freeform 5"/>
            <p:cNvSpPr/>
            <p:nvPr/>
          </p:nvSpPr>
          <p:spPr bwMode="auto">
            <a:xfrm>
              <a:off x="0" y="1972173"/>
              <a:ext cx="6656294" cy="919880"/>
            </a:xfrm>
            <a:custGeom>
              <a:avLst/>
              <a:gdLst>
                <a:gd name="T0" fmla="*/ 0 w 743"/>
                <a:gd name="T1" fmla="*/ 89 h 89"/>
                <a:gd name="T2" fmla="*/ 682 w 743"/>
                <a:gd name="T3" fmla="*/ 89 h 89"/>
                <a:gd name="T4" fmla="*/ 688 w 743"/>
                <a:gd name="T5" fmla="*/ 87 h 89"/>
                <a:gd name="T6" fmla="*/ 741 w 743"/>
                <a:gd name="T7" fmla="*/ 46 h 89"/>
                <a:gd name="T8" fmla="*/ 741 w 743"/>
                <a:gd name="T9" fmla="*/ 42 h 89"/>
                <a:gd name="T10" fmla="*/ 688 w 743"/>
                <a:gd name="T11" fmla="*/ 2 h 89"/>
                <a:gd name="T12" fmla="*/ 682 w 743"/>
                <a:gd name="T13" fmla="*/ 0 h 89"/>
                <a:gd name="T14" fmla="*/ 0 w 743"/>
                <a:gd name="T15" fmla="*/ 0 h 89"/>
                <a:gd name="T16" fmla="*/ 0 w 743"/>
                <a:gd name="T17" fmla="*/ 89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43" h="89">
                  <a:moveTo>
                    <a:pt x="0" y="89"/>
                  </a:moveTo>
                  <a:cubicBezTo>
                    <a:pt x="682" y="89"/>
                    <a:pt x="682" y="89"/>
                    <a:pt x="682" y="89"/>
                  </a:cubicBezTo>
                  <a:cubicBezTo>
                    <a:pt x="684" y="89"/>
                    <a:pt x="687" y="88"/>
                    <a:pt x="688" y="87"/>
                  </a:cubicBezTo>
                  <a:cubicBezTo>
                    <a:pt x="741" y="46"/>
                    <a:pt x="741" y="46"/>
                    <a:pt x="741" y="46"/>
                  </a:cubicBezTo>
                  <a:cubicBezTo>
                    <a:pt x="743" y="45"/>
                    <a:pt x="743" y="43"/>
                    <a:pt x="741" y="42"/>
                  </a:cubicBezTo>
                  <a:cubicBezTo>
                    <a:pt x="688" y="2"/>
                    <a:pt x="688" y="2"/>
                    <a:pt x="688" y="2"/>
                  </a:cubicBezTo>
                  <a:cubicBezTo>
                    <a:pt x="687" y="1"/>
                    <a:pt x="684" y="0"/>
                    <a:pt x="682" y="0"/>
                  </a:cubicBezTo>
                  <a:cubicBezTo>
                    <a:pt x="0" y="0"/>
                    <a:pt x="0" y="0"/>
                    <a:pt x="0" y="0"/>
                  </a:cubicBezTo>
                  <a:lnTo>
                    <a:pt x="0" y="89"/>
                  </a:lnTo>
                  <a:close/>
                </a:path>
              </a:pathLst>
            </a:custGeom>
            <a:solidFill>
              <a:srgbClr val="22789E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46" name="矩形 145"/>
            <p:cNvSpPr/>
            <p:nvPr/>
          </p:nvSpPr>
          <p:spPr>
            <a:xfrm>
              <a:off x="181218" y="2132002"/>
              <a:ext cx="582138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1</a:t>
              </a:r>
              <a:endParaRPr lang="zh-CN" altLang="en-US" sz="2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47" name="Freeform 14"/>
            <p:cNvSpPr>
              <a:spLocks noChangeAspect="1" noEditPoints="1"/>
            </p:cNvSpPr>
            <p:nvPr/>
          </p:nvSpPr>
          <p:spPr bwMode="auto">
            <a:xfrm>
              <a:off x="5722905" y="2250468"/>
              <a:ext cx="396000" cy="394405"/>
            </a:xfrm>
            <a:custGeom>
              <a:avLst/>
              <a:gdLst>
                <a:gd name="T0" fmla="*/ 359 w 605"/>
                <a:gd name="T1" fmla="*/ 39 h 602"/>
                <a:gd name="T2" fmla="*/ 462 w 605"/>
                <a:gd name="T3" fmla="*/ 85 h 602"/>
                <a:gd name="T4" fmla="*/ 537 w 605"/>
                <a:gd name="T5" fmla="*/ 168 h 602"/>
                <a:gd name="T6" fmla="*/ 572 w 605"/>
                <a:gd name="T7" fmla="*/ 275 h 602"/>
                <a:gd name="T8" fmla="*/ 560 w 605"/>
                <a:gd name="T9" fmla="*/ 387 h 602"/>
                <a:gd name="T10" fmla="*/ 504 w 605"/>
                <a:gd name="T11" fmla="*/ 484 h 602"/>
                <a:gd name="T12" fmla="*/ 413 w 605"/>
                <a:gd name="T13" fmla="*/ 551 h 602"/>
                <a:gd name="T14" fmla="*/ 303 w 605"/>
                <a:gd name="T15" fmla="*/ 574 h 602"/>
                <a:gd name="T16" fmla="*/ 193 w 605"/>
                <a:gd name="T17" fmla="*/ 551 h 602"/>
                <a:gd name="T18" fmla="*/ 102 w 605"/>
                <a:gd name="T19" fmla="*/ 484 h 602"/>
                <a:gd name="T20" fmla="*/ 46 w 605"/>
                <a:gd name="T21" fmla="*/ 387 h 602"/>
                <a:gd name="T22" fmla="*/ 34 w 605"/>
                <a:gd name="T23" fmla="*/ 275 h 602"/>
                <a:gd name="T24" fmla="*/ 69 w 605"/>
                <a:gd name="T25" fmla="*/ 168 h 602"/>
                <a:gd name="T26" fmla="*/ 144 w 605"/>
                <a:gd name="T27" fmla="*/ 85 h 602"/>
                <a:gd name="T28" fmla="*/ 247 w 605"/>
                <a:gd name="T29" fmla="*/ 39 h 602"/>
                <a:gd name="T30" fmla="*/ 359 w 605"/>
                <a:gd name="T31" fmla="*/ 39 h 602"/>
                <a:gd name="T32" fmla="*/ 376 w 605"/>
                <a:gd name="T33" fmla="*/ 379 h 602"/>
                <a:gd name="T34" fmla="*/ 376 w 605"/>
                <a:gd name="T35" fmla="*/ 379 h 602"/>
                <a:gd name="T36" fmla="*/ 412 w 605"/>
                <a:gd name="T37" fmla="*/ 419 h 602"/>
                <a:gd name="T38" fmla="*/ 397 w 605"/>
                <a:gd name="T39" fmla="*/ 332 h 602"/>
                <a:gd name="T40" fmla="*/ 376 w 605"/>
                <a:gd name="T41" fmla="*/ 379 h 602"/>
                <a:gd name="T42" fmla="*/ 186 w 605"/>
                <a:gd name="T43" fmla="*/ 222 h 602"/>
                <a:gd name="T44" fmla="*/ 186 w 605"/>
                <a:gd name="T45" fmla="*/ 222 h 602"/>
                <a:gd name="T46" fmla="*/ 221 w 605"/>
                <a:gd name="T47" fmla="*/ 261 h 602"/>
                <a:gd name="T48" fmla="*/ 207 w 605"/>
                <a:gd name="T49" fmla="*/ 175 h 602"/>
                <a:gd name="T50" fmla="*/ 186 w 605"/>
                <a:gd name="T51" fmla="*/ 222 h 602"/>
                <a:gd name="T52" fmla="*/ 141 w 605"/>
                <a:gd name="T53" fmla="*/ 222 h 602"/>
                <a:gd name="T54" fmla="*/ 141 w 605"/>
                <a:gd name="T55" fmla="*/ 222 h 602"/>
                <a:gd name="T56" fmla="*/ 256 w 605"/>
                <a:gd name="T57" fmla="*/ 162 h 602"/>
                <a:gd name="T58" fmla="*/ 208 w 605"/>
                <a:gd name="T59" fmla="*/ 301 h 602"/>
                <a:gd name="T60" fmla="*/ 141 w 605"/>
                <a:gd name="T61" fmla="*/ 222 h 602"/>
                <a:gd name="T62" fmla="*/ 244 w 605"/>
                <a:gd name="T63" fmla="*/ 460 h 602"/>
                <a:gd name="T64" fmla="*/ 244 w 605"/>
                <a:gd name="T65" fmla="*/ 460 h 602"/>
                <a:gd name="T66" fmla="*/ 201 w 605"/>
                <a:gd name="T67" fmla="*/ 460 h 602"/>
                <a:gd name="T68" fmla="*/ 362 w 605"/>
                <a:gd name="T69" fmla="*/ 141 h 602"/>
                <a:gd name="T70" fmla="*/ 404 w 605"/>
                <a:gd name="T71" fmla="*/ 141 h 602"/>
                <a:gd name="T72" fmla="*/ 244 w 605"/>
                <a:gd name="T73" fmla="*/ 460 h 602"/>
                <a:gd name="T74" fmla="*/ 331 w 605"/>
                <a:gd name="T75" fmla="*/ 379 h 602"/>
                <a:gd name="T76" fmla="*/ 331 w 605"/>
                <a:gd name="T77" fmla="*/ 379 h 602"/>
                <a:gd name="T78" fmla="*/ 446 w 605"/>
                <a:gd name="T79" fmla="*/ 319 h 602"/>
                <a:gd name="T80" fmla="*/ 398 w 605"/>
                <a:gd name="T81" fmla="*/ 459 h 602"/>
                <a:gd name="T82" fmla="*/ 331 w 605"/>
                <a:gd name="T83" fmla="*/ 379 h 60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</a:cxnLst>
              <a:rect l="0" t="0" r="r" b="b"/>
              <a:pathLst>
                <a:path w="605" h="602">
                  <a:moveTo>
                    <a:pt x="359" y="39"/>
                  </a:moveTo>
                  <a:cubicBezTo>
                    <a:pt x="435" y="31"/>
                    <a:pt x="417" y="22"/>
                    <a:pt x="462" y="85"/>
                  </a:cubicBezTo>
                  <a:cubicBezTo>
                    <a:pt x="535" y="108"/>
                    <a:pt x="521" y="93"/>
                    <a:pt x="537" y="168"/>
                  </a:cubicBezTo>
                  <a:cubicBezTo>
                    <a:pt x="594" y="219"/>
                    <a:pt x="588" y="200"/>
                    <a:pt x="572" y="275"/>
                  </a:cubicBezTo>
                  <a:cubicBezTo>
                    <a:pt x="603" y="345"/>
                    <a:pt x="605" y="325"/>
                    <a:pt x="560" y="387"/>
                  </a:cubicBezTo>
                  <a:cubicBezTo>
                    <a:pt x="560" y="464"/>
                    <a:pt x="570" y="446"/>
                    <a:pt x="504" y="484"/>
                  </a:cubicBezTo>
                  <a:cubicBezTo>
                    <a:pt x="473" y="555"/>
                    <a:pt x="489" y="543"/>
                    <a:pt x="413" y="551"/>
                  </a:cubicBezTo>
                  <a:cubicBezTo>
                    <a:pt x="356" y="602"/>
                    <a:pt x="376" y="598"/>
                    <a:pt x="303" y="574"/>
                  </a:cubicBezTo>
                  <a:cubicBezTo>
                    <a:pt x="230" y="598"/>
                    <a:pt x="250" y="602"/>
                    <a:pt x="193" y="551"/>
                  </a:cubicBezTo>
                  <a:cubicBezTo>
                    <a:pt x="116" y="543"/>
                    <a:pt x="133" y="555"/>
                    <a:pt x="102" y="484"/>
                  </a:cubicBezTo>
                  <a:cubicBezTo>
                    <a:pt x="35" y="446"/>
                    <a:pt x="45" y="464"/>
                    <a:pt x="46" y="387"/>
                  </a:cubicBezTo>
                  <a:cubicBezTo>
                    <a:pt x="0" y="325"/>
                    <a:pt x="2" y="345"/>
                    <a:pt x="34" y="275"/>
                  </a:cubicBezTo>
                  <a:cubicBezTo>
                    <a:pt x="18" y="200"/>
                    <a:pt x="11" y="219"/>
                    <a:pt x="69" y="168"/>
                  </a:cubicBezTo>
                  <a:cubicBezTo>
                    <a:pt x="84" y="93"/>
                    <a:pt x="71" y="108"/>
                    <a:pt x="144" y="85"/>
                  </a:cubicBezTo>
                  <a:cubicBezTo>
                    <a:pt x="189" y="22"/>
                    <a:pt x="170" y="31"/>
                    <a:pt x="247" y="39"/>
                  </a:cubicBezTo>
                  <a:cubicBezTo>
                    <a:pt x="313" y="0"/>
                    <a:pt x="293" y="0"/>
                    <a:pt x="359" y="39"/>
                  </a:cubicBezTo>
                  <a:close/>
                  <a:moveTo>
                    <a:pt x="376" y="379"/>
                  </a:moveTo>
                  <a:lnTo>
                    <a:pt x="376" y="379"/>
                  </a:lnTo>
                  <a:cubicBezTo>
                    <a:pt x="376" y="443"/>
                    <a:pt x="406" y="427"/>
                    <a:pt x="412" y="419"/>
                  </a:cubicBezTo>
                  <a:cubicBezTo>
                    <a:pt x="418" y="409"/>
                    <a:pt x="429" y="332"/>
                    <a:pt x="397" y="332"/>
                  </a:cubicBezTo>
                  <a:cubicBezTo>
                    <a:pt x="378" y="332"/>
                    <a:pt x="376" y="356"/>
                    <a:pt x="376" y="379"/>
                  </a:cubicBezTo>
                  <a:close/>
                  <a:moveTo>
                    <a:pt x="186" y="222"/>
                  </a:moveTo>
                  <a:lnTo>
                    <a:pt x="186" y="222"/>
                  </a:lnTo>
                  <a:cubicBezTo>
                    <a:pt x="186" y="286"/>
                    <a:pt x="217" y="268"/>
                    <a:pt x="221" y="261"/>
                  </a:cubicBezTo>
                  <a:cubicBezTo>
                    <a:pt x="228" y="251"/>
                    <a:pt x="238" y="175"/>
                    <a:pt x="207" y="175"/>
                  </a:cubicBezTo>
                  <a:cubicBezTo>
                    <a:pt x="188" y="175"/>
                    <a:pt x="186" y="199"/>
                    <a:pt x="186" y="222"/>
                  </a:cubicBezTo>
                  <a:close/>
                  <a:moveTo>
                    <a:pt x="141" y="222"/>
                  </a:moveTo>
                  <a:lnTo>
                    <a:pt x="141" y="222"/>
                  </a:lnTo>
                  <a:cubicBezTo>
                    <a:pt x="141" y="124"/>
                    <a:pt x="229" y="132"/>
                    <a:pt x="256" y="162"/>
                  </a:cubicBezTo>
                  <a:cubicBezTo>
                    <a:pt x="282" y="190"/>
                    <a:pt x="291" y="301"/>
                    <a:pt x="208" y="301"/>
                  </a:cubicBezTo>
                  <a:cubicBezTo>
                    <a:pt x="160" y="301"/>
                    <a:pt x="141" y="269"/>
                    <a:pt x="141" y="222"/>
                  </a:cubicBezTo>
                  <a:close/>
                  <a:moveTo>
                    <a:pt x="244" y="460"/>
                  </a:moveTo>
                  <a:lnTo>
                    <a:pt x="244" y="460"/>
                  </a:lnTo>
                  <a:cubicBezTo>
                    <a:pt x="230" y="460"/>
                    <a:pt x="216" y="460"/>
                    <a:pt x="201" y="460"/>
                  </a:cubicBezTo>
                  <a:cubicBezTo>
                    <a:pt x="255" y="354"/>
                    <a:pt x="309" y="247"/>
                    <a:pt x="362" y="141"/>
                  </a:cubicBezTo>
                  <a:cubicBezTo>
                    <a:pt x="376" y="141"/>
                    <a:pt x="390" y="141"/>
                    <a:pt x="404" y="141"/>
                  </a:cubicBezTo>
                  <a:cubicBezTo>
                    <a:pt x="351" y="247"/>
                    <a:pt x="298" y="354"/>
                    <a:pt x="244" y="460"/>
                  </a:cubicBezTo>
                  <a:close/>
                  <a:moveTo>
                    <a:pt x="331" y="379"/>
                  </a:moveTo>
                  <a:lnTo>
                    <a:pt x="331" y="379"/>
                  </a:lnTo>
                  <a:cubicBezTo>
                    <a:pt x="331" y="282"/>
                    <a:pt x="419" y="289"/>
                    <a:pt x="446" y="319"/>
                  </a:cubicBezTo>
                  <a:cubicBezTo>
                    <a:pt x="473" y="348"/>
                    <a:pt x="481" y="459"/>
                    <a:pt x="398" y="459"/>
                  </a:cubicBezTo>
                  <a:cubicBezTo>
                    <a:pt x="351" y="459"/>
                    <a:pt x="331" y="427"/>
                    <a:pt x="331" y="37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148" name="组合 147"/>
          <p:cNvGrpSpPr/>
          <p:nvPr/>
        </p:nvGrpSpPr>
        <p:grpSpPr>
          <a:xfrm>
            <a:off x="0" y="3089001"/>
            <a:ext cx="6656294" cy="919880"/>
            <a:chOff x="0" y="2892053"/>
            <a:chExt cx="6656294" cy="919880"/>
          </a:xfrm>
        </p:grpSpPr>
        <p:sp>
          <p:nvSpPr>
            <p:cNvPr id="149" name="Freeform 6"/>
            <p:cNvSpPr/>
            <p:nvPr/>
          </p:nvSpPr>
          <p:spPr bwMode="auto">
            <a:xfrm>
              <a:off x="0" y="2892053"/>
              <a:ext cx="6656294" cy="919880"/>
            </a:xfrm>
            <a:custGeom>
              <a:avLst/>
              <a:gdLst>
                <a:gd name="T0" fmla="*/ 0 w 743"/>
                <a:gd name="T1" fmla="*/ 89 h 89"/>
                <a:gd name="T2" fmla="*/ 682 w 743"/>
                <a:gd name="T3" fmla="*/ 89 h 89"/>
                <a:gd name="T4" fmla="*/ 688 w 743"/>
                <a:gd name="T5" fmla="*/ 87 h 89"/>
                <a:gd name="T6" fmla="*/ 741 w 743"/>
                <a:gd name="T7" fmla="*/ 47 h 89"/>
                <a:gd name="T8" fmla="*/ 741 w 743"/>
                <a:gd name="T9" fmla="*/ 42 h 89"/>
                <a:gd name="T10" fmla="*/ 688 w 743"/>
                <a:gd name="T11" fmla="*/ 2 h 89"/>
                <a:gd name="T12" fmla="*/ 682 w 743"/>
                <a:gd name="T13" fmla="*/ 0 h 89"/>
                <a:gd name="T14" fmla="*/ 0 w 743"/>
                <a:gd name="T15" fmla="*/ 0 h 89"/>
                <a:gd name="T16" fmla="*/ 0 w 743"/>
                <a:gd name="T17" fmla="*/ 89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43" h="89">
                  <a:moveTo>
                    <a:pt x="0" y="89"/>
                  </a:moveTo>
                  <a:cubicBezTo>
                    <a:pt x="682" y="89"/>
                    <a:pt x="682" y="89"/>
                    <a:pt x="682" y="89"/>
                  </a:cubicBezTo>
                  <a:cubicBezTo>
                    <a:pt x="684" y="89"/>
                    <a:pt x="687" y="88"/>
                    <a:pt x="688" y="87"/>
                  </a:cubicBezTo>
                  <a:cubicBezTo>
                    <a:pt x="741" y="47"/>
                    <a:pt x="741" y="47"/>
                    <a:pt x="741" y="47"/>
                  </a:cubicBezTo>
                  <a:cubicBezTo>
                    <a:pt x="743" y="46"/>
                    <a:pt x="743" y="44"/>
                    <a:pt x="741" y="42"/>
                  </a:cubicBezTo>
                  <a:cubicBezTo>
                    <a:pt x="688" y="2"/>
                    <a:pt x="688" y="2"/>
                    <a:pt x="688" y="2"/>
                  </a:cubicBezTo>
                  <a:cubicBezTo>
                    <a:pt x="687" y="1"/>
                    <a:pt x="684" y="0"/>
                    <a:pt x="682" y="0"/>
                  </a:cubicBezTo>
                  <a:cubicBezTo>
                    <a:pt x="0" y="0"/>
                    <a:pt x="0" y="0"/>
                    <a:pt x="0" y="0"/>
                  </a:cubicBezTo>
                  <a:lnTo>
                    <a:pt x="0" y="89"/>
                  </a:lnTo>
                  <a:close/>
                </a:path>
              </a:pathLst>
            </a:custGeom>
            <a:solidFill>
              <a:srgbClr val="0F958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50" name="矩形 149"/>
            <p:cNvSpPr/>
            <p:nvPr/>
          </p:nvSpPr>
          <p:spPr>
            <a:xfrm>
              <a:off x="181218" y="3121409"/>
              <a:ext cx="637037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2</a:t>
              </a:r>
              <a:endParaRPr lang="zh-CN" altLang="en-US" sz="2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1" name="Freeform 26"/>
            <p:cNvSpPr>
              <a:spLocks noEditPoints="1"/>
            </p:cNvSpPr>
            <p:nvPr/>
          </p:nvSpPr>
          <p:spPr bwMode="auto">
            <a:xfrm>
              <a:off x="5722905" y="3193785"/>
              <a:ext cx="335269" cy="352245"/>
            </a:xfrm>
            <a:custGeom>
              <a:avLst/>
              <a:gdLst>
                <a:gd name="T0" fmla="*/ 139 w 577"/>
                <a:gd name="T1" fmla="*/ 87 h 609"/>
                <a:gd name="T2" fmla="*/ 27 w 577"/>
                <a:gd name="T3" fmla="*/ 87 h 609"/>
                <a:gd name="T4" fmla="*/ 27 w 577"/>
                <a:gd name="T5" fmla="*/ 48 h 609"/>
                <a:gd name="T6" fmla="*/ 139 w 577"/>
                <a:gd name="T7" fmla="*/ 48 h 609"/>
                <a:gd name="T8" fmla="*/ 139 w 577"/>
                <a:gd name="T9" fmla="*/ 87 h 609"/>
                <a:gd name="T10" fmla="*/ 139 w 577"/>
                <a:gd name="T11" fmla="*/ 179 h 609"/>
                <a:gd name="T12" fmla="*/ 27 w 577"/>
                <a:gd name="T13" fmla="*/ 179 h 609"/>
                <a:gd name="T14" fmla="*/ 27 w 577"/>
                <a:gd name="T15" fmla="*/ 140 h 609"/>
                <a:gd name="T16" fmla="*/ 139 w 577"/>
                <a:gd name="T17" fmla="*/ 140 h 609"/>
                <a:gd name="T18" fmla="*/ 139 w 577"/>
                <a:gd name="T19" fmla="*/ 179 h 609"/>
                <a:gd name="T20" fmla="*/ 139 w 577"/>
                <a:gd name="T21" fmla="*/ 271 h 609"/>
                <a:gd name="T22" fmla="*/ 27 w 577"/>
                <a:gd name="T23" fmla="*/ 271 h 609"/>
                <a:gd name="T24" fmla="*/ 27 w 577"/>
                <a:gd name="T25" fmla="*/ 232 h 609"/>
                <a:gd name="T26" fmla="*/ 139 w 577"/>
                <a:gd name="T27" fmla="*/ 232 h 609"/>
                <a:gd name="T28" fmla="*/ 139 w 577"/>
                <a:gd name="T29" fmla="*/ 271 h 609"/>
                <a:gd name="T30" fmla="*/ 0 w 577"/>
                <a:gd name="T31" fmla="*/ 609 h 609"/>
                <a:gd name="T32" fmla="*/ 166 w 577"/>
                <a:gd name="T33" fmla="*/ 609 h 609"/>
                <a:gd name="T34" fmla="*/ 166 w 577"/>
                <a:gd name="T35" fmla="*/ 0 h 609"/>
                <a:gd name="T36" fmla="*/ 0 w 577"/>
                <a:gd name="T37" fmla="*/ 0 h 609"/>
                <a:gd name="T38" fmla="*/ 0 w 577"/>
                <a:gd name="T39" fmla="*/ 609 h 609"/>
                <a:gd name="T40" fmla="*/ 344 w 577"/>
                <a:gd name="T41" fmla="*/ 87 h 609"/>
                <a:gd name="T42" fmla="*/ 232 w 577"/>
                <a:gd name="T43" fmla="*/ 87 h 609"/>
                <a:gd name="T44" fmla="*/ 232 w 577"/>
                <a:gd name="T45" fmla="*/ 48 h 609"/>
                <a:gd name="T46" fmla="*/ 344 w 577"/>
                <a:gd name="T47" fmla="*/ 48 h 609"/>
                <a:gd name="T48" fmla="*/ 344 w 577"/>
                <a:gd name="T49" fmla="*/ 87 h 609"/>
                <a:gd name="T50" fmla="*/ 344 w 577"/>
                <a:gd name="T51" fmla="*/ 179 h 609"/>
                <a:gd name="T52" fmla="*/ 232 w 577"/>
                <a:gd name="T53" fmla="*/ 179 h 609"/>
                <a:gd name="T54" fmla="*/ 232 w 577"/>
                <a:gd name="T55" fmla="*/ 140 h 609"/>
                <a:gd name="T56" fmla="*/ 344 w 577"/>
                <a:gd name="T57" fmla="*/ 140 h 609"/>
                <a:gd name="T58" fmla="*/ 344 w 577"/>
                <a:gd name="T59" fmla="*/ 179 h 609"/>
                <a:gd name="T60" fmla="*/ 344 w 577"/>
                <a:gd name="T61" fmla="*/ 271 h 609"/>
                <a:gd name="T62" fmla="*/ 232 w 577"/>
                <a:gd name="T63" fmla="*/ 271 h 609"/>
                <a:gd name="T64" fmla="*/ 232 w 577"/>
                <a:gd name="T65" fmla="*/ 232 h 609"/>
                <a:gd name="T66" fmla="*/ 344 w 577"/>
                <a:gd name="T67" fmla="*/ 232 h 609"/>
                <a:gd name="T68" fmla="*/ 344 w 577"/>
                <a:gd name="T69" fmla="*/ 271 h 609"/>
                <a:gd name="T70" fmla="*/ 205 w 577"/>
                <a:gd name="T71" fmla="*/ 609 h 609"/>
                <a:gd name="T72" fmla="*/ 371 w 577"/>
                <a:gd name="T73" fmla="*/ 609 h 609"/>
                <a:gd name="T74" fmla="*/ 371 w 577"/>
                <a:gd name="T75" fmla="*/ 0 h 609"/>
                <a:gd name="T76" fmla="*/ 205 w 577"/>
                <a:gd name="T77" fmla="*/ 0 h 609"/>
                <a:gd name="T78" fmla="*/ 205 w 577"/>
                <a:gd name="T79" fmla="*/ 609 h 609"/>
                <a:gd name="T80" fmla="*/ 549 w 577"/>
                <a:gd name="T81" fmla="*/ 87 h 609"/>
                <a:gd name="T82" fmla="*/ 437 w 577"/>
                <a:gd name="T83" fmla="*/ 87 h 609"/>
                <a:gd name="T84" fmla="*/ 437 w 577"/>
                <a:gd name="T85" fmla="*/ 48 h 609"/>
                <a:gd name="T86" fmla="*/ 549 w 577"/>
                <a:gd name="T87" fmla="*/ 48 h 609"/>
                <a:gd name="T88" fmla="*/ 549 w 577"/>
                <a:gd name="T89" fmla="*/ 87 h 609"/>
                <a:gd name="T90" fmla="*/ 549 w 577"/>
                <a:gd name="T91" fmla="*/ 179 h 609"/>
                <a:gd name="T92" fmla="*/ 437 w 577"/>
                <a:gd name="T93" fmla="*/ 179 h 609"/>
                <a:gd name="T94" fmla="*/ 437 w 577"/>
                <a:gd name="T95" fmla="*/ 140 h 609"/>
                <a:gd name="T96" fmla="*/ 549 w 577"/>
                <a:gd name="T97" fmla="*/ 140 h 609"/>
                <a:gd name="T98" fmla="*/ 549 w 577"/>
                <a:gd name="T99" fmla="*/ 179 h 609"/>
                <a:gd name="T100" fmla="*/ 549 w 577"/>
                <a:gd name="T101" fmla="*/ 271 h 609"/>
                <a:gd name="T102" fmla="*/ 437 w 577"/>
                <a:gd name="T103" fmla="*/ 271 h 609"/>
                <a:gd name="T104" fmla="*/ 437 w 577"/>
                <a:gd name="T105" fmla="*/ 232 h 609"/>
                <a:gd name="T106" fmla="*/ 549 w 577"/>
                <a:gd name="T107" fmla="*/ 232 h 609"/>
                <a:gd name="T108" fmla="*/ 549 w 577"/>
                <a:gd name="T109" fmla="*/ 271 h 609"/>
                <a:gd name="T110" fmla="*/ 410 w 577"/>
                <a:gd name="T111" fmla="*/ 609 h 609"/>
                <a:gd name="T112" fmla="*/ 577 w 577"/>
                <a:gd name="T113" fmla="*/ 609 h 609"/>
                <a:gd name="T114" fmla="*/ 577 w 577"/>
                <a:gd name="T115" fmla="*/ 0 h 609"/>
                <a:gd name="T116" fmla="*/ 410 w 577"/>
                <a:gd name="T117" fmla="*/ 0 h 609"/>
                <a:gd name="T118" fmla="*/ 410 w 577"/>
                <a:gd name="T119" fmla="*/ 609 h 6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</a:cxnLst>
              <a:rect l="0" t="0" r="r" b="b"/>
              <a:pathLst>
                <a:path w="577" h="609">
                  <a:moveTo>
                    <a:pt x="139" y="87"/>
                  </a:moveTo>
                  <a:lnTo>
                    <a:pt x="27" y="87"/>
                  </a:lnTo>
                  <a:lnTo>
                    <a:pt x="27" y="48"/>
                  </a:lnTo>
                  <a:lnTo>
                    <a:pt x="139" y="48"/>
                  </a:lnTo>
                  <a:lnTo>
                    <a:pt x="139" y="87"/>
                  </a:lnTo>
                  <a:close/>
                  <a:moveTo>
                    <a:pt x="139" y="179"/>
                  </a:moveTo>
                  <a:lnTo>
                    <a:pt x="27" y="179"/>
                  </a:lnTo>
                  <a:lnTo>
                    <a:pt x="27" y="140"/>
                  </a:lnTo>
                  <a:lnTo>
                    <a:pt x="139" y="140"/>
                  </a:lnTo>
                  <a:lnTo>
                    <a:pt x="139" y="179"/>
                  </a:lnTo>
                  <a:close/>
                  <a:moveTo>
                    <a:pt x="139" y="271"/>
                  </a:moveTo>
                  <a:lnTo>
                    <a:pt x="27" y="271"/>
                  </a:lnTo>
                  <a:lnTo>
                    <a:pt x="27" y="232"/>
                  </a:lnTo>
                  <a:lnTo>
                    <a:pt x="139" y="232"/>
                  </a:lnTo>
                  <a:lnTo>
                    <a:pt x="139" y="271"/>
                  </a:lnTo>
                  <a:close/>
                  <a:moveTo>
                    <a:pt x="0" y="609"/>
                  </a:moveTo>
                  <a:lnTo>
                    <a:pt x="166" y="609"/>
                  </a:lnTo>
                  <a:lnTo>
                    <a:pt x="166" y="0"/>
                  </a:lnTo>
                  <a:lnTo>
                    <a:pt x="0" y="0"/>
                  </a:lnTo>
                  <a:lnTo>
                    <a:pt x="0" y="609"/>
                  </a:lnTo>
                  <a:close/>
                  <a:moveTo>
                    <a:pt x="344" y="87"/>
                  </a:moveTo>
                  <a:lnTo>
                    <a:pt x="232" y="87"/>
                  </a:lnTo>
                  <a:lnTo>
                    <a:pt x="232" y="48"/>
                  </a:lnTo>
                  <a:lnTo>
                    <a:pt x="344" y="48"/>
                  </a:lnTo>
                  <a:lnTo>
                    <a:pt x="344" y="87"/>
                  </a:lnTo>
                  <a:close/>
                  <a:moveTo>
                    <a:pt x="344" y="179"/>
                  </a:moveTo>
                  <a:lnTo>
                    <a:pt x="232" y="179"/>
                  </a:lnTo>
                  <a:lnTo>
                    <a:pt x="232" y="140"/>
                  </a:lnTo>
                  <a:lnTo>
                    <a:pt x="344" y="140"/>
                  </a:lnTo>
                  <a:lnTo>
                    <a:pt x="344" y="179"/>
                  </a:lnTo>
                  <a:close/>
                  <a:moveTo>
                    <a:pt x="344" y="271"/>
                  </a:moveTo>
                  <a:lnTo>
                    <a:pt x="232" y="271"/>
                  </a:lnTo>
                  <a:lnTo>
                    <a:pt x="232" y="232"/>
                  </a:lnTo>
                  <a:lnTo>
                    <a:pt x="344" y="232"/>
                  </a:lnTo>
                  <a:lnTo>
                    <a:pt x="344" y="271"/>
                  </a:lnTo>
                  <a:close/>
                  <a:moveTo>
                    <a:pt x="205" y="609"/>
                  </a:moveTo>
                  <a:lnTo>
                    <a:pt x="371" y="609"/>
                  </a:lnTo>
                  <a:lnTo>
                    <a:pt x="371" y="0"/>
                  </a:lnTo>
                  <a:lnTo>
                    <a:pt x="205" y="0"/>
                  </a:lnTo>
                  <a:lnTo>
                    <a:pt x="205" y="609"/>
                  </a:lnTo>
                  <a:close/>
                  <a:moveTo>
                    <a:pt x="549" y="87"/>
                  </a:moveTo>
                  <a:lnTo>
                    <a:pt x="437" y="87"/>
                  </a:lnTo>
                  <a:lnTo>
                    <a:pt x="437" y="48"/>
                  </a:lnTo>
                  <a:lnTo>
                    <a:pt x="549" y="48"/>
                  </a:lnTo>
                  <a:lnTo>
                    <a:pt x="549" y="87"/>
                  </a:lnTo>
                  <a:close/>
                  <a:moveTo>
                    <a:pt x="549" y="179"/>
                  </a:moveTo>
                  <a:lnTo>
                    <a:pt x="437" y="179"/>
                  </a:lnTo>
                  <a:lnTo>
                    <a:pt x="437" y="140"/>
                  </a:lnTo>
                  <a:lnTo>
                    <a:pt x="549" y="140"/>
                  </a:lnTo>
                  <a:lnTo>
                    <a:pt x="549" y="179"/>
                  </a:lnTo>
                  <a:close/>
                  <a:moveTo>
                    <a:pt x="549" y="271"/>
                  </a:moveTo>
                  <a:lnTo>
                    <a:pt x="437" y="271"/>
                  </a:lnTo>
                  <a:lnTo>
                    <a:pt x="437" y="232"/>
                  </a:lnTo>
                  <a:lnTo>
                    <a:pt x="549" y="232"/>
                  </a:lnTo>
                  <a:lnTo>
                    <a:pt x="549" y="271"/>
                  </a:lnTo>
                  <a:close/>
                  <a:moveTo>
                    <a:pt x="410" y="609"/>
                  </a:moveTo>
                  <a:lnTo>
                    <a:pt x="577" y="609"/>
                  </a:lnTo>
                  <a:lnTo>
                    <a:pt x="577" y="0"/>
                  </a:lnTo>
                  <a:lnTo>
                    <a:pt x="410" y="0"/>
                  </a:lnTo>
                  <a:lnTo>
                    <a:pt x="410" y="609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152" name="组合 151"/>
          <p:cNvGrpSpPr/>
          <p:nvPr/>
        </p:nvGrpSpPr>
        <p:grpSpPr>
          <a:xfrm>
            <a:off x="0" y="4950473"/>
            <a:ext cx="6656294" cy="990943"/>
            <a:chOff x="0" y="4753525"/>
            <a:chExt cx="6656294" cy="990943"/>
          </a:xfrm>
        </p:grpSpPr>
        <p:sp>
          <p:nvSpPr>
            <p:cNvPr id="153" name="Freeform 8"/>
            <p:cNvSpPr/>
            <p:nvPr/>
          </p:nvSpPr>
          <p:spPr bwMode="auto">
            <a:xfrm>
              <a:off x="0" y="4753525"/>
              <a:ext cx="6656294" cy="990943"/>
            </a:xfrm>
            <a:custGeom>
              <a:avLst/>
              <a:gdLst>
                <a:gd name="T0" fmla="*/ 0 w 743"/>
                <a:gd name="T1" fmla="*/ 96 h 96"/>
                <a:gd name="T2" fmla="*/ 682 w 743"/>
                <a:gd name="T3" fmla="*/ 96 h 96"/>
                <a:gd name="T4" fmla="*/ 688 w 743"/>
                <a:gd name="T5" fmla="*/ 93 h 96"/>
                <a:gd name="T6" fmla="*/ 741 w 743"/>
                <a:gd name="T7" fmla="*/ 50 h 96"/>
                <a:gd name="T8" fmla="*/ 741 w 743"/>
                <a:gd name="T9" fmla="*/ 46 h 96"/>
                <a:gd name="T10" fmla="*/ 688 w 743"/>
                <a:gd name="T11" fmla="*/ 3 h 96"/>
                <a:gd name="T12" fmla="*/ 682 w 743"/>
                <a:gd name="T13" fmla="*/ 0 h 96"/>
                <a:gd name="T14" fmla="*/ 0 w 743"/>
                <a:gd name="T15" fmla="*/ 0 h 96"/>
                <a:gd name="T16" fmla="*/ 0 w 743"/>
                <a:gd name="T17" fmla="*/ 96 h 9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43" h="96">
                  <a:moveTo>
                    <a:pt x="0" y="96"/>
                  </a:moveTo>
                  <a:cubicBezTo>
                    <a:pt x="682" y="96"/>
                    <a:pt x="682" y="96"/>
                    <a:pt x="682" y="96"/>
                  </a:cubicBezTo>
                  <a:cubicBezTo>
                    <a:pt x="684" y="96"/>
                    <a:pt x="687" y="95"/>
                    <a:pt x="688" y="93"/>
                  </a:cubicBezTo>
                  <a:cubicBezTo>
                    <a:pt x="741" y="50"/>
                    <a:pt x="741" y="50"/>
                    <a:pt x="741" y="50"/>
                  </a:cubicBezTo>
                  <a:cubicBezTo>
                    <a:pt x="743" y="49"/>
                    <a:pt x="743" y="47"/>
                    <a:pt x="741" y="46"/>
                  </a:cubicBezTo>
                  <a:cubicBezTo>
                    <a:pt x="688" y="3"/>
                    <a:pt x="688" y="3"/>
                    <a:pt x="688" y="3"/>
                  </a:cubicBezTo>
                  <a:cubicBezTo>
                    <a:pt x="687" y="1"/>
                    <a:pt x="684" y="0"/>
                    <a:pt x="682" y="0"/>
                  </a:cubicBezTo>
                  <a:cubicBezTo>
                    <a:pt x="0" y="0"/>
                    <a:pt x="0" y="0"/>
                    <a:pt x="0" y="0"/>
                  </a:cubicBezTo>
                  <a:lnTo>
                    <a:pt x="0" y="96"/>
                  </a:lnTo>
                  <a:close/>
                </a:path>
              </a:pathLst>
            </a:custGeom>
            <a:solidFill>
              <a:srgbClr val="FDA70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54" name="矩形 153"/>
            <p:cNvSpPr/>
            <p:nvPr/>
          </p:nvSpPr>
          <p:spPr>
            <a:xfrm>
              <a:off x="181218" y="5078162"/>
              <a:ext cx="637037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4</a:t>
              </a:r>
              <a:endParaRPr lang="zh-CN" altLang="en-US" sz="2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5" name="Freeform 33"/>
            <p:cNvSpPr>
              <a:spLocks noEditPoints="1"/>
            </p:cNvSpPr>
            <p:nvPr/>
          </p:nvSpPr>
          <p:spPr bwMode="auto">
            <a:xfrm>
              <a:off x="5756682" y="5101063"/>
              <a:ext cx="392297" cy="368433"/>
            </a:xfrm>
            <a:custGeom>
              <a:avLst/>
              <a:gdLst>
                <a:gd name="T0" fmla="*/ 21 w 643"/>
                <a:gd name="T1" fmla="*/ 477 h 603"/>
                <a:gd name="T2" fmla="*/ 459 w 643"/>
                <a:gd name="T3" fmla="*/ 359 h 603"/>
                <a:gd name="T4" fmla="*/ 420 w 643"/>
                <a:gd name="T5" fmla="*/ 494 h 603"/>
                <a:gd name="T6" fmla="*/ 407 w 643"/>
                <a:gd name="T7" fmla="*/ 377 h 603"/>
                <a:gd name="T8" fmla="*/ 408 w 643"/>
                <a:gd name="T9" fmla="*/ 272 h 603"/>
                <a:gd name="T10" fmla="*/ 397 w 643"/>
                <a:gd name="T11" fmla="*/ 276 h 603"/>
                <a:gd name="T12" fmla="*/ 405 w 643"/>
                <a:gd name="T13" fmla="*/ 292 h 603"/>
                <a:gd name="T14" fmla="*/ 415 w 643"/>
                <a:gd name="T15" fmla="*/ 288 h 603"/>
                <a:gd name="T16" fmla="*/ 356 w 643"/>
                <a:gd name="T17" fmla="*/ 302 h 603"/>
                <a:gd name="T18" fmla="*/ 360 w 643"/>
                <a:gd name="T19" fmla="*/ 322 h 603"/>
                <a:gd name="T20" fmla="*/ 368 w 643"/>
                <a:gd name="T21" fmla="*/ 315 h 603"/>
                <a:gd name="T22" fmla="*/ 324 w 643"/>
                <a:gd name="T23" fmla="*/ 341 h 603"/>
                <a:gd name="T24" fmla="*/ 319 w 643"/>
                <a:gd name="T25" fmla="*/ 351 h 603"/>
                <a:gd name="T26" fmla="*/ 335 w 643"/>
                <a:gd name="T27" fmla="*/ 359 h 603"/>
                <a:gd name="T28" fmla="*/ 340 w 643"/>
                <a:gd name="T29" fmla="*/ 349 h 603"/>
                <a:gd name="T30" fmla="*/ 305 w 643"/>
                <a:gd name="T31" fmla="*/ 399 h 603"/>
                <a:gd name="T32" fmla="*/ 322 w 643"/>
                <a:gd name="T33" fmla="*/ 411 h 603"/>
                <a:gd name="T34" fmla="*/ 323 w 643"/>
                <a:gd name="T35" fmla="*/ 400 h 603"/>
                <a:gd name="T36" fmla="*/ 308 w 643"/>
                <a:gd name="T37" fmla="*/ 450 h 603"/>
                <a:gd name="T38" fmla="*/ 311 w 643"/>
                <a:gd name="T39" fmla="*/ 461 h 603"/>
                <a:gd name="T40" fmla="*/ 327 w 643"/>
                <a:gd name="T41" fmla="*/ 455 h 603"/>
                <a:gd name="T42" fmla="*/ 324 w 643"/>
                <a:gd name="T43" fmla="*/ 444 h 603"/>
                <a:gd name="T44" fmla="*/ 332 w 643"/>
                <a:gd name="T45" fmla="*/ 505 h 603"/>
                <a:gd name="T46" fmla="*/ 353 w 643"/>
                <a:gd name="T47" fmla="*/ 503 h 603"/>
                <a:gd name="T48" fmla="*/ 346 w 643"/>
                <a:gd name="T49" fmla="*/ 495 h 603"/>
                <a:gd name="T50" fmla="*/ 367 w 643"/>
                <a:gd name="T51" fmla="*/ 541 h 603"/>
                <a:gd name="T52" fmla="*/ 377 w 643"/>
                <a:gd name="T53" fmla="*/ 547 h 603"/>
                <a:gd name="T54" fmla="*/ 386 w 643"/>
                <a:gd name="T55" fmla="*/ 532 h 603"/>
                <a:gd name="T56" fmla="*/ 377 w 643"/>
                <a:gd name="T57" fmla="*/ 526 h 603"/>
                <a:gd name="T58" fmla="*/ 423 w 643"/>
                <a:gd name="T59" fmla="*/ 566 h 603"/>
                <a:gd name="T60" fmla="*/ 434 w 643"/>
                <a:gd name="T61" fmla="*/ 568 h 603"/>
                <a:gd name="T62" fmla="*/ 427 w 643"/>
                <a:gd name="T63" fmla="*/ 549 h 603"/>
                <a:gd name="T64" fmla="*/ 472 w 643"/>
                <a:gd name="T65" fmla="*/ 569 h 603"/>
                <a:gd name="T66" fmla="*/ 484 w 643"/>
                <a:gd name="T67" fmla="*/ 568 h 603"/>
                <a:gd name="T68" fmla="*/ 483 w 643"/>
                <a:gd name="T69" fmla="*/ 550 h 603"/>
                <a:gd name="T70" fmla="*/ 472 w 643"/>
                <a:gd name="T71" fmla="*/ 552 h 603"/>
                <a:gd name="T72" fmla="*/ 530 w 643"/>
                <a:gd name="T73" fmla="*/ 551 h 603"/>
                <a:gd name="T74" fmla="*/ 540 w 643"/>
                <a:gd name="T75" fmla="*/ 545 h 603"/>
                <a:gd name="T76" fmla="*/ 524 w 643"/>
                <a:gd name="T77" fmla="*/ 535 h 603"/>
                <a:gd name="T78" fmla="*/ 570 w 643"/>
                <a:gd name="T79" fmla="*/ 521 h 603"/>
                <a:gd name="T80" fmla="*/ 577 w 643"/>
                <a:gd name="T81" fmla="*/ 512 h 603"/>
                <a:gd name="T82" fmla="*/ 565 w 643"/>
                <a:gd name="T83" fmla="*/ 499 h 603"/>
                <a:gd name="T84" fmla="*/ 559 w 643"/>
                <a:gd name="T85" fmla="*/ 507 h 603"/>
                <a:gd name="T86" fmla="*/ 601 w 643"/>
                <a:gd name="T87" fmla="*/ 469 h 603"/>
                <a:gd name="T88" fmla="*/ 605 w 643"/>
                <a:gd name="T89" fmla="*/ 457 h 603"/>
                <a:gd name="T90" fmla="*/ 586 w 643"/>
                <a:gd name="T91" fmla="*/ 459 h 603"/>
                <a:gd name="T92" fmla="*/ 610 w 643"/>
                <a:gd name="T93" fmla="*/ 419 h 603"/>
                <a:gd name="T94" fmla="*/ 610 w 643"/>
                <a:gd name="T95" fmla="*/ 408 h 603"/>
                <a:gd name="T96" fmla="*/ 592 w 643"/>
                <a:gd name="T97" fmla="*/ 406 h 603"/>
                <a:gd name="T98" fmla="*/ 593 w 643"/>
                <a:gd name="T99" fmla="*/ 417 h 603"/>
                <a:gd name="T100" fmla="*/ 599 w 643"/>
                <a:gd name="T101" fmla="*/ 358 h 603"/>
                <a:gd name="T102" fmla="*/ 594 w 643"/>
                <a:gd name="T103" fmla="*/ 347 h 603"/>
                <a:gd name="T104" fmla="*/ 581 w 643"/>
                <a:gd name="T105" fmla="*/ 363 h 603"/>
                <a:gd name="T106" fmla="*/ 573 w 643"/>
                <a:gd name="T107" fmla="*/ 316 h 603"/>
                <a:gd name="T108" fmla="*/ 565 w 643"/>
                <a:gd name="T109" fmla="*/ 308 h 603"/>
                <a:gd name="T110" fmla="*/ 550 w 643"/>
                <a:gd name="T111" fmla="*/ 318 h 603"/>
                <a:gd name="T112" fmla="*/ 557 w 643"/>
                <a:gd name="T113" fmla="*/ 326 h 603"/>
                <a:gd name="T114" fmla="*/ 524 w 643"/>
                <a:gd name="T115" fmla="*/ 279 h 603"/>
                <a:gd name="T116" fmla="*/ 513 w 643"/>
                <a:gd name="T117" fmla="*/ 274 h 603"/>
                <a:gd name="T118" fmla="*/ 513 w 643"/>
                <a:gd name="T119" fmla="*/ 293 h 603"/>
                <a:gd name="T120" fmla="*/ 457 w 643"/>
                <a:gd name="T121" fmla="*/ 231 h 603"/>
                <a:gd name="T122" fmla="*/ 358 w 643"/>
                <a:gd name="T123" fmla="*/ 9 h 603"/>
                <a:gd name="T124" fmla="*/ 30 w 643"/>
                <a:gd name="T125" fmla="*/ 153 h 6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643" h="603">
                  <a:moveTo>
                    <a:pt x="51" y="448"/>
                  </a:moveTo>
                  <a:cubicBezTo>
                    <a:pt x="83" y="445"/>
                    <a:pt x="115" y="443"/>
                    <a:pt x="147" y="442"/>
                  </a:cubicBezTo>
                  <a:cubicBezTo>
                    <a:pt x="127" y="440"/>
                    <a:pt x="108" y="439"/>
                    <a:pt x="88" y="436"/>
                  </a:cubicBezTo>
                  <a:cubicBezTo>
                    <a:pt x="72" y="435"/>
                    <a:pt x="59" y="423"/>
                    <a:pt x="59" y="407"/>
                  </a:cubicBezTo>
                  <a:cubicBezTo>
                    <a:pt x="59" y="383"/>
                    <a:pt x="59" y="359"/>
                    <a:pt x="59" y="335"/>
                  </a:cubicBezTo>
                  <a:cubicBezTo>
                    <a:pt x="59" y="318"/>
                    <a:pt x="72" y="306"/>
                    <a:pt x="88" y="305"/>
                  </a:cubicBezTo>
                  <a:cubicBezTo>
                    <a:pt x="148" y="299"/>
                    <a:pt x="207" y="297"/>
                    <a:pt x="267" y="298"/>
                  </a:cubicBezTo>
                  <a:cubicBezTo>
                    <a:pt x="245" y="333"/>
                    <a:pt x="233" y="373"/>
                    <a:pt x="233" y="417"/>
                  </a:cubicBezTo>
                  <a:cubicBezTo>
                    <a:pt x="233" y="479"/>
                    <a:pt x="258" y="535"/>
                    <a:pt x="299" y="575"/>
                  </a:cubicBezTo>
                  <a:cubicBezTo>
                    <a:pt x="301" y="578"/>
                    <a:pt x="304" y="581"/>
                    <a:pt x="306" y="583"/>
                  </a:cubicBezTo>
                  <a:cubicBezTo>
                    <a:pt x="221" y="590"/>
                    <a:pt x="136" y="588"/>
                    <a:pt x="51" y="579"/>
                  </a:cubicBezTo>
                  <a:cubicBezTo>
                    <a:pt x="35" y="578"/>
                    <a:pt x="21" y="566"/>
                    <a:pt x="21" y="549"/>
                  </a:cubicBezTo>
                  <a:cubicBezTo>
                    <a:pt x="21" y="526"/>
                    <a:pt x="21" y="501"/>
                    <a:pt x="21" y="477"/>
                  </a:cubicBezTo>
                  <a:cubicBezTo>
                    <a:pt x="21" y="461"/>
                    <a:pt x="35" y="449"/>
                    <a:pt x="51" y="448"/>
                  </a:cubicBezTo>
                  <a:close/>
                  <a:moveTo>
                    <a:pt x="442" y="265"/>
                  </a:moveTo>
                  <a:lnTo>
                    <a:pt x="442" y="265"/>
                  </a:lnTo>
                  <a:cubicBezTo>
                    <a:pt x="454" y="263"/>
                    <a:pt x="467" y="262"/>
                    <a:pt x="479" y="265"/>
                  </a:cubicBezTo>
                  <a:cubicBezTo>
                    <a:pt x="478" y="271"/>
                    <a:pt x="478" y="278"/>
                    <a:pt x="477" y="284"/>
                  </a:cubicBezTo>
                  <a:cubicBezTo>
                    <a:pt x="466" y="283"/>
                    <a:pt x="455" y="283"/>
                    <a:pt x="444" y="284"/>
                  </a:cubicBezTo>
                  <a:cubicBezTo>
                    <a:pt x="443" y="278"/>
                    <a:pt x="443" y="271"/>
                    <a:pt x="442" y="265"/>
                  </a:cubicBezTo>
                  <a:close/>
                  <a:moveTo>
                    <a:pt x="510" y="384"/>
                  </a:moveTo>
                  <a:lnTo>
                    <a:pt x="510" y="384"/>
                  </a:lnTo>
                  <a:lnTo>
                    <a:pt x="467" y="384"/>
                  </a:lnTo>
                  <a:lnTo>
                    <a:pt x="467" y="377"/>
                  </a:lnTo>
                  <a:cubicBezTo>
                    <a:pt x="467" y="369"/>
                    <a:pt x="466" y="364"/>
                    <a:pt x="465" y="362"/>
                  </a:cubicBezTo>
                  <a:cubicBezTo>
                    <a:pt x="464" y="360"/>
                    <a:pt x="462" y="359"/>
                    <a:pt x="459" y="359"/>
                  </a:cubicBezTo>
                  <a:cubicBezTo>
                    <a:pt x="456" y="359"/>
                    <a:pt x="454" y="359"/>
                    <a:pt x="453" y="362"/>
                  </a:cubicBezTo>
                  <a:cubicBezTo>
                    <a:pt x="452" y="364"/>
                    <a:pt x="451" y="367"/>
                    <a:pt x="451" y="371"/>
                  </a:cubicBezTo>
                  <a:cubicBezTo>
                    <a:pt x="451" y="377"/>
                    <a:pt x="452" y="382"/>
                    <a:pt x="455" y="385"/>
                  </a:cubicBezTo>
                  <a:cubicBezTo>
                    <a:pt x="458" y="388"/>
                    <a:pt x="466" y="393"/>
                    <a:pt x="478" y="401"/>
                  </a:cubicBezTo>
                  <a:cubicBezTo>
                    <a:pt x="489" y="407"/>
                    <a:pt x="497" y="413"/>
                    <a:pt x="501" y="416"/>
                  </a:cubicBezTo>
                  <a:cubicBezTo>
                    <a:pt x="505" y="420"/>
                    <a:pt x="508" y="425"/>
                    <a:pt x="511" y="431"/>
                  </a:cubicBezTo>
                  <a:cubicBezTo>
                    <a:pt x="514" y="437"/>
                    <a:pt x="515" y="445"/>
                    <a:pt x="515" y="455"/>
                  </a:cubicBezTo>
                  <a:cubicBezTo>
                    <a:pt x="515" y="471"/>
                    <a:pt x="512" y="483"/>
                    <a:pt x="504" y="491"/>
                  </a:cubicBezTo>
                  <a:cubicBezTo>
                    <a:pt x="497" y="500"/>
                    <a:pt x="485" y="506"/>
                    <a:pt x="471" y="508"/>
                  </a:cubicBezTo>
                  <a:lnTo>
                    <a:pt x="471" y="524"/>
                  </a:lnTo>
                  <a:lnTo>
                    <a:pt x="451" y="524"/>
                  </a:lnTo>
                  <a:lnTo>
                    <a:pt x="451" y="507"/>
                  </a:lnTo>
                  <a:cubicBezTo>
                    <a:pt x="439" y="506"/>
                    <a:pt x="429" y="502"/>
                    <a:pt x="420" y="494"/>
                  </a:cubicBezTo>
                  <a:cubicBezTo>
                    <a:pt x="412" y="486"/>
                    <a:pt x="407" y="473"/>
                    <a:pt x="407" y="453"/>
                  </a:cubicBezTo>
                  <a:lnTo>
                    <a:pt x="407" y="445"/>
                  </a:lnTo>
                  <a:lnTo>
                    <a:pt x="451" y="445"/>
                  </a:lnTo>
                  <a:lnTo>
                    <a:pt x="451" y="456"/>
                  </a:lnTo>
                  <a:cubicBezTo>
                    <a:pt x="451" y="467"/>
                    <a:pt x="451" y="474"/>
                    <a:pt x="452" y="477"/>
                  </a:cubicBezTo>
                  <a:cubicBezTo>
                    <a:pt x="453" y="480"/>
                    <a:pt x="455" y="481"/>
                    <a:pt x="458" y="481"/>
                  </a:cubicBezTo>
                  <a:cubicBezTo>
                    <a:pt x="461" y="481"/>
                    <a:pt x="464" y="480"/>
                    <a:pt x="465" y="478"/>
                  </a:cubicBezTo>
                  <a:cubicBezTo>
                    <a:pt x="466" y="476"/>
                    <a:pt x="467" y="473"/>
                    <a:pt x="467" y="470"/>
                  </a:cubicBezTo>
                  <a:cubicBezTo>
                    <a:pt x="467" y="460"/>
                    <a:pt x="466" y="453"/>
                    <a:pt x="465" y="449"/>
                  </a:cubicBezTo>
                  <a:cubicBezTo>
                    <a:pt x="464" y="445"/>
                    <a:pt x="459" y="440"/>
                    <a:pt x="451" y="435"/>
                  </a:cubicBezTo>
                  <a:cubicBezTo>
                    <a:pt x="438" y="427"/>
                    <a:pt x="429" y="421"/>
                    <a:pt x="424" y="417"/>
                  </a:cubicBezTo>
                  <a:cubicBezTo>
                    <a:pt x="420" y="413"/>
                    <a:pt x="415" y="408"/>
                    <a:pt x="412" y="401"/>
                  </a:cubicBezTo>
                  <a:cubicBezTo>
                    <a:pt x="408" y="393"/>
                    <a:pt x="407" y="385"/>
                    <a:pt x="407" y="377"/>
                  </a:cubicBezTo>
                  <a:cubicBezTo>
                    <a:pt x="407" y="364"/>
                    <a:pt x="410" y="354"/>
                    <a:pt x="418" y="346"/>
                  </a:cubicBezTo>
                  <a:cubicBezTo>
                    <a:pt x="425" y="339"/>
                    <a:pt x="436" y="334"/>
                    <a:pt x="451" y="333"/>
                  </a:cubicBezTo>
                  <a:lnTo>
                    <a:pt x="451" y="319"/>
                  </a:lnTo>
                  <a:lnTo>
                    <a:pt x="471" y="319"/>
                  </a:lnTo>
                  <a:lnTo>
                    <a:pt x="471" y="333"/>
                  </a:lnTo>
                  <a:cubicBezTo>
                    <a:pt x="484" y="334"/>
                    <a:pt x="494" y="339"/>
                    <a:pt x="501" y="346"/>
                  </a:cubicBezTo>
                  <a:cubicBezTo>
                    <a:pt x="507" y="353"/>
                    <a:pt x="511" y="363"/>
                    <a:pt x="511" y="376"/>
                  </a:cubicBezTo>
                  <a:cubicBezTo>
                    <a:pt x="511" y="378"/>
                    <a:pt x="510" y="381"/>
                    <a:pt x="510" y="384"/>
                  </a:cubicBezTo>
                  <a:close/>
                  <a:moveTo>
                    <a:pt x="411" y="271"/>
                  </a:moveTo>
                  <a:lnTo>
                    <a:pt x="411" y="271"/>
                  </a:lnTo>
                  <a:lnTo>
                    <a:pt x="410" y="271"/>
                  </a:lnTo>
                  <a:lnTo>
                    <a:pt x="409" y="271"/>
                  </a:lnTo>
                  <a:lnTo>
                    <a:pt x="408" y="272"/>
                  </a:lnTo>
                  <a:lnTo>
                    <a:pt x="407" y="272"/>
                  </a:lnTo>
                  <a:lnTo>
                    <a:pt x="406" y="272"/>
                  </a:lnTo>
                  <a:lnTo>
                    <a:pt x="405" y="273"/>
                  </a:lnTo>
                  <a:lnTo>
                    <a:pt x="405" y="273"/>
                  </a:lnTo>
                  <a:lnTo>
                    <a:pt x="404" y="273"/>
                  </a:lnTo>
                  <a:lnTo>
                    <a:pt x="403" y="274"/>
                  </a:lnTo>
                  <a:lnTo>
                    <a:pt x="402" y="274"/>
                  </a:lnTo>
                  <a:lnTo>
                    <a:pt x="401" y="274"/>
                  </a:lnTo>
                  <a:lnTo>
                    <a:pt x="400" y="275"/>
                  </a:lnTo>
                  <a:lnTo>
                    <a:pt x="399" y="275"/>
                  </a:lnTo>
                  <a:lnTo>
                    <a:pt x="398" y="275"/>
                  </a:lnTo>
                  <a:lnTo>
                    <a:pt x="398" y="276"/>
                  </a:lnTo>
                  <a:lnTo>
                    <a:pt x="397" y="276"/>
                  </a:lnTo>
                  <a:lnTo>
                    <a:pt x="396" y="277"/>
                  </a:lnTo>
                  <a:lnTo>
                    <a:pt x="395" y="277"/>
                  </a:lnTo>
                  <a:lnTo>
                    <a:pt x="394" y="277"/>
                  </a:lnTo>
                  <a:lnTo>
                    <a:pt x="393" y="278"/>
                  </a:lnTo>
                  <a:lnTo>
                    <a:pt x="393" y="278"/>
                  </a:lnTo>
                  <a:lnTo>
                    <a:pt x="401" y="294"/>
                  </a:lnTo>
                  <a:lnTo>
                    <a:pt x="401" y="294"/>
                  </a:lnTo>
                  <a:lnTo>
                    <a:pt x="401" y="293"/>
                  </a:lnTo>
                  <a:lnTo>
                    <a:pt x="402" y="293"/>
                  </a:lnTo>
                  <a:lnTo>
                    <a:pt x="403" y="293"/>
                  </a:lnTo>
                  <a:lnTo>
                    <a:pt x="404" y="292"/>
                  </a:lnTo>
                  <a:lnTo>
                    <a:pt x="404" y="292"/>
                  </a:lnTo>
                  <a:lnTo>
                    <a:pt x="405" y="292"/>
                  </a:lnTo>
                  <a:lnTo>
                    <a:pt x="406" y="291"/>
                  </a:lnTo>
                  <a:lnTo>
                    <a:pt x="407" y="291"/>
                  </a:lnTo>
                  <a:lnTo>
                    <a:pt x="407" y="291"/>
                  </a:lnTo>
                  <a:lnTo>
                    <a:pt x="408" y="290"/>
                  </a:lnTo>
                  <a:lnTo>
                    <a:pt x="409" y="290"/>
                  </a:lnTo>
                  <a:lnTo>
                    <a:pt x="410" y="290"/>
                  </a:lnTo>
                  <a:lnTo>
                    <a:pt x="411" y="290"/>
                  </a:lnTo>
                  <a:lnTo>
                    <a:pt x="411" y="289"/>
                  </a:lnTo>
                  <a:lnTo>
                    <a:pt x="412" y="289"/>
                  </a:lnTo>
                  <a:lnTo>
                    <a:pt x="413" y="289"/>
                  </a:lnTo>
                  <a:lnTo>
                    <a:pt x="414" y="288"/>
                  </a:lnTo>
                  <a:lnTo>
                    <a:pt x="414" y="288"/>
                  </a:lnTo>
                  <a:lnTo>
                    <a:pt x="415" y="288"/>
                  </a:lnTo>
                  <a:lnTo>
                    <a:pt x="416" y="288"/>
                  </a:lnTo>
                  <a:lnTo>
                    <a:pt x="411" y="271"/>
                  </a:lnTo>
                  <a:close/>
                  <a:moveTo>
                    <a:pt x="361" y="297"/>
                  </a:moveTo>
                  <a:lnTo>
                    <a:pt x="361" y="297"/>
                  </a:lnTo>
                  <a:lnTo>
                    <a:pt x="361" y="297"/>
                  </a:lnTo>
                  <a:lnTo>
                    <a:pt x="360" y="298"/>
                  </a:lnTo>
                  <a:lnTo>
                    <a:pt x="360" y="299"/>
                  </a:lnTo>
                  <a:lnTo>
                    <a:pt x="359" y="299"/>
                  </a:lnTo>
                  <a:lnTo>
                    <a:pt x="358" y="300"/>
                  </a:lnTo>
                  <a:lnTo>
                    <a:pt x="358" y="300"/>
                  </a:lnTo>
                  <a:lnTo>
                    <a:pt x="357" y="301"/>
                  </a:lnTo>
                  <a:lnTo>
                    <a:pt x="356" y="302"/>
                  </a:lnTo>
                  <a:lnTo>
                    <a:pt x="356" y="302"/>
                  </a:lnTo>
                  <a:lnTo>
                    <a:pt x="355" y="303"/>
                  </a:lnTo>
                  <a:lnTo>
                    <a:pt x="354" y="304"/>
                  </a:lnTo>
                  <a:lnTo>
                    <a:pt x="354" y="304"/>
                  </a:lnTo>
                  <a:lnTo>
                    <a:pt x="353" y="305"/>
                  </a:lnTo>
                  <a:lnTo>
                    <a:pt x="352" y="305"/>
                  </a:lnTo>
                  <a:lnTo>
                    <a:pt x="352" y="306"/>
                  </a:lnTo>
                  <a:lnTo>
                    <a:pt x="351" y="307"/>
                  </a:lnTo>
                  <a:lnTo>
                    <a:pt x="350" y="307"/>
                  </a:lnTo>
                  <a:lnTo>
                    <a:pt x="350" y="308"/>
                  </a:lnTo>
                  <a:lnTo>
                    <a:pt x="349" y="309"/>
                  </a:lnTo>
                  <a:lnTo>
                    <a:pt x="348" y="309"/>
                  </a:lnTo>
                  <a:lnTo>
                    <a:pt x="348" y="310"/>
                  </a:lnTo>
                  <a:lnTo>
                    <a:pt x="360" y="322"/>
                  </a:lnTo>
                  <a:lnTo>
                    <a:pt x="361" y="322"/>
                  </a:lnTo>
                  <a:lnTo>
                    <a:pt x="361" y="321"/>
                  </a:lnTo>
                  <a:lnTo>
                    <a:pt x="362" y="320"/>
                  </a:lnTo>
                  <a:lnTo>
                    <a:pt x="363" y="320"/>
                  </a:lnTo>
                  <a:lnTo>
                    <a:pt x="363" y="319"/>
                  </a:lnTo>
                  <a:lnTo>
                    <a:pt x="364" y="319"/>
                  </a:lnTo>
                  <a:lnTo>
                    <a:pt x="364" y="318"/>
                  </a:lnTo>
                  <a:lnTo>
                    <a:pt x="365" y="318"/>
                  </a:lnTo>
                  <a:lnTo>
                    <a:pt x="365" y="317"/>
                  </a:lnTo>
                  <a:lnTo>
                    <a:pt x="366" y="317"/>
                  </a:lnTo>
                  <a:lnTo>
                    <a:pt x="367" y="316"/>
                  </a:lnTo>
                  <a:lnTo>
                    <a:pt x="367" y="315"/>
                  </a:lnTo>
                  <a:lnTo>
                    <a:pt x="368" y="315"/>
                  </a:lnTo>
                  <a:lnTo>
                    <a:pt x="368" y="314"/>
                  </a:lnTo>
                  <a:lnTo>
                    <a:pt x="369" y="314"/>
                  </a:lnTo>
                  <a:lnTo>
                    <a:pt x="370" y="313"/>
                  </a:lnTo>
                  <a:lnTo>
                    <a:pt x="370" y="313"/>
                  </a:lnTo>
                  <a:lnTo>
                    <a:pt x="371" y="312"/>
                  </a:lnTo>
                  <a:lnTo>
                    <a:pt x="372" y="312"/>
                  </a:lnTo>
                  <a:lnTo>
                    <a:pt x="372" y="311"/>
                  </a:lnTo>
                  <a:lnTo>
                    <a:pt x="373" y="311"/>
                  </a:lnTo>
                  <a:lnTo>
                    <a:pt x="361" y="297"/>
                  </a:lnTo>
                  <a:close/>
                  <a:moveTo>
                    <a:pt x="325" y="339"/>
                  </a:moveTo>
                  <a:lnTo>
                    <a:pt x="325" y="339"/>
                  </a:lnTo>
                  <a:lnTo>
                    <a:pt x="325" y="340"/>
                  </a:lnTo>
                  <a:lnTo>
                    <a:pt x="324" y="341"/>
                  </a:lnTo>
                  <a:lnTo>
                    <a:pt x="324" y="341"/>
                  </a:lnTo>
                  <a:lnTo>
                    <a:pt x="323" y="342"/>
                  </a:lnTo>
                  <a:lnTo>
                    <a:pt x="323" y="343"/>
                  </a:lnTo>
                  <a:lnTo>
                    <a:pt x="323" y="344"/>
                  </a:lnTo>
                  <a:lnTo>
                    <a:pt x="322" y="345"/>
                  </a:lnTo>
                  <a:lnTo>
                    <a:pt x="322" y="345"/>
                  </a:lnTo>
                  <a:lnTo>
                    <a:pt x="321" y="346"/>
                  </a:lnTo>
                  <a:lnTo>
                    <a:pt x="321" y="347"/>
                  </a:lnTo>
                  <a:lnTo>
                    <a:pt x="320" y="348"/>
                  </a:lnTo>
                  <a:lnTo>
                    <a:pt x="320" y="349"/>
                  </a:lnTo>
                  <a:lnTo>
                    <a:pt x="320" y="350"/>
                  </a:lnTo>
                  <a:lnTo>
                    <a:pt x="319" y="350"/>
                  </a:lnTo>
                  <a:lnTo>
                    <a:pt x="319" y="351"/>
                  </a:lnTo>
                  <a:lnTo>
                    <a:pt x="318" y="352"/>
                  </a:lnTo>
                  <a:lnTo>
                    <a:pt x="318" y="353"/>
                  </a:lnTo>
                  <a:lnTo>
                    <a:pt x="318" y="354"/>
                  </a:lnTo>
                  <a:lnTo>
                    <a:pt x="317" y="355"/>
                  </a:lnTo>
                  <a:lnTo>
                    <a:pt x="317" y="356"/>
                  </a:lnTo>
                  <a:lnTo>
                    <a:pt x="317" y="356"/>
                  </a:lnTo>
                  <a:lnTo>
                    <a:pt x="333" y="363"/>
                  </a:lnTo>
                  <a:lnTo>
                    <a:pt x="333" y="363"/>
                  </a:lnTo>
                  <a:lnTo>
                    <a:pt x="333" y="362"/>
                  </a:lnTo>
                  <a:lnTo>
                    <a:pt x="334" y="361"/>
                  </a:lnTo>
                  <a:lnTo>
                    <a:pt x="334" y="360"/>
                  </a:lnTo>
                  <a:lnTo>
                    <a:pt x="334" y="360"/>
                  </a:lnTo>
                  <a:lnTo>
                    <a:pt x="335" y="359"/>
                  </a:lnTo>
                  <a:lnTo>
                    <a:pt x="335" y="358"/>
                  </a:lnTo>
                  <a:lnTo>
                    <a:pt x="335" y="357"/>
                  </a:lnTo>
                  <a:lnTo>
                    <a:pt x="336" y="357"/>
                  </a:lnTo>
                  <a:lnTo>
                    <a:pt x="336" y="356"/>
                  </a:lnTo>
                  <a:lnTo>
                    <a:pt x="336" y="355"/>
                  </a:lnTo>
                  <a:lnTo>
                    <a:pt x="337" y="354"/>
                  </a:lnTo>
                  <a:lnTo>
                    <a:pt x="337" y="354"/>
                  </a:lnTo>
                  <a:lnTo>
                    <a:pt x="338" y="353"/>
                  </a:lnTo>
                  <a:lnTo>
                    <a:pt x="338" y="352"/>
                  </a:lnTo>
                  <a:lnTo>
                    <a:pt x="338" y="351"/>
                  </a:lnTo>
                  <a:lnTo>
                    <a:pt x="339" y="351"/>
                  </a:lnTo>
                  <a:lnTo>
                    <a:pt x="339" y="350"/>
                  </a:lnTo>
                  <a:lnTo>
                    <a:pt x="340" y="349"/>
                  </a:lnTo>
                  <a:lnTo>
                    <a:pt x="340" y="349"/>
                  </a:lnTo>
                  <a:lnTo>
                    <a:pt x="340" y="348"/>
                  </a:lnTo>
                  <a:lnTo>
                    <a:pt x="325" y="339"/>
                  </a:lnTo>
                  <a:close/>
                  <a:moveTo>
                    <a:pt x="306" y="392"/>
                  </a:moveTo>
                  <a:lnTo>
                    <a:pt x="306" y="392"/>
                  </a:lnTo>
                  <a:lnTo>
                    <a:pt x="306" y="393"/>
                  </a:lnTo>
                  <a:lnTo>
                    <a:pt x="306" y="394"/>
                  </a:lnTo>
                  <a:lnTo>
                    <a:pt x="306" y="394"/>
                  </a:lnTo>
                  <a:lnTo>
                    <a:pt x="306" y="395"/>
                  </a:lnTo>
                  <a:lnTo>
                    <a:pt x="305" y="396"/>
                  </a:lnTo>
                  <a:lnTo>
                    <a:pt x="305" y="397"/>
                  </a:lnTo>
                  <a:lnTo>
                    <a:pt x="305" y="398"/>
                  </a:lnTo>
                  <a:lnTo>
                    <a:pt x="305" y="399"/>
                  </a:lnTo>
                  <a:lnTo>
                    <a:pt x="305" y="400"/>
                  </a:lnTo>
                  <a:lnTo>
                    <a:pt x="305" y="401"/>
                  </a:lnTo>
                  <a:lnTo>
                    <a:pt x="305" y="402"/>
                  </a:lnTo>
                  <a:lnTo>
                    <a:pt x="305" y="403"/>
                  </a:lnTo>
                  <a:lnTo>
                    <a:pt x="305" y="404"/>
                  </a:lnTo>
                  <a:lnTo>
                    <a:pt x="304" y="405"/>
                  </a:lnTo>
                  <a:lnTo>
                    <a:pt x="304" y="406"/>
                  </a:lnTo>
                  <a:lnTo>
                    <a:pt x="304" y="407"/>
                  </a:lnTo>
                  <a:lnTo>
                    <a:pt x="304" y="408"/>
                  </a:lnTo>
                  <a:lnTo>
                    <a:pt x="304" y="409"/>
                  </a:lnTo>
                  <a:lnTo>
                    <a:pt x="304" y="410"/>
                  </a:lnTo>
                  <a:lnTo>
                    <a:pt x="304" y="410"/>
                  </a:lnTo>
                  <a:lnTo>
                    <a:pt x="322" y="411"/>
                  </a:lnTo>
                  <a:lnTo>
                    <a:pt x="322" y="411"/>
                  </a:lnTo>
                  <a:lnTo>
                    <a:pt x="322" y="410"/>
                  </a:lnTo>
                  <a:lnTo>
                    <a:pt x="322" y="409"/>
                  </a:lnTo>
                  <a:lnTo>
                    <a:pt x="322" y="408"/>
                  </a:lnTo>
                  <a:lnTo>
                    <a:pt x="322" y="407"/>
                  </a:lnTo>
                  <a:lnTo>
                    <a:pt x="322" y="406"/>
                  </a:lnTo>
                  <a:lnTo>
                    <a:pt x="322" y="406"/>
                  </a:lnTo>
                  <a:lnTo>
                    <a:pt x="322" y="405"/>
                  </a:lnTo>
                  <a:lnTo>
                    <a:pt x="322" y="404"/>
                  </a:lnTo>
                  <a:lnTo>
                    <a:pt x="322" y="403"/>
                  </a:lnTo>
                  <a:lnTo>
                    <a:pt x="322" y="402"/>
                  </a:lnTo>
                  <a:lnTo>
                    <a:pt x="323" y="401"/>
                  </a:lnTo>
                  <a:lnTo>
                    <a:pt x="323" y="400"/>
                  </a:lnTo>
                  <a:lnTo>
                    <a:pt x="323" y="400"/>
                  </a:lnTo>
                  <a:lnTo>
                    <a:pt x="323" y="399"/>
                  </a:lnTo>
                  <a:lnTo>
                    <a:pt x="323" y="398"/>
                  </a:lnTo>
                  <a:lnTo>
                    <a:pt x="323" y="397"/>
                  </a:lnTo>
                  <a:lnTo>
                    <a:pt x="323" y="396"/>
                  </a:lnTo>
                  <a:lnTo>
                    <a:pt x="323" y="395"/>
                  </a:lnTo>
                  <a:lnTo>
                    <a:pt x="323" y="395"/>
                  </a:lnTo>
                  <a:lnTo>
                    <a:pt x="306" y="392"/>
                  </a:lnTo>
                  <a:close/>
                  <a:moveTo>
                    <a:pt x="307" y="447"/>
                  </a:moveTo>
                  <a:lnTo>
                    <a:pt x="307" y="447"/>
                  </a:lnTo>
                  <a:lnTo>
                    <a:pt x="307" y="448"/>
                  </a:lnTo>
                  <a:lnTo>
                    <a:pt x="307" y="449"/>
                  </a:lnTo>
                  <a:lnTo>
                    <a:pt x="308" y="450"/>
                  </a:lnTo>
                  <a:lnTo>
                    <a:pt x="308" y="450"/>
                  </a:lnTo>
                  <a:lnTo>
                    <a:pt x="308" y="451"/>
                  </a:lnTo>
                  <a:lnTo>
                    <a:pt x="308" y="452"/>
                  </a:lnTo>
                  <a:lnTo>
                    <a:pt x="308" y="453"/>
                  </a:lnTo>
                  <a:lnTo>
                    <a:pt x="309" y="454"/>
                  </a:lnTo>
                  <a:lnTo>
                    <a:pt x="309" y="455"/>
                  </a:lnTo>
                  <a:lnTo>
                    <a:pt x="309" y="456"/>
                  </a:lnTo>
                  <a:lnTo>
                    <a:pt x="309" y="457"/>
                  </a:lnTo>
                  <a:lnTo>
                    <a:pt x="310" y="458"/>
                  </a:lnTo>
                  <a:lnTo>
                    <a:pt x="310" y="459"/>
                  </a:lnTo>
                  <a:lnTo>
                    <a:pt x="310" y="460"/>
                  </a:lnTo>
                  <a:lnTo>
                    <a:pt x="310" y="461"/>
                  </a:lnTo>
                  <a:lnTo>
                    <a:pt x="311" y="461"/>
                  </a:lnTo>
                  <a:lnTo>
                    <a:pt x="311" y="462"/>
                  </a:lnTo>
                  <a:lnTo>
                    <a:pt x="311" y="463"/>
                  </a:lnTo>
                  <a:lnTo>
                    <a:pt x="312" y="464"/>
                  </a:lnTo>
                  <a:lnTo>
                    <a:pt x="312" y="465"/>
                  </a:lnTo>
                  <a:lnTo>
                    <a:pt x="312" y="465"/>
                  </a:lnTo>
                  <a:lnTo>
                    <a:pt x="329" y="460"/>
                  </a:lnTo>
                  <a:lnTo>
                    <a:pt x="328" y="459"/>
                  </a:lnTo>
                  <a:lnTo>
                    <a:pt x="328" y="459"/>
                  </a:lnTo>
                  <a:lnTo>
                    <a:pt x="328" y="458"/>
                  </a:lnTo>
                  <a:lnTo>
                    <a:pt x="328" y="457"/>
                  </a:lnTo>
                  <a:lnTo>
                    <a:pt x="328" y="456"/>
                  </a:lnTo>
                  <a:lnTo>
                    <a:pt x="327" y="456"/>
                  </a:lnTo>
                  <a:lnTo>
                    <a:pt x="327" y="455"/>
                  </a:lnTo>
                  <a:lnTo>
                    <a:pt x="327" y="454"/>
                  </a:lnTo>
                  <a:lnTo>
                    <a:pt x="327" y="453"/>
                  </a:lnTo>
                  <a:lnTo>
                    <a:pt x="326" y="452"/>
                  </a:lnTo>
                  <a:lnTo>
                    <a:pt x="326" y="452"/>
                  </a:lnTo>
                  <a:lnTo>
                    <a:pt x="326" y="451"/>
                  </a:lnTo>
                  <a:lnTo>
                    <a:pt x="326" y="450"/>
                  </a:lnTo>
                  <a:lnTo>
                    <a:pt x="325" y="449"/>
                  </a:lnTo>
                  <a:lnTo>
                    <a:pt x="325" y="448"/>
                  </a:lnTo>
                  <a:lnTo>
                    <a:pt x="325" y="447"/>
                  </a:lnTo>
                  <a:lnTo>
                    <a:pt x="325" y="447"/>
                  </a:lnTo>
                  <a:lnTo>
                    <a:pt x="325" y="446"/>
                  </a:lnTo>
                  <a:lnTo>
                    <a:pt x="325" y="445"/>
                  </a:lnTo>
                  <a:lnTo>
                    <a:pt x="324" y="444"/>
                  </a:lnTo>
                  <a:lnTo>
                    <a:pt x="324" y="444"/>
                  </a:lnTo>
                  <a:lnTo>
                    <a:pt x="307" y="447"/>
                  </a:lnTo>
                  <a:close/>
                  <a:moveTo>
                    <a:pt x="328" y="499"/>
                  </a:moveTo>
                  <a:lnTo>
                    <a:pt x="328" y="499"/>
                  </a:lnTo>
                  <a:lnTo>
                    <a:pt x="328" y="499"/>
                  </a:lnTo>
                  <a:lnTo>
                    <a:pt x="329" y="500"/>
                  </a:lnTo>
                  <a:lnTo>
                    <a:pt x="329" y="501"/>
                  </a:lnTo>
                  <a:lnTo>
                    <a:pt x="330" y="502"/>
                  </a:lnTo>
                  <a:lnTo>
                    <a:pt x="330" y="502"/>
                  </a:lnTo>
                  <a:lnTo>
                    <a:pt x="331" y="503"/>
                  </a:lnTo>
                  <a:lnTo>
                    <a:pt x="331" y="504"/>
                  </a:lnTo>
                  <a:lnTo>
                    <a:pt x="332" y="505"/>
                  </a:lnTo>
                  <a:lnTo>
                    <a:pt x="332" y="505"/>
                  </a:lnTo>
                  <a:lnTo>
                    <a:pt x="333" y="506"/>
                  </a:lnTo>
                  <a:lnTo>
                    <a:pt x="333" y="507"/>
                  </a:lnTo>
                  <a:lnTo>
                    <a:pt x="334" y="508"/>
                  </a:lnTo>
                  <a:lnTo>
                    <a:pt x="334" y="508"/>
                  </a:lnTo>
                  <a:lnTo>
                    <a:pt x="335" y="509"/>
                  </a:lnTo>
                  <a:lnTo>
                    <a:pt x="336" y="510"/>
                  </a:lnTo>
                  <a:lnTo>
                    <a:pt x="336" y="511"/>
                  </a:lnTo>
                  <a:lnTo>
                    <a:pt x="337" y="511"/>
                  </a:lnTo>
                  <a:lnTo>
                    <a:pt x="337" y="512"/>
                  </a:lnTo>
                  <a:lnTo>
                    <a:pt x="338" y="513"/>
                  </a:lnTo>
                  <a:lnTo>
                    <a:pt x="338" y="514"/>
                  </a:lnTo>
                  <a:lnTo>
                    <a:pt x="339" y="514"/>
                  </a:lnTo>
                  <a:lnTo>
                    <a:pt x="353" y="503"/>
                  </a:lnTo>
                  <a:lnTo>
                    <a:pt x="352" y="502"/>
                  </a:lnTo>
                  <a:lnTo>
                    <a:pt x="352" y="502"/>
                  </a:lnTo>
                  <a:lnTo>
                    <a:pt x="351" y="501"/>
                  </a:lnTo>
                  <a:lnTo>
                    <a:pt x="351" y="500"/>
                  </a:lnTo>
                  <a:lnTo>
                    <a:pt x="350" y="500"/>
                  </a:lnTo>
                  <a:lnTo>
                    <a:pt x="350" y="499"/>
                  </a:lnTo>
                  <a:lnTo>
                    <a:pt x="349" y="499"/>
                  </a:lnTo>
                  <a:lnTo>
                    <a:pt x="349" y="498"/>
                  </a:lnTo>
                  <a:lnTo>
                    <a:pt x="348" y="497"/>
                  </a:lnTo>
                  <a:lnTo>
                    <a:pt x="348" y="497"/>
                  </a:lnTo>
                  <a:lnTo>
                    <a:pt x="347" y="496"/>
                  </a:lnTo>
                  <a:lnTo>
                    <a:pt x="347" y="495"/>
                  </a:lnTo>
                  <a:lnTo>
                    <a:pt x="346" y="495"/>
                  </a:lnTo>
                  <a:lnTo>
                    <a:pt x="346" y="494"/>
                  </a:lnTo>
                  <a:lnTo>
                    <a:pt x="345" y="493"/>
                  </a:lnTo>
                  <a:lnTo>
                    <a:pt x="345" y="493"/>
                  </a:lnTo>
                  <a:lnTo>
                    <a:pt x="344" y="492"/>
                  </a:lnTo>
                  <a:lnTo>
                    <a:pt x="344" y="491"/>
                  </a:lnTo>
                  <a:lnTo>
                    <a:pt x="343" y="491"/>
                  </a:lnTo>
                  <a:lnTo>
                    <a:pt x="343" y="490"/>
                  </a:lnTo>
                  <a:lnTo>
                    <a:pt x="343" y="490"/>
                  </a:lnTo>
                  <a:lnTo>
                    <a:pt x="328" y="499"/>
                  </a:lnTo>
                  <a:close/>
                  <a:moveTo>
                    <a:pt x="366" y="540"/>
                  </a:moveTo>
                  <a:lnTo>
                    <a:pt x="366" y="540"/>
                  </a:lnTo>
                  <a:lnTo>
                    <a:pt x="366" y="540"/>
                  </a:lnTo>
                  <a:lnTo>
                    <a:pt x="367" y="541"/>
                  </a:lnTo>
                  <a:lnTo>
                    <a:pt x="368" y="541"/>
                  </a:lnTo>
                  <a:lnTo>
                    <a:pt x="369" y="542"/>
                  </a:lnTo>
                  <a:lnTo>
                    <a:pt x="369" y="542"/>
                  </a:lnTo>
                  <a:lnTo>
                    <a:pt x="370" y="543"/>
                  </a:lnTo>
                  <a:lnTo>
                    <a:pt x="371" y="543"/>
                  </a:lnTo>
                  <a:lnTo>
                    <a:pt x="372" y="544"/>
                  </a:lnTo>
                  <a:lnTo>
                    <a:pt x="372" y="544"/>
                  </a:lnTo>
                  <a:lnTo>
                    <a:pt x="373" y="545"/>
                  </a:lnTo>
                  <a:lnTo>
                    <a:pt x="374" y="545"/>
                  </a:lnTo>
                  <a:lnTo>
                    <a:pt x="375" y="546"/>
                  </a:lnTo>
                  <a:lnTo>
                    <a:pt x="375" y="546"/>
                  </a:lnTo>
                  <a:lnTo>
                    <a:pt x="376" y="547"/>
                  </a:lnTo>
                  <a:lnTo>
                    <a:pt x="377" y="547"/>
                  </a:lnTo>
                  <a:lnTo>
                    <a:pt x="378" y="548"/>
                  </a:lnTo>
                  <a:lnTo>
                    <a:pt x="379" y="548"/>
                  </a:lnTo>
                  <a:lnTo>
                    <a:pt x="379" y="549"/>
                  </a:lnTo>
                  <a:lnTo>
                    <a:pt x="380" y="549"/>
                  </a:lnTo>
                  <a:lnTo>
                    <a:pt x="381" y="550"/>
                  </a:lnTo>
                  <a:lnTo>
                    <a:pt x="382" y="550"/>
                  </a:lnTo>
                  <a:lnTo>
                    <a:pt x="390" y="535"/>
                  </a:lnTo>
                  <a:lnTo>
                    <a:pt x="390" y="534"/>
                  </a:lnTo>
                  <a:lnTo>
                    <a:pt x="389" y="534"/>
                  </a:lnTo>
                  <a:lnTo>
                    <a:pt x="388" y="534"/>
                  </a:lnTo>
                  <a:lnTo>
                    <a:pt x="388" y="533"/>
                  </a:lnTo>
                  <a:lnTo>
                    <a:pt x="387" y="533"/>
                  </a:lnTo>
                  <a:lnTo>
                    <a:pt x="386" y="532"/>
                  </a:lnTo>
                  <a:lnTo>
                    <a:pt x="385" y="532"/>
                  </a:lnTo>
                  <a:lnTo>
                    <a:pt x="385" y="531"/>
                  </a:lnTo>
                  <a:lnTo>
                    <a:pt x="384" y="531"/>
                  </a:lnTo>
                  <a:lnTo>
                    <a:pt x="383" y="531"/>
                  </a:lnTo>
                  <a:lnTo>
                    <a:pt x="383" y="530"/>
                  </a:lnTo>
                  <a:lnTo>
                    <a:pt x="382" y="530"/>
                  </a:lnTo>
                  <a:lnTo>
                    <a:pt x="381" y="529"/>
                  </a:lnTo>
                  <a:lnTo>
                    <a:pt x="381" y="529"/>
                  </a:lnTo>
                  <a:lnTo>
                    <a:pt x="380" y="528"/>
                  </a:lnTo>
                  <a:lnTo>
                    <a:pt x="379" y="528"/>
                  </a:lnTo>
                  <a:lnTo>
                    <a:pt x="379" y="527"/>
                  </a:lnTo>
                  <a:lnTo>
                    <a:pt x="378" y="527"/>
                  </a:lnTo>
                  <a:lnTo>
                    <a:pt x="377" y="526"/>
                  </a:lnTo>
                  <a:lnTo>
                    <a:pt x="377" y="526"/>
                  </a:lnTo>
                  <a:lnTo>
                    <a:pt x="376" y="526"/>
                  </a:lnTo>
                  <a:lnTo>
                    <a:pt x="366" y="540"/>
                  </a:lnTo>
                  <a:close/>
                  <a:moveTo>
                    <a:pt x="416" y="564"/>
                  </a:moveTo>
                  <a:lnTo>
                    <a:pt x="416" y="564"/>
                  </a:lnTo>
                  <a:lnTo>
                    <a:pt x="416" y="564"/>
                  </a:lnTo>
                  <a:lnTo>
                    <a:pt x="417" y="565"/>
                  </a:lnTo>
                  <a:lnTo>
                    <a:pt x="418" y="565"/>
                  </a:lnTo>
                  <a:lnTo>
                    <a:pt x="419" y="565"/>
                  </a:lnTo>
                  <a:lnTo>
                    <a:pt x="420" y="565"/>
                  </a:lnTo>
                  <a:lnTo>
                    <a:pt x="421" y="566"/>
                  </a:lnTo>
                  <a:lnTo>
                    <a:pt x="422" y="566"/>
                  </a:lnTo>
                  <a:lnTo>
                    <a:pt x="423" y="566"/>
                  </a:lnTo>
                  <a:lnTo>
                    <a:pt x="424" y="566"/>
                  </a:lnTo>
                  <a:lnTo>
                    <a:pt x="424" y="566"/>
                  </a:lnTo>
                  <a:lnTo>
                    <a:pt x="425" y="567"/>
                  </a:lnTo>
                  <a:lnTo>
                    <a:pt x="426" y="567"/>
                  </a:lnTo>
                  <a:lnTo>
                    <a:pt x="427" y="567"/>
                  </a:lnTo>
                  <a:lnTo>
                    <a:pt x="428" y="567"/>
                  </a:lnTo>
                  <a:lnTo>
                    <a:pt x="429" y="567"/>
                  </a:lnTo>
                  <a:lnTo>
                    <a:pt x="430" y="568"/>
                  </a:lnTo>
                  <a:lnTo>
                    <a:pt x="431" y="568"/>
                  </a:lnTo>
                  <a:lnTo>
                    <a:pt x="432" y="568"/>
                  </a:lnTo>
                  <a:lnTo>
                    <a:pt x="433" y="568"/>
                  </a:lnTo>
                  <a:lnTo>
                    <a:pt x="434" y="568"/>
                  </a:lnTo>
                  <a:lnTo>
                    <a:pt x="434" y="568"/>
                  </a:lnTo>
                  <a:lnTo>
                    <a:pt x="437" y="551"/>
                  </a:lnTo>
                  <a:lnTo>
                    <a:pt x="437" y="551"/>
                  </a:lnTo>
                  <a:lnTo>
                    <a:pt x="436" y="551"/>
                  </a:lnTo>
                  <a:lnTo>
                    <a:pt x="435" y="551"/>
                  </a:lnTo>
                  <a:lnTo>
                    <a:pt x="434" y="550"/>
                  </a:lnTo>
                  <a:lnTo>
                    <a:pt x="433" y="550"/>
                  </a:lnTo>
                  <a:lnTo>
                    <a:pt x="432" y="550"/>
                  </a:lnTo>
                  <a:lnTo>
                    <a:pt x="431" y="550"/>
                  </a:lnTo>
                  <a:lnTo>
                    <a:pt x="431" y="550"/>
                  </a:lnTo>
                  <a:lnTo>
                    <a:pt x="430" y="550"/>
                  </a:lnTo>
                  <a:lnTo>
                    <a:pt x="429" y="549"/>
                  </a:lnTo>
                  <a:lnTo>
                    <a:pt x="428" y="549"/>
                  </a:lnTo>
                  <a:lnTo>
                    <a:pt x="427" y="549"/>
                  </a:lnTo>
                  <a:lnTo>
                    <a:pt x="427" y="549"/>
                  </a:lnTo>
                  <a:lnTo>
                    <a:pt x="426" y="549"/>
                  </a:lnTo>
                  <a:lnTo>
                    <a:pt x="425" y="548"/>
                  </a:lnTo>
                  <a:lnTo>
                    <a:pt x="424" y="548"/>
                  </a:lnTo>
                  <a:lnTo>
                    <a:pt x="423" y="548"/>
                  </a:lnTo>
                  <a:lnTo>
                    <a:pt x="422" y="548"/>
                  </a:lnTo>
                  <a:lnTo>
                    <a:pt x="422" y="548"/>
                  </a:lnTo>
                  <a:lnTo>
                    <a:pt x="421" y="547"/>
                  </a:lnTo>
                  <a:lnTo>
                    <a:pt x="421" y="547"/>
                  </a:lnTo>
                  <a:lnTo>
                    <a:pt x="416" y="564"/>
                  </a:lnTo>
                  <a:close/>
                  <a:moveTo>
                    <a:pt x="471" y="569"/>
                  </a:moveTo>
                  <a:lnTo>
                    <a:pt x="471" y="569"/>
                  </a:lnTo>
                  <a:lnTo>
                    <a:pt x="472" y="569"/>
                  </a:lnTo>
                  <a:lnTo>
                    <a:pt x="473" y="569"/>
                  </a:lnTo>
                  <a:lnTo>
                    <a:pt x="474" y="569"/>
                  </a:lnTo>
                  <a:lnTo>
                    <a:pt x="475" y="569"/>
                  </a:lnTo>
                  <a:lnTo>
                    <a:pt x="476" y="569"/>
                  </a:lnTo>
                  <a:lnTo>
                    <a:pt x="477" y="569"/>
                  </a:lnTo>
                  <a:lnTo>
                    <a:pt x="478" y="569"/>
                  </a:lnTo>
                  <a:lnTo>
                    <a:pt x="479" y="568"/>
                  </a:lnTo>
                  <a:lnTo>
                    <a:pt x="480" y="568"/>
                  </a:lnTo>
                  <a:lnTo>
                    <a:pt x="480" y="568"/>
                  </a:lnTo>
                  <a:lnTo>
                    <a:pt x="481" y="568"/>
                  </a:lnTo>
                  <a:lnTo>
                    <a:pt x="482" y="568"/>
                  </a:lnTo>
                  <a:lnTo>
                    <a:pt x="483" y="568"/>
                  </a:lnTo>
                  <a:lnTo>
                    <a:pt x="484" y="568"/>
                  </a:lnTo>
                  <a:lnTo>
                    <a:pt x="485" y="567"/>
                  </a:lnTo>
                  <a:lnTo>
                    <a:pt x="486" y="567"/>
                  </a:lnTo>
                  <a:lnTo>
                    <a:pt x="487" y="567"/>
                  </a:lnTo>
                  <a:lnTo>
                    <a:pt x="488" y="567"/>
                  </a:lnTo>
                  <a:lnTo>
                    <a:pt x="489" y="567"/>
                  </a:lnTo>
                  <a:lnTo>
                    <a:pt x="490" y="566"/>
                  </a:lnTo>
                  <a:lnTo>
                    <a:pt x="490" y="566"/>
                  </a:lnTo>
                  <a:lnTo>
                    <a:pt x="486" y="549"/>
                  </a:lnTo>
                  <a:lnTo>
                    <a:pt x="486" y="549"/>
                  </a:lnTo>
                  <a:lnTo>
                    <a:pt x="485" y="549"/>
                  </a:lnTo>
                  <a:lnTo>
                    <a:pt x="485" y="550"/>
                  </a:lnTo>
                  <a:lnTo>
                    <a:pt x="484" y="550"/>
                  </a:lnTo>
                  <a:lnTo>
                    <a:pt x="483" y="550"/>
                  </a:lnTo>
                  <a:lnTo>
                    <a:pt x="482" y="550"/>
                  </a:lnTo>
                  <a:lnTo>
                    <a:pt x="481" y="550"/>
                  </a:lnTo>
                  <a:lnTo>
                    <a:pt x="480" y="550"/>
                  </a:lnTo>
                  <a:lnTo>
                    <a:pt x="479" y="551"/>
                  </a:lnTo>
                  <a:lnTo>
                    <a:pt x="479" y="551"/>
                  </a:lnTo>
                  <a:lnTo>
                    <a:pt x="478" y="551"/>
                  </a:lnTo>
                  <a:lnTo>
                    <a:pt x="477" y="551"/>
                  </a:lnTo>
                  <a:lnTo>
                    <a:pt x="476" y="551"/>
                  </a:lnTo>
                  <a:lnTo>
                    <a:pt x="475" y="551"/>
                  </a:lnTo>
                  <a:lnTo>
                    <a:pt x="474" y="551"/>
                  </a:lnTo>
                  <a:lnTo>
                    <a:pt x="474" y="551"/>
                  </a:lnTo>
                  <a:lnTo>
                    <a:pt x="473" y="551"/>
                  </a:lnTo>
                  <a:lnTo>
                    <a:pt x="472" y="552"/>
                  </a:lnTo>
                  <a:lnTo>
                    <a:pt x="471" y="552"/>
                  </a:lnTo>
                  <a:lnTo>
                    <a:pt x="470" y="552"/>
                  </a:lnTo>
                  <a:lnTo>
                    <a:pt x="470" y="552"/>
                  </a:lnTo>
                  <a:lnTo>
                    <a:pt x="471" y="569"/>
                  </a:lnTo>
                  <a:close/>
                  <a:moveTo>
                    <a:pt x="525" y="554"/>
                  </a:moveTo>
                  <a:lnTo>
                    <a:pt x="525" y="554"/>
                  </a:lnTo>
                  <a:lnTo>
                    <a:pt x="525" y="554"/>
                  </a:lnTo>
                  <a:lnTo>
                    <a:pt x="526" y="554"/>
                  </a:lnTo>
                  <a:lnTo>
                    <a:pt x="527" y="553"/>
                  </a:lnTo>
                  <a:lnTo>
                    <a:pt x="528" y="553"/>
                  </a:lnTo>
                  <a:lnTo>
                    <a:pt x="529" y="552"/>
                  </a:lnTo>
                  <a:lnTo>
                    <a:pt x="529" y="552"/>
                  </a:lnTo>
                  <a:lnTo>
                    <a:pt x="530" y="551"/>
                  </a:lnTo>
                  <a:lnTo>
                    <a:pt x="531" y="551"/>
                  </a:lnTo>
                  <a:lnTo>
                    <a:pt x="532" y="551"/>
                  </a:lnTo>
                  <a:lnTo>
                    <a:pt x="533" y="550"/>
                  </a:lnTo>
                  <a:lnTo>
                    <a:pt x="533" y="550"/>
                  </a:lnTo>
                  <a:lnTo>
                    <a:pt x="534" y="549"/>
                  </a:lnTo>
                  <a:lnTo>
                    <a:pt x="535" y="549"/>
                  </a:lnTo>
                  <a:lnTo>
                    <a:pt x="536" y="548"/>
                  </a:lnTo>
                  <a:lnTo>
                    <a:pt x="537" y="548"/>
                  </a:lnTo>
                  <a:lnTo>
                    <a:pt x="537" y="547"/>
                  </a:lnTo>
                  <a:lnTo>
                    <a:pt x="538" y="547"/>
                  </a:lnTo>
                  <a:lnTo>
                    <a:pt x="539" y="546"/>
                  </a:lnTo>
                  <a:lnTo>
                    <a:pt x="540" y="546"/>
                  </a:lnTo>
                  <a:lnTo>
                    <a:pt x="540" y="545"/>
                  </a:lnTo>
                  <a:lnTo>
                    <a:pt x="541" y="545"/>
                  </a:lnTo>
                  <a:lnTo>
                    <a:pt x="532" y="530"/>
                  </a:lnTo>
                  <a:lnTo>
                    <a:pt x="531" y="531"/>
                  </a:lnTo>
                  <a:lnTo>
                    <a:pt x="530" y="531"/>
                  </a:lnTo>
                  <a:lnTo>
                    <a:pt x="530" y="531"/>
                  </a:lnTo>
                  <a:lnTo>
                    <a:pt x="529" y="532"/>
                  </a:lnTo>
                  <a:lnTo>
                    <a:pt x="528" y="532"/>
                  </a:lnTo>
                  <a:lnTo>
                    <a:pt x="527" y="533"/>
                  </a:lnTo>
                  <a:lnTo>
                    <a:pt x="527" y="533"/>
                  </a:lnTo>
                  <a:lnTo>
                    <a:pt x="526" y="534"/>
                  </a:lnTo>
                  <a:lnTo>
                    <a:pt x="525" y="534"/>
                  </a:lnTo>
                  <a:lnTo>
                    <a:pt x="525" y="534"/>
                  </a:lnTo>
                  <a:lnTo>
                    <a:pt x="524" y="535"/>
                  </a:lnTo>
                  <a:lnTo>
                    <a:pt x="523" y="535"/>
                  </a:lnTo>
                  <a:lnTo>
                    <a:pt x="522" y="536"/>
                  </a:lnTo>
                  <a:lnTo>
                    <a:pt x="522" y="536"/>
                  </a:lnTo>
                  <a:lnTo>
                    <a:pt x="521" y="536"/>
                  </a:lnTo>
                  <a:lnTo>
                    <a:pt x="520" y="537"/>
                  </a:lnTo>
                  <a:lnTo>
                    <a:pt x="520" y="537"/>
                  </a:lnTo>
                  <a:lnTo>
                    <a:pt x="519" y="538"/>
                  </a:lnTo>
                  <a:lnTo>
                    <a:pt x="518" y="538"/>
                  </a:lnTo>
                  <a:lnTo>
                    <a:pt x="517" y="538"/>
                  </a:lnTo>
                  <a:lnTo>
                    <a:pt x="517" y="538"/>
                  </a:lnTo>
                  <a:lnTo>
                    <a:pt x="525" y="554"/>
                  </a:lnTo>
                  <a:close/>
                  <a:moveTo>
                    <a:pt x="570" y="521"/>
                  </a:moveTo>
                  <a:lnTo>
                    <a:pt x="570" y="521"/>
                  </a:lnTo>
                  <a:lnTo>
                    <a:pt x="570" y="520"/>
                  </a:lnTo>
                  <a:lnTo>
                    <a:pt x="570" y="520"/>
                  </a:lnTo>
                  <a:lnTo>
                    <a:pt x="571" y="519"/>
                  </a:lnTo>
                  <a:lnTo>
                    <a:pt x="572" y="518"/>
                  </a:lnTo>
                  <a:lnTo>
                    <a:pt x="572" y="518"/>
                  </a:lnTo>
                  <a:lnTo>
                    <a:pt x="573" y="517"/>
                  </a:lnTo>
                  <a:lnTo>
                    <a:pt x="574" y="516"/>
                  </a:lnTo>
                  <a:lnTo>
                    <a:pt x="574" y="516"/>
                  </a:lnTo>
                  <a:lnTo>
                    <a:pt x="575" y="515"/>
                  </a:lnTo>
                  <a:lnTo>
                    <a:pt x="575" y="514"/>
                  </a:lnTo>
                  <a:lnTo>
                    <a:pt x="576" y="514"/>
                  </a:lnTo>
                  <a:lnTo>
                    <a:pt x="576" y="513"/>
                  </a:lnTo>
                  <a:lnTo>
                    <a:pt x="577" y="512"/>
                  </a:lnTo>
                  <a:lnTo>
                    <a:pt x="578" y="511"/>
                  </a:lnTo>
                  <a:lnTo>
                    <a:pt x="578" y="511"/>
                  </a:lnTo>
                  <a:lnTo>
                    <a:pt x="579" y="510"/>
                  </a:lnTo>
                  <a:lnTo>
                    <a:pt x="579" y="509"/>
                  </a:lnTo>
                  <a:lnTo>
                    <a:pt x="580" y="508"/>
                  </a:lnTo>
                  <a:lnTo>
                    <a:pt x="580" y="508"/>
                  </a:lnTo>
                  <a:lnTo>
                    <a:pt x="581" y="507"/>
                  </a:lnTo>
                  <a:lnTo>
                    <a:pt x="581" y="506"/>
                  </a:lnTo>
                  <a:lnTo>
                    <a:pt x="567" y="496"/>
                  </a:lnTo>
                  <a:lnTo>
                    <a:pt x="567" y="497"/>
                  </a:lnTo>
                  <a:lnTo>
                    <a:pt x="566" y="497"/>
                  </a:lnTo>
                  <a:lnTo>
                    <a:pt x="566" y="498"/>
                  </a:lnTo>
                  <a:lnTo>
                    <a:pt x="565" y="499"/>
                  </a:lnTo>
                  <a:lnTo>
                    <a:pt x="565" y="499"/>
                  </a:lnTo>
                  <a:lnTo>
                    <a:pt x="564" y="500"/>
                  </a:lnTo>
                  <a:lnTo>
                    <a:pt x="564" y="500"/>
                  </a:lnTo>
                  <a:lnTo>
                    <a:pt x="563" y="501"/>
                  </a:lnTo>
                  <a:lnTo>
                    <a:pt x="563" y="502"/>
                  </a:lnTo>
                  <a:lnTo>
                    <a:pt x="562" y="502"/>
                  </a:lnTo>
                  <a:lnTo>
                    <a:pt x="562" y="503"/>
                  </a:lnTo>
                  <a:lnTo>
                    <a:pt x="561" y="504"/>
                  </a:lnTo>
                  <a:lnTo>
                    <a:pt x="561" y="504"/>
                  </a:lnTo>
                  <a:lnTo>
                    <a:pt x="560" y="505"/>
                  </a:lnTo>
                  <a:lnTo>
                    <a:pt x="560" y="505"/>
                  </a:lnTo>
                  <a:lnTo>
                    <a:pt x="559" y="506"/>
                  </a:lnTo>
                  <a:lnTo>
                    <a:pt x="559" y="507"/>
                  </a:lnTo>
                  <a:lnTo>
                    <a:pt x="558" y="507"/>
                  </a:lnTo>
                  <a:lnTo>
                    <a:pt x="557" y="508"/>
                  </a:lnTo>
                  <a:lnTo>
                    <a:pt x="557" y="509"/>
                  </a:lnTo>
                  <a:lnTo>
                    <a:pt x="557" y="509"/>
                  </a:lnTo>
                  <a:lnTo>
                    <a:pt x="570" y="521"/>
                  </a:lnTo>
                  <a:close/>
                  <a:moveTo>
                    <a:pt x="599" y="474"/>
                  </a:moveTo>
                  <a:lnTo>
                    <a:pt x="599" y="474"/>
                  </a:lnTo>
                  <a:lnTo>
                    <a:pt x="600" y="473"/>
                  </a:lnTo>
                  <a:lnTo>
                    <a:pt x="600" y="472"/>
                  </a:lnTo>
                  <a:lnTo>
                    <a:pt x="600" y="471"/>
                  </a:lnTo>
                  <a:lnTo>
                    <a:pt x="601" y="470"/>
                  </a:lnTo>
                  <a:lnTo>
                    <a:pt x="601" y="469"/>
                  </a:lnTo>
                  <a:lnTo>
                    <a:pt x="601" y="469"/>
                  </a:lnTo>
                  <a:lnTo>
                    <a:pt x="602" y="468"/>
                  </a:lnTo>
                  <a:lnTo>
                    <a:pt x="602" y="467"/>
                  </a:lnTo>
                  <a:lnTo>
                    <a:pt x="602" y="466"/>
                  </a:lnTo>
                  <a:lnTo>
                    <a:pt x="603" y="465"/>
                  </a:lnTo>
                  <a:lnTo>
                    <a:pt x="603" y="464"/>
                  </a:lnTo>
                  <a:lnTo>
                    <a:pt x="603" y="463"/>
                  </a:lnTo>
                  <a:lnTo>
                    <a:pt x="603" y="462"/>
                  </a:lnTo>
                  <a:lnTo>
                    <a:pt x="604" y="461"/>
                  </a:lnTo>
                  <a:lnTo>
                    <a:pt x="604" y="461"/>
                  </a:lnTo>
                  <a:lnTo>
                    <a:pt x="604" y="460"/>
                  </a:lnTo>
                  <a:lnTo>
                    <a:pt x="604" y="459"/>
                  </a:lnTo>
                  <a:lnTo>
                    <a:pt x="605" y="458"/>
                  </a:lnTo>
                  <a:lnTo>
                    <a:pt x="605" y="457"/>
                  </a:lnTo>
                  <a:lnTo>
                    <a:pt x="605" y="456"/>
                  </a:lnTo>
                  <a:lnTo>
                    <a:pt x="605" y="456"/>
                  </a:lnTo>
                  <a:lnTo>
                    <a:pt x="588" y="451"/>
                  </a:lnTo>
                  <a:lnTo>
                    <a:pt x="588" y="452"/>
                  </a:lnTo>
                  <a:lnTo>
                    <a:pt x="588" y="452"/>
                  </a:lnTo>
                  <a:lnTo>
                    <a:pt x="588" y="453"/>
                  </a:lnTo>
                  <a:lnTo>
                    <a:pt x="588" y="454"/>
                  </a:lnTo>
                  <a:lnTo>
                    <a:pt x="587" y="455"/>
                  </a:lnTo>
                  <a:lnTo>
                    <a:pt x="587" y="456"/>
                  </a:lnTo>
                  <a:lnTo>
                    <a:pt x="587" y="456"/>
                  </a:lnTo>
                  <a:lnTo>
                    <a:pt x="587" y="457"/>
                  </a:lnTo>
                  <a:lnTo>
                    <a:pt x="586" y="458"/>
                  </a:lnTo>
                  <a:lnTo>
                    <a:pt x="586" y="459"/>
                  </a:lnTo>
                  <a:lnTo>
                    <a:pt x="586" y="459"/>
                  </a:lnTo>
                  <a:lnTo>
                    <a:pt x="586" y="460"/>
                  </a:lnTo>
                  <a:lnTo>
                    <a:pt x="585" y="461"/>
                  </a:lnTo>
                  <a:lnTo>
                    <a:pt x="585" y="462"/>
                  </a:lnTo>
                  <a:lnTo>
                    <a:pt x="585" y="463"/>
                  </a:lnTo>
                  <a:lnTo>
                    <a:pt x="584" y="463"/>
                  </a:lnTo>
                  <a:lnTo>
                    <a:pt x="584" y="464"/>
                  </a:lnTo>
                  <a:lnTo>
                    <a:pt x="584" y="465"/>
                  </a:lnTo>
                  <a:lnTo>
                    <a:pt x="584" y="466"/>
                  </a:lnTo>
                  <a:lnTo>
                    <a:pt x="583" y="467"/>
                  </a:lnTo>
                  <a:lnTo>
                    <a:pt x="583" y="467"/>
                  </a:lnTo>
                  <a:lnTo>
                    <a:pt x="599" y="474"/>
                  </a:lnTo>
                  <a:close/>
                  <a:moveTo>
                    <a:pt x="610" y="419"/>
                  </a:moveTo>
                  <a:lnTo>
                    <a:pt x="610" y="419"/>
                  </a:lnTo>
                  <a:lnTo>
                    <a:pt x="610" y="419"/>
                  </a:lnTo>
                  <a:lnTo>
                    <a:pt x="610" y="418"/>
                  </a:lnTo>
                  <a:lnTo>
                    <a:pt x="610" y="417"/>
                  </a:lnTo>
                  <a:lnTo>
                    <a:pt x="610" y="416"/>
                  </a:lnTo>
                  <a:lnTo>
                    <a:pt x="610" y="415"/>
                  </a:lnTo>
                  <a:lnTo>
                    <a:pt x="610" y="414"/>
                  </a:lnTo>
                  <a:lnTo>
                    <a:pt x="610" y="413"/>
                  </a:lnTo>
                  <a:lnTo>
                    <a:pt x="610" y="412"/>
                  </a:lnTo>
                  <a:lnTo>
                    <a:pt x="610" y="411"/>
                  </a:lnTo>
                  <a:lnTo>
                    <a:pt x="610" y="410"/>
                  </a:lnTo>
                  <a:lnTo>
                    <a:pt x="610" y="409"/>
                  </a:lnTo>
                  <a:lnTo>
                    <a:pt x="610" y="408"/>
                  </a:lnTo>
                  <a:lnTo>
                    <a:pt x="610" y="407"/>
                  </a:lnTo>
                  <a:lnTo>
                    <a:pt x="610" y="406"/>
                  </a:lnTo>
                  <a:lnTo>
                    <a:pt x="610" y="405"/>
                  </a:lnTo>
                  <a:lnTo>
                    <a:pt x="610" y="404"/>
                  </a:lnTo>
                  <a:lnTo>
                    <a:pt x="610" y="403"/>
                  </a:lnTo>
                  <a:lnTo>
                    <a:pt x="610" y="402"/>
                  </a:lnTo>
                  <a:lnTo>
                    <a:pt x="609" y="401"/>
                  </a:lnTo>
                  <a:lnTo>
                    <a:pt x="609" y="400"/>
                  </a:lnTo>
                  <a:lnTo>
                    <a:pt x="592" y="402"/>
                  </a:lnTo>
                  <a:lnTo>
                    <a:pt x="592" y="403"/>
                  </a:lnTo>
                  <a:lnTo>
                    <a:pt x="592" y="404"/>
                  </a:lnTo>
                  <a:lnTo>
                    <a:pt x="592" y="405"/>
                  </a:lnTo>
                  <a:lnTo>
                    <a:pt x="592" y="406"/>
                  </a:lnTo>
                  <a:lnTo>
                    <a:pt x="592" y="406"/>
                  </a:lnTo>
                  <a:lnTo>
                    <a:pt x="592" y="407"/>
                  </a:lnTo>
                  <a:lnTo>
                    <a:pt x="592" y="408"/>
                  </a:lnTo>
                  <a:lnTo>
                    <a:pt x="592" y="409"/>
                  </a:lnTo>
                  <a:lnTo>
                    <a:pt x="592" y="410"/>
                  </a:lnTo>
                  <a:lnTo>
                    <a:pt x="593" y="411"/>
                  </a:lnTo>
                  <a:lnTo>
                    <a:pt x="593" y="412"/>
                  </a:lnTo>
                  <a:lnTo>
                    <a:pt x="593" y="412"/>
                  </a:lnTo>
                  <a:lnTo>
                    <a:pt x="593" y="413"/>
                  </a:lnTo>
                  <a:lnTo>
                    <a:pt x="593" y="414"/>
                  </a:lnTo>
                  <a:lnTo>
                    <a:pt x="593" y="415"/>
                  </a:lnTo>
                  <a:lnTo>
                    <a:pt x="593" y="416"/>
                  </a:lnTo>
                  <a:lnTo>
                    <a:pt x="593" y="417"/>
                  </a:lnTo>
                  <a:lnTo>
                    <a:pt x="593" y="418"/>
                  </a:lnTo>
                  <a:lnTo>
                    <a:pt x="593" y="419"/>
                  </a:lnTo>
                  <a:lnTo>
                    <a:pt x="593" y="419"/>
                  </a:lnTo>
                  <a:lnTo>
                    <a:pt x="610" y="419"/>
                  </a:lnTo>
                  <a:close/>
                  <a:moveTo>
                    <a:pt x="601" y="364"/>
                  </a:moveTo>
                  <a:lnTo>
                    <a:pt x="601" y="364"/>
                  </a:lnTo>
                  <a:lnTo>
                    <a:pt x="601" y="363"/>
                  </a:lnTo>
                  <a:lnTo>
                    <a:pt x="600" y="362"/>
                  </a:lnTo>
                  <a:lnTo>
                    <a:pt x="600" y="362"/>
                  </a:lnTo>
                  <a:lnTo>
                    <a:pt x="600" y="361"/>
                  </a:lnTo>
                  <a:lnTo>
                    <a:pt x="599" y="360"/>
                  </a:lnTo>
                  <a:lnTo>
                    <a:pt x="599" y="359"/>
                  </a:lnTo>
                  <a:lnTo>
                    <a:pt x="599" y="358"/>
                  </a:lnTo>
                  <a:lnTo>
                    <a:pt x="598" y="357"/>
                  </a:lnTo>
                  <a:lnTo>
                    <a:pt x="598" y="356"/>
                  </a:lnTo>
                  <a:lnTo>
                    <a:pt x="598" y="356"/>
                  </a:lnTo>
                  <a:lnTo>
                    <a:pt x="597" y="355"/>
                  </a:lnTo>
                  <a:lnTo>
                    <a:pt x="597" y="354"/>
                  </a:lnTo>
                  <a:lnTo>
                    <a:pt x="596" y="353"/>
                  </a:lnTo>
                  <a:lnTo>
                    <a:pt x="596" y="352"/>
                  </a:lnTo>
                  <a:lnTo>
                    <a:pt x="596" y="351"/>
                  </a:lnTo>
                  <a:lnTo>
                    <a:pt x="595" y="350"/>
                  </a:lnTo>
                  <a:lnTo>
                    <a:pt x="595" y="350"/>
                  </a:lnTo>
                  <a:lnTo>
                    <a:pt x="594" y="349"/>
                  </a:lnTo>
                  <a:lnTo>
                    <a:pt x="594" y="348"/>
                  </a:lnTo>
                  <a:lnTo>
                    <a:pt x="594" y="347"/>
                  </a:lnTo>
                  <a:lnTo>
                    <a:pt x="593" y="347"/>
                  </a:lnTo>
                  <a:lnTo>
                    <a:pt x="578" y="355"/>
                  </a:lnTo>
                  <a:lnTo>
                    <a:pt x="578" y="355"/>
                  </a:lnTo>
                  <a:lnTo>
                    <a:pt x="578" y="356"/>
                  </a:lnTo>
                  <a:lnTo>
                    <a:pt x="579" y="357"/>
                  </a:lnTo>
                  <a:lnTo>
                    <a:pt x="579" y="357"/>
                  </a:lnTo>
                  <a:lnTo>
                    <a:pt x="579" y="358"/>
                  </a:lnTo>
                  <a:lnTo>
                    <a:pt x="580" y="359"/>
                  </a:lnTo>
                  <a:lnTo>
                    <a:pt x="580" y="360"/>
                  </a:lnTo>
                  <a:lnTo>
                    <a:pt x="580" y="360"/>
                  </a:lnTo>
                  <a:lnTo>
                    <a:pt x="581" y="361"/>
                  </a:lnTo>
                  <a:lnTo>
                    <a:pt x="581" y="362"/>
                  </a:lnTo>
                  <a:lnTo>
                    <a:pt x="581" y="363"/>
                  </a:lnTo>
                  <a:lnTo>
                    <a:pt x="582" y="363"/>
                  </a:lnTo>
                  <a:lnTo>
                    <a:pt x="582" y="364"/>
                  </a:lnTo>
                  <a:lnTo>
                    <a:pt x="582" y="365"/>
                  </a:lnTo>
                  <a:lnTo>
                    <a:pt x="583" y="366"/>
                  </a:lnTo>
                  <a:lnTo>
                    <a:pt x="583" y="366"/>
                  </a:lnTo>
                  <a:lnTo>
                    <a:pt x="583" y="367"/>
                  </a:lnTo>
                  <a:lnTo>
                    <a:pt x="584" y="368"/>
                  </a:lnTo>
                  <a:lnTo>
                    <a:pt x="584" y="369"/>
                  </a:lnTo>
                  <a:lnTo>
                    <a:pt x="584" y="369"/>
                  </a:lnTo>
                  <a:lnTo>
                    <a:pt x="584" y="370"/>
                  </a:lnTo>
                  <a:lnTo>
                    <a:pt x="601" y="364"/>
                  </a:lnTo>
                  <a:close/>
                  <a:moveTo>
                    <a:pt x="573" y="316"/>
                  </a:moveTo>
                  <a:lnTo>
                    <a:pt x="573" y="316"/>
                  </a:lnTo>
                  <a:lnTo>
                    <a:pt x="572" y="316"/>
                  </a:lnTo>
                  <a:lnTo>
                    <a:pt x="572" y="315"/>
                  </a:lnTo>
                  <a:lnTo>
                    <a:pt x="571" y="315"/>
                  </a:lnTo>
                  <a:lnTo>
                    <a:pt x="570" y="314"/>
                  </a:lnTo>
                  <a:lnTo>
                    <a:pt x="570" y="313"/>
                  </a:lnTo>
                  <a:lnTo>
                    <a:pt x="569" y="313"/>
                  </a:lnTo>
                  <a:lnTo>
                    <a:pt x="569" y="312"/>
                  </a:lnTo>
                  <a:lnTo>
                    <a:pt x="568" y="311"/>
                  </a:lnTo>
                  <a:lnTo>
                    <a:pt x="567" y="311"/>
                  </a:lnTo>
                  <a:lnTo>
                    <a:pt x="567" y="310"/>
                  </a:lnTo>
                  <a:lnTo>
                    <a:pt x="566" y="309"/>
                  </a:lnTo>
                  <a:lnTo>
                    <a:pt x="565" y="309"/>
                  </a:lnTo>
                  <a:lnTo>
                    <a:pt x="565" y="308"/>
                  </a:lnTo>
                  <a:lnTo>
                    <a:pt x="564" y="307"/>
                  </a:lnTo>
                  <a:lnTo>
                    <a:pt x="563" y="307"/>
                  </a:lnTo>
                  <a:lnTo>
                    <a:pt x="563" y="306"/>
                  </a:lnTo>
                  <a:lnTo>
                    <a:pt x="562" y="305"/>
                  </a:lnTo>
                  <a:lnTo>
                    <a:pt x="561" y="305"/>
                  </a:lnTo>
                  <a:lnTo>
                    <a:pt x="561" y="304"/>
                  </a:lnTo>
                  <a:lnTo>
                    <a:pt x="560" y="304"/>
                  </a:lnTo>
                  <a:lnTo>
                    <a:pt x="559" y="303"/>
                  </a:lnTo>
                  <a:lnTo>
                    <a:pt x="548" y="316"/>
                  </a:lnTo>
                  <a:lnTo>
                    <a:pt x="548" y="317"/>
                  </a:lnTo>
                  <a:lnTo>
                    <a:pt x="549" y="317"/>
                  </a:lnTo>
                  <a:lnTo>
                    <a:pt x="549" y="318"/>
                  </a:lnTo>
                  <a:lnTo>
                    <a:pt x="550" y="318"/>
                  </a:lnTo>
                  <a:lnTo>
                    <a:pt x="551" y="319"/>
                  </a:lnTo>
                  <a:lnTo>
                    <a:pt x="551" y="319"/>
                  </a:lnTo>
                  <a:lnTo>
                    <a:pt x="552" y="320"/>
                  </a:lnTo>
                  <a:lnTo>
                    <a:pt x="552" y="320"/>
                  </a:lnTo>
                  <a:lnTo>
                    <a:pt x="553" y="321"/>
                  </a:lnTo>
                  <a:lnTo>
                    <a:pt x="554" y="322"/>
                  </a:lnTo>
                  <a:lnTo>
                    <a:pt x="554" y="322"/>
                  </a:lnTo>
                  <a:lnTo>
                    <a:pt x="555" y="323"/>
                  </a:lnTo>
                  <a:lnTo>
                    <a:pt x="555" y="323"/>
                  </a:lnTo>
                  <a:lnTo>
                    <a:pt x="556" y="324"/>
                  </a:lnTo>
                  <a:lnTo>
                    <a:pt x="556" y="325"/>
                  </a:lnTo>
                  <a:lnTo>
                    <a:pt x="557" y="325"/>
                  </a:lnTo>
                  <a:lnTo>
                    <a:pt x="557" y="326"/>
                  </a:lnTo>
                  <a:lnTo>
                    <a:pt x="558" y="326"/>
                  </a:lnTo>
                  <a:lnTo>
                    <a:pt x="559" y="327"/>
                  </a:lnTo>
                  <a:lnTo>
                    <a:pt x="559" y="328"/>
                  </a:lnTo>
                  <a:lnTo>
                    <a:pt x="559" y="328"/>
                  </a:lnTo>
                  <a:lnTo>
                    <a:pt x="573" y="316"/>
                  </a:lnTo>
                  <a:close/>
                  <a:moveTo>
                    <a:pt x="529" y="282"/>
                  </a:moveTo>
                  <a:lnTo>
                    <a:pt x="529" y="282"/>
                  </a:lnTo>
                  <a:lnTo>
                    <a:pt x="529" y="281"/>
                  </a:lnTo>
                  <a:lnTo>
                    <a:pt x="528" y="281"/>
                  </a:lnTo>
                  <a:lnTo>
                    <a:pt x="527" y="280"/>
                  </a:lnTo>
                  <a:lnTo>
                    <a:pt x="526" y="280"/>
                  </a:lnTo>
                  <a:lnTo>
                    <a:pt x="525" y="280"/>
                  </a:lnTo>
                  <a:lnTo>
                    <a:pt x="524" y="279"/>
                  </a:lnTo>
                  <a:lnTo>
                    <a:pt x="524" y="279"/>
                  </a:lnTo>
                  <a:lnTo>
                    <a:pt x="523" y="278"/>
                  </a:lnTo>
                  <a:lnTo>
                    <a:pt x="522" y="278"/>
                  </a:lnTo>
                  <a:lnTo>
                    <a:pt x="521" y="278"/>
                  </a:lnTo>
                  <a:lnTo>
                    <a:pt x="520" y="277"/>
                  </a:lnTo>
                  <a:lnTo>
                    <a:pt x="519" y="277"/>
                  </a:lnTo>
                  <a:lnTo>
                    <a:pt x="518" y="277"/>
                  </a:lnTo>
                  <a:lnTo>
                    <a:pt x="518" y="276"/>
                  </a:lnTo>
                  <a:lnTo>
                    <a:pt x="517" y="276"/>
                  </a:lnTo>
                  <a:lnTo>
                    <a:pt x="516" y="275"/>
                  </a:lnTo>
                  <a:lnTo>
                    <a:pt x="515" y="275"/>
                  </a:lnTo>
                  <a:lnTo>
                    <a:pt x="514" y="275"/>
                  </a:lnTo>
                  <a:lnTo>
                    <a:pt x="513" y="274"/>
                  </a:lnTo>
                  <a:lnTo>
                    <a:pt x="512" y="274"/>
                  </a:lnTo>
                  <a:lnTo>
                    <a:pt x="512" y="274"/>
                  </a:lnTo>
                  <a:lnTo>
                    <a:pt x="506" y="290"/>
                  </a:lnTo>
                  <a:lnTo>
                    <a:pt x="506" y="290"/>
                  </a:lnTo>
                  <a:lnTo>
                    <a:pt x="507" y="291"/>
                  </a:lnTo>
                  <a:lnTo>
                    <a:pt x="508" y="291"/>
                  </a:lnTo>
                  <a:lnTo>
                    <a:pt x="508" y="291"/>
                  </a:lnTo>
                  <a:lnTo>
                    <a:pt x="509" y="292"/>
                  </a:lnTo>
                  <a:lnTo>
                    <a:pt x="510" y="292"/>
                  </a:lnTo>
                  <a:lnTo>
                    <a:pt x="511" y="292"/>
                  </a:lnTo>
                  <a:lnTo>
                    <a:pt x="511" y="293"/>
                  </a:lnTo>
                  <a:lnTo>
                    <a:pt x="512" y="293"/>
                  </a:lnTo>
                  <a:lnTo>
                    <a:pt x="513" y="293"/>
                  </a:lnTo>
                  <a:lnTo>
                    <a:pt x="514" y="294"/>
                  </a:lnTo>
                  <a:lnTo>
                    <a:pt x="514" y="294"/>
                  </a:lnTo>
                  <a:lnTo>
                    <a:pt x="515" y="294"/>
                  </a:lnTo>
                  <a:lnTo>
                    <a:pt x="516" y="295"/>
                  </a:lnTo>
                  <a:lnTo>
                    <a:pt x="517" y="295"/>
                  </a:lnTo>
                  <a:lnTo>
                    <a:pt x="517" y="295"/>
                  </a:lnTo>
                  <a:lnTo>
                    <a:pt x="518" y="296"/>
                  </a:lnTo>
                  <a:lnTo>
                    <a:pt x="519" y="296"/>
                  </a:lnTo>
                  <a:lnTo>
                    <a:pt x="520" y="297"/>
                  </a:lnTo>
                  <a:lnTo>
                    <a:pt x="520" y="297"/>
                  </a:lnTo>
                  <a:lnTo>
                    <a:pt x="521" y="297"/>
                  </a:lnTo>
                  <a:lnTo>
                    <a:pt x="529" y="282"/>
                  </a:lnTo>
                  <a:close/>
                  <a:moveTo>
                    <a:pt x="457" y="231"/>
                  </a:moveTo>
                  <a:lnTo>
                    <a:pt x="457" y="231"/>
                  </a:lnTo>
                  <a:cubicBezTo>
                    <a:pt x="354" y="231"/>
                    <a:pt x="271" y="314"/>
                    <a:pt x="271" y="417"/>
                  </a:cubicBezTo>
                  <a:cubicBezTo>
                    <a:pt x="271" y="520"/>
                    <a:pt x="354" y="603"/>
                    <a:pt x="457" y="603"/>
                  </a:cubicBezTo>
                  <a:cubicBezTo>
                    <a:pt x="560" y="603"/>
                    <a:pt x="643" y="520"/>
                    <a:pt x="643" y="417"/>
                  </a:cubicBezTo>
                  <a:cubicBezTo>
                    <a:pt x="643" y="314"/>
                    <a:pt x="560" y="231"/>
                    <a:pt x="457" y="231"/>
                  </a:cubicBezTo>
                  <a:close/>
                  <a:moveTo>
                    <a:pt x="30" y="153"/>
                  </a:moveTo>
                  <a:lnTo>
                    <a:pt x="30" y="153"/>
                  </a:lnTo>
                  <a:cubicBezTo>
                    <a:pt x="66" y="150"/>
                    <a:pt x="102" y="148"/>
                    <a:pt x="138" y="147"/>
                  </a:cubicBezTo>
                  <a:cubicBezTo>
                    <a:pt x="114" y="146"/>
                    <a:pt x="89" y="144"/>
                    <a:pt x="65" y="141"/>
                  </a:cubicBezTo>
                  <a:cubicBezTo>
                    <a:pt x="49" y="139"/>
                    <a:pt x="35" y="128"/>
                    <a:pt x="35" y="111"/>
                  </a:cubicBezTo>
                  <a:cubicBezTo>
                    <a:pt x="35" y="87"/>
                    <a:pt x="35" y="63"/>
                    <a:pt x="35" y="39"/>
                  </a:cubicBezTo>
                  <a:cubicBezTo>
                    <a:pt x="35" y="23"/>
                    <a:pt x="49" y="11"/>
                    <a:pt x="65" y="9"/>
                  </a:cubicBezTo>
                  <a:cubicBezTo>
                    <a:pt x="163" y="0"/>
                    <a:pt x="260" y="0"/>
                    <a:pt x="358" y="9"/>
                  </a:cubicBezTo>
                  <a:cubicBezTo>
                    <a:pt x="374" y="11"/>
                    <a:pt x="388" y="23"/>
                    <a:pt x="388" y="39"/>
                  </a:cubicBezTo>
                  <a:cubicBezTo>
                    <a:pt x="388" y="63"/>
                    <a:pt x="388" y="87"/>
                    <a:pt x="388" y="111"/>
                  </a:cubicBezTo>
                  <a:cubicBezTo>
                    <a:pt x="388" y="128"/>
                    <a:pt x="374" y="139"/>
                    <a:pt x="358" y="141"/>
                  </a:cubicBezTo>
                  <a:cubicBezTo>
                    <a:pt x="323" y="145"/>
                    <a:pt x="287" y="147"/>
                    <a:pt x="252" y="148"/>
                  </a:cubicBezTo>
                  <a:cubicBezTo>
                    <a:pt x="276" y="150"/>
                    <a:pt x="299" y="151"/>
                    <a:pt x="323" y="153"/>
                  </a:cubicBezTo>
                  <a:cubicBezTo>
                    <a:pt x="339" y="155"/>
                    <a:pt x="353" y="167"/>
                    <a:pt x="353" y="183"/>
                  </a:cubicBezTo>
                  <a:lnTo>
                    <a:pt x="353" y="218"/>
                  </a:lnTo>
                  <a:cubicBezTo>
                    <a:pt x="333" y="229"/>
                    <a:pt x="314" y="242"/>
                    <a:pt x="299" y="258"/>
                  </a:cubicBezTo>
                  <a:cubicBezTo>
                    <a:pt x="289" y="268"/>
                    <a:pt x="280" y="278"/>
                    <a:pt x="272" y="290"/>
                  </a:cubicBezTo>
                  <a:cubicBezTo>
                    <a:pt x="191" y="296"/>
                    <a:pt x="111" y="294"/>
                    <a:pt x="30" y="285"/>
                  </a:cubicBezTo>
                  <a:cubicBezTo>
                    <a:pt x="13" y="283"/>
                    <a:pt x="0" y="272"/>
                    <a:pt x="0" y="255"/>
                  </a:cubicBezTo>
                  <a:cubicBezTo>
                    <a:pt x="0" y="231"/>
                    <a:pt x="0" y="207"/>
                    <a:pt x="0" y="183"/>
                  </a:cubicBezTo>
                  <a:cubicBezTo>
                    <a:pt x="0" y="167"/>
                    <a:pt x="13" y="155"/>
                    <a:pt x="30" y="153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schemeClr val="accent2"/>
                </a:solidFill>
              </a:endParaRPr>
            </a:p>
          </p:txBody>
        </p:sp>
      </p:grpSp>
      <p:grpSp>
        <p:nvGrpSpPr>
          <p:cNvPr id="156" name="组合 155"/>
          <p:cNvGrpSpPr/>
          <p:nvPr/>
        </p:nvGrpSpPr>
        <p:grpSpPr>
          <a:xfrm>
            <a:off x="0" y="3967426"/>
            <a:ext cx="6656294" cy="983047"/>
            <a:chOff x="0" y="3770478"/>
            <a:chExt cx="6656294" cy="983047"/>
          </a:xfrm>
        </p:grpSpPr>
        <p:sp>
          <p:nvSpPr>
            <p:cNvPr id="157" name="Freeform 7"/>
            <p:cNvSpPr/>
            <p:nvPr/>
          </p:nvSpPr>
          <p:spPr bwMode="auto">
            <a:xfrm>
              <a:off x="0" y="3770478"/>
              <a:ext cx="6656294" cy="983047"/>
            </a:xfrm>
            <a:custGeom>
              <a:avLst/>
              <a:gdLst>
                <a:gd name="T0" fmla="*/ 0 w 743"/>
                <a:gd name="T1" fmla="*/ 95 h 95"/>
                <a:gd name="T2" fmla="*/ 682 w 743"/>
                <a:gd name="T3" fmla="*/ 95 h 95"/>
                <a:gd name="T4" fmla="*/ 688 w 743"/>
                <a:gd name="T5" fmla="*/ 93 h 95"/>
                <a:gd name="T6" fmla="*/ 741 w 743"/>
                <a:gd name="T7" fmla="*/ 50 h 95"/>
                <a:gd name="T8" fmla="*/ 741 w 743"/>
                <a:gd name="T9" fmla="*/ 45 h 95"/>
                <a:gd name="T10" fmla="*/ 688 w 743"/>
                <a:gd name="T11" fmla="*/ 2 h 95"/>
                <a:gd name="T12" fmla="*/ 682 w 743"/>
                <a:gd name="T13" fmla="*/ 0 h 95"/>
                <a:gd name="T14" fmla="*/ 0 w 743"/>
                <a:gd name="T15" fmla="*/ 0 h 95"/>
                <a:gd name="T16" fmla="*/ 0 w 743"/>
                <a:gd name="T17" fmla="*/ 95 h 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743" h="95">
                  <a:moveTo>
                    <a:pt x="0" y="95"/>
                  </a:moveTo>
                  <a:cubicBezTo>
                    <a:pt x="682" y="95"/>
                    <a:pt x="682" y="95"/>
                    <a:pt x="682" y="95"/>
                  </a:cubicBezTo>
                  <a:cubicBezTo>
                    <a:pt x="684" y="95"/>
                    <a:pt x="687" y="94"/>
                    <a:pt x="688" y="93"/>
                  </a:cubicBezTo>
                  <a:cubicBezTo>
                    <a:pt x="741" y="50"/>
                    <a:pt x="741" y="50"/>
                    <a:pt x="741" y="50"/>
                  </a:cubicBezTo>
                  <a:cubicBezTo>
                    <a:pt x="743" y="49"/>
                    <a:pt x="743" y="47"/>
                    <a:pt x="741" y="45"/>
                  </a:cubicBezTo>
                  <a:cubicBezTo>
                    <a:pt x="688" y="2"/>
                    <a:pt x="688" y="2"/>
                    <a:pt x="688" y="2"/>
                  </a:cubicBezTo>
                  <a:cubicBezTo>
                    <a:pt x="687" y="1"/>
                    <a:pt x="684" y="0"/>
                    <a:pt x="682" y="0"/>
                  </a:cubicBezTo>
                  <a:cubicBezTo>
                    <a:pt x="0" y="0"/>
                    <a:pt x="0" y="0"/>
                    <a:pt x="0" y="0"/>
                  </a:cubicBezTo>
                  <a:lnTo>
                    <a:pt x="0" y="95"/>
                  </a:lnTo>
                  <a:close/>
                </a:path>
              </a:pathLst>
            </a:custGeom>
            <a:solidFill>
              <a:srgbClr val="E0454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58" name="矩形 157"/>
            <p:cNvSpPr/>
            <p:nvPr/>
          </p:nvSpPr>
          <p:spPr>
            <a:xfrm>
              <a:off x="181218" y="4094392"/>
              <a:ext cx="637037" cy="52322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/>
              <a:r>
                <a:rPr lang="en-US" altLang="zh-CN" sz="2800" b="1" dirty="0">
                  <a:solidFill>
                    <a:prstClr val="white"/>
                  </a:solidFill>
                  <a:latin typeface="Agency FB" panose="020B0503020202020204" pitchFamily="34" charset="0"/>
                  <a:ea typeface="微软雅黑" panose="020B0503020204020204" pitchFamily="34" charset="-122"/>
                </a:rPr>
                <a:t>03</a:t>
              </a:r>
              <a:endParaRPr lang="zh-CN" altLang="en-US" sz="2800" b="1" dirty="0">
                <a:solidFill>
                  <a:prstClr val="white"/>
                </a:solidFill>
                <a:latin typeface="Agency FB" panose="020B050302020202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9" name="Freeform 22"/>
            <p:cNvSpPr>
              <a:spLocks noChangeAspect="1" noEditPoints="1"/>
            </p:cNvSpPr>
            <p:nvPr/>
          </p:nvSpPr>
          <p:spPr bwMode="auto">
            <a:xfrm>
              <a:off x="5743791" y="4076281"/>
              <a:ext cx="360000" cy="422764"/>
            </a:xfrm>
            <a:custGeom>
              <a:avLst/>
              <a:gdLst>
                <a:gd name="T0" fmla="*/ 90 w 641"/>
                <a:gd name="T1" fmla="*/ 424 h 748"/>
                <a:gd name="T2" fmla="*/ 158 w 641"/>
                <a:gd name="T3" fmla="*/ 424 h 748"/>
                <a:gd name="T4" fmla="*/ 205 w 641"/>
                <a:gd name="T5" fmla="*/ 408 h 748"/>
                <a:gd name="T6" fmla="*/ 291 w 641"/>
                <a:gd name="T7" fmla="*/ 588 h 748"/>
                <a:gd name="T8" fmla="*/ 312 w 641"/>
                <a:gd name="T9" fmla="*/ 475 h 748"/>
                <a:gd name="T10" fmla="*/ 297 w 641"/>
                <a:gd name="T11" fmla="*/ 468 h 748"/>
                <a:gd name="T12" fmla="*/ 298 w 641"/>
                <a:gd name="T13" fmla="*/ 452 h 748"/>
                <a:gd name="T14" fmla="*/ 360 w 641"/>
                <a:gd name="T15" fmla="*/ 452 h 748"/>
                <a:gd name="T16" fmla="*/ 360 w 641"/>
                <a:gd name="T17" fmla="*/ 468 h 748"/>
                <a:gd name="T18" fmla="*/ 346 w 641"/>
                <a:gd name="T19" fmla="*/ 475 h 748"/>
                <a:gd name="T20" fmla="*/ 365 w 641"/>
                <a:gd name="T21" fmla="*/ 583 h 748"/>
                <a:gd name="T22" fmla="*/ 439 w 641"/>
                <a:gd name="T23" fmla="*/ 415 h 748"/>
                <a:gd name="T24" fmla="*/ 482 w 641"/>
                <a:gd name="T25" fmla="*/ 420 h 748"/>
                <a:gd name="T26" fmla="*/ 545 w 641"/>
                <a:gd name="T27" fmla="*/ 420 h 748"/>
                <a:gd name="T28" fmla="*/ 632 w 641"/>
                <a:gd name="T29" fmla="*/ 691 h 748"/>
                <a:gd name="T30" fmla="*/ 544 w 641"/>
                <a:gd name="T31" fmla="*/ 722 h 748"/>
                <a:gd name="T32" fmla="*/ 532 w 641"/>
                <a:gd name="T33" fmla="*/ 681 h 748"/>
                <a:gd name="T34" fmla="*/ 504 w 641"/>
                <a:gd name="T35" fmla="*/ 729 h 748"/>
                <a:gd name="T36" fmla="*/ 123 w 641"/>
                <a:gd name="T37" fmla="*/ 731 h 748"/>
                <a:gd name="T38" fmla="*/ 94 w 641"/>
                <a:gd name="T39" fmla="*/ 681 h 748"/>
                <a:gd name="T40" fmla="*/ 81 w 641"/>
                <a:gd name="T41" fmla="*/ 724 h 748"/>
                <a:gd name="T42" fmla="*/ 0 w 641"/>
                <a:gd name="T43" fmla="*/ 691 h 748"/>
                <a:gd name="T44" fmla="*/ 90 w 641"/>
                <a:gd name="T45" fmla="*/ 424 h 748"/>
                <a:gd name="T46" fmla="*/ 185 w 641"/>
                <a:gd name="T47" fmla="*/ 289 h 748"/>
                <a:gd name="T48" fmla="*/ 185 w 641"/>
                <a:gd name="T49" fmla="*/ 289 h 748"/>
                <a:gd name="T50" fmla="*/ 163 w 641"/>
                <a:gd name="T51" fmla="*/ 264 h 748"/>
                <a:gd name="T52" fmla="*/ 155 w 641"/>
                <a:gd name="T53" fmla="*/ 214 h 748"/>
                <a:gd name="T54" fmla="*/ 155 w 641"/>
                <a:gd name="T55" fmla="*/ 207 h 748"/>
                <a:gd name="T56" fmla="*/ 160 w 641"/>
                <a:gd name="T57" fmla="*/ 204 h 748"/>
                <a:gd name="T58" fmla="*/ 164 w 641"/>
                <a:gd name="T59" fmla="*/ 202 h 748"/>
                <a:gd name="T60" fmla="*/ 199 w 641"/>
                <a:gd name="T61" fmla="*/ 47 h 748"/>
                <a:gd name="T62" fmla="*/ 423 w 641"/>
                <a:gd name="T63" fmla="*/ 43 h 748"/>
                <a:gd name="T64" fmla="*/ 466 w 641"/>
                <a:gd name="T65" fmla="*/ 200 h 748"/>
                <a:gd name="T66" fmla="*/ 472 w 641"/>
                <a:gd name="T67" fmla="*/ 204 h 748"/>
                <a:gd name="T68" fmla="*/ 478 w 641"/>
                <a:gd name="T69" fmla="*/ 207 h 748"/>
                <a:gd name="T70" fmla="*/ 478 w 641"/>
                <a:gd name="T71" fmla="*/ 214 h 748"/>
                <a:gd name="T72" fmla="*/ 471 w 641"/>
                <a:gd name="T73" fmla="*/ 263 h 748"/>
                <a:gd name="T74" fmla="*/ 449 w 641"/>
                <a:gd name="T75" fmla="*/ 288 h 748"/>
                <a:gd name="T76" fmla="*/ 328 w 641"/>
                <a:gd name="T77" fmla="*/ 397 h 748"/>
                <a:gd name="T78" fmla="*/ 299 w 641"/>
                <a:gd name="T79" fmla="*/ 395 h 748"/>
                <a:gd name="T80" fmla="*/ 185 w 641"/>
                <a:gd name="T81" fmla="*/ 289 h 7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641" h="748">
                  <a:moveTo>
                    <a:pt x="90" y="424"/>
                  </a:moveTo>
                  <a:cubicBezTo>
                    <a:pt x="114" y="424"/>
                    <a:pt x="137" y="424"/>
                    <a:pt x="158" y="424"/>
                  </a:cubicBezTo>
                  <a:cubicBezTo>
                    <a:pt x="178" y="425"/>
                    <a:pt x="194" y="421"/>
                    <a:pt x="205" y="408"/>
                  </a:cubicBezTo>
                  <a:lnTo>
                    <a:pt x="291" y="588"/>
                  </a:lnTo>
                  <a:lnTo>
                    <a:pt x="312" y="475"/>
                  </a:lnTo>
                  <a:lnTo>
                    <a:pt x="297" y="468"/>
                  </a:lnTo>
                  <a:lnTo>
                    <a:pt x="298" y="452"/>
                  </a:lnTo>
                  <a:lnTo>
                    <a:pt x="360" y="452"/>
                  </a:lnTo>
                  <a:lnTo>
                    <a:pt x="360" y="468"/>
                  </a:lnTo>
                  <a:lnTo>
                    <a:pt x="346" y="475"/>
                  </a:lnTo>
                  <a:lnTo>
                    <a:pt x="365" y="583"/>
                  </a:lnTo>
                  <a:lnTo>
                    <a:pt x="439" y="415"/>
                  </a:lnTo>
                  <a:cubicBezTo>
                    <a:pt x="450" y="420"/>
                    <a:pt x="464" y="422"/>
                    <a:pt x="482" y="420"/>
                  </a:cubicBezTo>
                  <a:cubicBezTo>
                    <a:pt x="502" y="420"/>
                    <a:pt x="523" y="420"/>
                    <a:pt x="545" y="420"/>
                  </a:cubicBezTo>
                  <a:cubicBezTo>
                    <a:pt x="604" y="475"/>
                    <a:pt x="641" y="606"/>
                    <a:pt x="632" y="691"/>
                  </a:cubicBezTo>
                  <a:cubicBezTo>
                    <a:pt x="614" y="704"/>
                    <a:pt x="583" y="714"/>
                    <a:pt x="544" y="722"/>
                  </a:cubicBezTo>
                  <a:lnTo>
                    <a:pt x="532" y="681"/>
                  </a:lnTo>
                  <a:lnTo>
                    <a:pt x="504" y="729"/>
                  </a:lnTo>
                  <a:cubicBezTo>
                    <a:pt x="390" y="746"/>
                    <a:pt x="233" y="748"/>
                    <a:pt x="123" y="731"/>
                  </a:cubicBezTo>
                  <a:lnTo>
                    <a:pt x="94" y="681"/>
                  </a:lnTo>
                  <a:lnTo>
                    <a:pt x="81" y="724"/>
                  </a:lnTo>
                  <a:cubicBezTo>
                    <a:pt x="43" y="716"/>
                    <a:pt x="14" y="705"/>
                    <a:pt x="0" y="691"/>
                  </a:cubicBezTo>
                  <a:cubicBezTo>
                    <a:pt x="1" y="616"/>
                    <a:pt x="15" y="489"/>
                    <a:pt x="90" y="424"/>
                  </a:cubicBezTo>
                  <a:close/>
                  <a:moveTo>
                    <a:pt x="185" y="289"/>
                  </a:moveTo>
                  <a:lnTo>
                    <a:pt x="185" y="289"/>
                  </a:lnTo>
                  <a:cubicBezTo>
                    <a:pt x="175" y="284"/>
                    <a:pt x="168" y="275"/>
                    <a:pt x="163" y="264"/>
                  </a:cubicBezTo>
                  <a:cubicBezTo>
                    <a:pt x="157" y="251"/>
                    <a:pt x="155" y="234"/>
                    <a:pt x="155" y="214"/>
                  </a:cubicBezTo>
                  <a:lnTo>
                    <a:pt x="155" y="207"/>
                  </a:lnTo>
                  <a:lnTo>
                    <a:pt x="160" y="204"/>
                  </a:lnTo>
                  <a:cubicBezTo>
                    <a:pt x="162" y="203"/>
                    <a:pt x="163" y="202"/>
                    <a:pt x="164" y="202"/>
                  </a:cubicBezTo>
                  <a:cubicBezTo>
                    <a:pt x="152" y="117"/>
                    <a:pt x="162" y="78"/>
                    <a:pt x="199" y="47"/>
                  </a:cubicBezTo>
                  <a:cubicBezTo>
                    <a:pt x="256" y="0"/>
                    <a:pt x="365" y="0"/>
                    <a:pt x="423" y="43"/>
                  </a:cubicBezTo>
                  <a:cubicBezTo>
                    <a:pt x="463" y="72"/>
                    <a:pt x="477" y="123"/>
                    <a:pt x="466" y="200"/>
                  </a:cubicBezTo>
                  <a:cubicBezTo>
                    <a:pt x="468" y="201"/>
                    <a:pt x="470" y="202"/>
                    <a:pt x="472" y="204"/>
                  </a:cubicBezTo>
                  <a:lnTo>
                    <a:pt x="478" y="207"/>
                  </a:lnTo>
                  <a:lnTo>
                    <a:pt x="478" y="214"/>
                  </a:lnTo>
                  <a:cubicBezTo>
                    <a:pt x="478" y="233"/>
                    <a:pt x="476" y="250"/>
                    <a:pt x="471" y="263"/>
                  </a:cubicBezTo>
                  <a:cubicBezTo>
                    <a:pt x="466" y="275"/>
                    <a:pt x="459" y="283"/>
                    <a:pt x="449" y="288"/>
                  </a:cubicBezTo>
                  <a:cubicBezTo>
                    <a:pt x="434" y="338"/>
                    <a:pt x="381" y="392"/>
                    <a:pt x="328" y="397"/>
                  </a:cubicBezTo>
                  <a:cubicBezTo>
                    <a:pt x="319" y="398"/>
                    <a:pt x="308" y="398"/>
                    <a:pt x="299" y="395"/>
                  </a:cubicBezTo>
                  <a:cubicBezTo>
                    <a:pt x="241" y="374"/>
                    <a:pt x="203" y="350"/>
                    <a:pt x="185" y="289"/>
                  </a:cubicBez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160" name="组合 159"/>
          <p:cNvGrpSpPr/>
          <p:nvPr/>
        </p:nvGrpSpPr>
        <p:grpSpPr>
          <a:xfrm>
            <a:off x="955411" y="2364546"/>
            <a:ext cx="4145379" cy="4147353"/>
            <a:chOff x="955411" y="2167598"/>
            <a:chExt cx="4145379" cy="4147353"/>
          </a:xfrm>
        </p:grpSpPr>
        <p:sp>
          <p:nvSpPr>
            <p:cNvPr id="161" name="Freeform 9"/>
            <p:cNvSpPr/>
            <p:nvPr/>
          </p:nvSpPr>
          <p:spPr bwMode="auto">
            <a:xfrm>
              <a:off x="1048189" y="4834459"/>
              <a:ext cx="3969693" cy="1480492"/>
            </a:xfrm>
            <a:custGeom>
              <a:avLst/>
              <a:gdLst>
                <a:gd name="T0" fmla="*/ 0 w 385"/>
                <a:gd name="T1" fmla="*/ 2 h 143"/>
                <a:gd name="T2" fmla="*/ 192 w 385"/>
                <a:gd name="T3" fmla="*/ 143 h 143"/>
                <a:gd name="T4" fmla="*/ 385 w 385"/>
                <a:gd name="T5" fmla="*/ 0 h 143"/>
                <a:gd name="T6" fmla="*/ 191 w 385"/>
                <a:gd name="T7" fmla="*/ 51 h 143"/>
                <a:gd name="T8" fmla="*/ 0 w 385"/>
                <a:gd name="T9" fmla="*/ 2 h 1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5" h="143">
                  <a:moveTo>
                    <a:pt x="0" y="2"/>
                  </a:moveTo>
                  <a:cubicBezTo>
                    <a:pt x="26" y="84"/>
                    <a:pt x="102" y="143"/>
                    <a:pt x="192" y="143"/>
                  </a:cubicBezTo>
                  <a:cubicBezTo>
                    <a:pt x="283" y="143"/>
                    <a:pt x="360" y="83"/>
                    <a:pt x="385" y="0"/>
                  </a:cubicBezTo>
                  <a:cubicBezTo>
                    <a:pt x="336" y="31"/>
                    <a:pt x="267" y="51"/>
                    <a:pt x="191" y="51"/>
                  </a:cubicBezTo>
                  <a:cubicBezTo>
                    <a:pt x="116" y="51"/>
                    <a:pt x="49" y="32"/>
                    <a:pt x="0" y="2"/>
                  </a:cubicBezTo>
                  <a:close/>
                </a:path>
              </a:pathLst>
            </a:custGeom>
            <a:solidFill>
              <a:srgbClr val="FDB52D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62" name="Freeform 10"/>
            <p:cNvSpPr/>
            <p:nvPr/>
          </p:nvSpPr>
          <p:spPr bwMode="auto">
            <a:xfrm>
              <a:off x="955411" y="3738894"/>
              <a:ext cx="4145379" cy="1624594"/>
            </a:xfrm>
            <a:custGeom>
              <a:avLst/>
              <a:gdLst>
                <a:gd name="T0" fmla="*/ 396 w 402"/>
                <a:gd name="T1" fmla="*/ 0 h 157"/>
                <a:gd name="T2" fmla="*/ 200 w 402"/>
                <a:gd name="T3" fmla="*/ 53 h 157"/>
                <a:gd name="T4" fmla="*/ 6 w 402"/>
                <a:gd name="T5" fmla="*/ 1 h 157"/>
                <a:gd name="T6" fmla="*/ 0 w 402"/>
                <a:gd name="T7" fmla="*/ 48 h 157"/>
                <a:gd name="T8" fmla="*/ 9 w 402"/>
                <a:gd name="T9" fmla="*/ 108 h 157"/>
                <a:gd name="T10" fmla="*/ 200 w 402"/>
                <a:gd name="T11" fmla="*/ 157 h 157"/>
                <a:gd name="T12" fmla="*/ 394 w 402"/>
                <a:gd name="T13" fmla="*/ 106 h 157"/>
                <a:gd name="T14" fmla="*/ 402 w 402"/>
                <a:gd name="T15" fmla="*/ 48 h 157"/>
                <a:gd name="T16" fmla="*/ 396 w 402"/>
                <a:gd name="T17" fmla="*/ 0 h 1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402" h="157">
                  <a:moveTo>
                    <a:pt x="396" y="0"/>
                  </a:moveTo>
                  <a:cubicBezTo>
                    <a:pt x="347" y="32"/>
                    <a:pt x="278" y="53"/>
                    <a:pt x="200" y="53"/>
                  </a:cubicBezTo>
                  <a:cubicBezTo>
                    <a:pt x="124" y="53"/>
                    <a:pt x="55" y="33"/>
                    <a:pt x="6" y="1"/>
                  </a:cubicBezTo>
                  <a:cubicBezTo>
                    <a:pt x="2" y="16"/>
                    <a:pt x="0" y="32"/>
                    <a:pt x="0" y="48"/>
                  </a:cubicBezTo>
                  <a:cubicBezTo>
                    <a:pt x="0" y="69"/>
                    <a:pt x="3" y="89"/>
                    <a:pt x="9" y="108"/>
                  </a:cubicBezTo>
                  <a:cubicBezTo>
                    <a:pt x="58" y="138"/>
                    <a:pt x="125" y="157"/>
                    <a:pt x="200" y="157"/>
                  </a:cubicBezTo>
                  <a:cubicBezTo>
                    <a:pt x="276" y="157"/>
                    <a:pt x="345" y="137"/>
                    <a:pt x="394" y="106"/>
                  </a:cubicBezTo>
                  <a:cubicBezTo>
                    <a:pt x="399" y="87"/>
                    <a:pt x="402" y="68"/>
                    <a:pt x="402" y="48"/>
                  </a:cubicBezTo>
                  <a:cubicBezTo>
                    <a:pt x="402" y="32"/>
                    <a:pt x="400" y="15"/>
                    <a:pt x="396" y="0"/>
                  </a:cubicBezTo>
                  <a:close/>
                </a:path>
              </a:pathLst>
            </a:custGeom>
            <a:solidFill>
              <a:srgbClr val="F2556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63" name="Freeform 11"/>
            <p:cNvSpPr/>
            <p:nvPr/>
          </p:nvSpPr>
          <p:spPr bwMode="auto">
            <a:xfrm>
              <a:off x="1018578" y="2921662"/>
              <a:ext cx="4021018" cy="1366001"/>
            </a:xfrm>
            <a:custGeom>
              <a:avLst/>
              <a:gdLst>
                <a:gd name="T0" fmla="*/ 40 w 390"/>
                <a:gd name="T1" fmla="*/ 0 h 132"/>
                <a:gd name="T2" fmla="*/ 0 w 390"/>
                <a:gd name="T3" fmla="*/ 80 h 132"/>
                <a:gd name="T4" fmla="*/ 194 w 390"/>
                <a:gd name="T5" fmla="*/ 132 h 132"/>
                <a:gd name="T6" fmla="*/ 390 w 390"/>
                <a:gd name="T7" fmla="*/ 79 h 132"/>
                <a:gd name="T8" fmla="*/ 350 w 390"/>
                <a:gd name="T9" fmla="*/ 0 h 132"/>
                <a:gd name="T10" fmla="*/ 194 w 390"/>
                <a:gd name="T11" fmla="*/ 31 h 132"/>
                <a:gd name="T12" fmla="*/ 40 w 390"/>
                <a:gd name="T13" fmla="*/ 0 h 1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90" h="132">
                  <a:moveTo>
                    <a:pt x="40" y="0"/>
                  </a:moveTo>
                  <a:cubicBezTo>
                    <a:pt x="21" y="23"/>
                    <a:pt x="7" y="51"/>
                    <a:pt x="0" y="80"/>
                  </a:cubicBezTo>
                  <a:cubicBezTo>
                    <a:pt x="49" y="112"/>
                    <a:pt x="118" y="132"/>
                    <a:pt x="194" y="132"/>
                  </a:cubicBezTo>
                  <a:cubicBezTo>
                    <a:pt x="272" y="132"/>
                    <a:pt x="341" y="111"/>
                    <a:pt x="390" y="79"/>
                  </a:cubicBezTo>
                  <a:cubicBezTo>
                    <a:pt x="383" y="49"/>
                    <a:pt x="369" y="22"/>
                    <a:pt x="350" y="0"/>
                  </a:cubicBezTo>
                  <a:cubicBezTo>
                    <a:pt x="306" y="19"/>
                    <a:pt x="252" y="31"/>
                    <a:pt x="194" y="31"/>
                  </a:cubicBezTo>
                  <a:cubicBezTo>
                    <a:pt x="136" y="31"/>
                    <a:pt x="83" y="19"/>
                    <a:pt x="40" y="0"/>
                  </a:cubicBezTo>
                  <a:close/>
                </a:path>
              </a:pathLst>
            </a:custGeom>
            <a:solidFill>
              <a:srgbClr val="12B19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64" name="Freeform 12"/>
            <p:cNvSpPr/>
            <p:nvPr/>
          </p:nvSpPr>
          <p:spPr bwMode="auto">
            <a:xfrm>
              <a:off x="1431143" y="2167598"/>
              <a:ext cx="3195890" cy="1075825"/>
            </a:xfrm>
            <a:custGeom>
              <a:avLst/>
              <a:gdLst>
                <a:gd name="T0" fmla="*/ 155 w 310"/>
                <a:gd name="T1" fmla="*/ 0 h 104"/>
                <a:gd name="T2" fmla="*/ 0 w 310"/>
                <a:gd name="T3" fmla="*/ 73 h 104"/>
                <a:gd name="T4" fmla="*/ 154 w 310"/>
                <a:gd name="T5" fmla="*/ 104 h 104"/>
                <a:gd name="T6" fmla="*/ 310 w 310"/>
                <a:gd name="T7" fmla="*/ 73 h 104"/>
                <a:gd name="T8" fmla="*/ 155 w 310"/>
                <a:gd name="T9" fmla="*/ 0 h 10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0" h="104">
                  <a:moveTo>
                    <a:pt x="155" y="0"/>
                  </a:moveTo>
                  <a:cubicBezTo>
                    <a:pt x="92" y="0"/>
                    <a:pt x="36" y="28"/>
                    <a:pt x="0" y="73"/>
                  </a:cubicBezTo>
                  <a:cubicBezTo>
                    <a:pt x="43" y="92"/>
                    <a:pt x="96" y="104"/>
                    <a:pt x="154" y="104"/>
                  </a:cubicBezTo>
                  <a:cubicBezTo>
                    <a:pt x="212" y="104"/>
                    <a:pt x="266" y="92"/>
                    <a:pt x="310" y="73"/>
                  </a:cubicBezTo>
                  <a:cubicBezTo>
                    <a:pt x="273" y="28"/>
                    <a:pt x="218" y="0"/>
                    <a:pt x="155" y="0"/>
                  </a:cubicBezTo>
                  <a:close/>
                </a:path>
              </a:pathLst>
            </a:custGeom>
            <a:solidFill>
              <a:srgbClr val="288DB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grpSp>
          <p:nvGrpSpPr>
            <p:cNvPr id="165" name="组合 164"/>
            <p:cNvGrpSpPr/>
            <p:nvPr/>
          </p:nvGrpSpPr>
          <p:grpSpPr>
            <a:xfrm>
              <a:off x="1133662" y="2213536"/>
              <a:ext cx="3898628" cy="3786960"/>
              <a:chOff x="1181949" y="1942988"/>
              <a:chExt cx="4140983" cy="4022372"/>
            </a:xfrm>
            <a:solidFill>
              <a:schemeClr val="bg1">
                <a:alpha val="23000"/>
              </a:schemeClr>
            </a:solidFill>
          </p:grpSpPr>
          <p:sp>
            <p:nvSpPr>
              <p:cNvPr id="166" name="Freeform 13"/>
              <p:cNvSpPr/>
              <p:nvPr/>
            </p:nvSpPr>
            <p:spPr bwMode="auto">
              <a:xfrm>
                <a:off x="3758099" y="2074084"/>
                <a:ext cx="85317" cy="64508"/>
              </a:xfrm>
              <a:custGeom>
                <a:avLst/>
                <a:gdLst>
                  <a:gd name="T0" fmla="*/ 2 w 8"/>
                  <a:gd name="T1" fmla="*/ 6 h 6"/>
                  <a:gd name="T2" fmla="*/ 0 w 8"/>
                  <a:gd name="T3" fmla="*/ 6 h 6"/>
                  <a:gd name="T4" fmla="*/ 0 w 8"/>
                  <a:gd name="T5" fmla="*/ 5 h 6"/>
                  <a:gd name="T6" fmla="*/ 0 w 8"/>
                  <a:gd name="T7" fmla="*/ 4 h 6"/>
                  <a:gd name="T8" fmla="*/ 0 w 8"/>
                  <a:gd name="T9" fmla="*/ 0 h 6"/>
                  <a:gd name="T10" fmla="*/ 6 w 8"/>
                  <a:gd name="T11" fmla="*/ 0 h 6"/>
                  <a:gd name="T12" fmla="*/ 6 w 8"/>
                  <a:gd name="T13" fmla="*/ 2 h 6"/>
                  <a:gd name="T14" fmla="*/ 6 w 8"/>
                  <a:gd name="T15" fmla="*/ 2 h 6"/>
                  <a:gd name="T16" fmla="*/ 7 w 8"/>
                  <a:gd name="T17" fmla="*/ 3 h 6"/>
                  <a:gd name="T18" fmla="*/ 7 w 8"/>
                  <a:gd name="T19" fmla="*/ 4 h 6"/>
                  <a:gd name="T20" fmla="*/ 8 w 8"/>
                  <a:gd name="T21" fmla="*/ 5 h 6"/>
                  <a:gd name="T22" fmla="*/ 8 w 8"/>
                  <a:gd name="T23" fmla="*/ 6 h 6"/>
                  <a:gd name="T24" fmla="*/ 7 w 8"/>
                  <a:gd name="T25" fmla="*/ 6 h 6"/>
                  <a:gd name="T26" fmla="*/ 2 w 8"/>
                  <a:gd name="T27" fmla="*/ 6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8" h="6">
                    <a:moveTo>
                      <a:pt x="2" y="6"/>
                    </a:moveTo>
                    <a:cubicBezTo>
                      <a:pt x="1" y="6"/>
                      <a:pt x="1" y="6"/>
                      <a:pt x="0" y="6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4"/>
                      <a:pt x="0" y="4"/>
                      <a:pt x="0" y="4"/>
                    </a:cubicBezTo>
                    <a:cubicBezTo>
                      <a:pt x="0" y="0"/>
                      <a:pt x="0" y="0"/>
                      <a:pt x="0" y="0"/>
                    </a:cubicBezTo>
                    <a:cubicBezTo>
                      <a:pt x="6" y="0"/>
                      <a:pt x="6" y="0"/>
                      <a:pt x="6" y="0"/>
                    </a:cubicBezTo>
                    <a:cubicBezTo>
                      <a:pt x="6" y="2"/>
                      <a:pt x="6" y="2"/>
                      <a:pt x="6" y="2"/>
                    </a:cubicBezTo>
                    <a:cubicBezTo>
                      <a:pt x="6" y="2"/>
                      <a:pt x="6" y="2"/>
                      <a:pt x="6" y="2"/>
                    </a:cubicBezTo>
                    <a:cubicBezTo>
                      <a:pt x="6" y="3"/>
                      <a:pt x="6" y="3"/>
                      <a:pt x="7" y="3"/>
                    </a:cubicBezTo>
                    <a:cubicBezTo>
                      <a:pt x="7" y="3"/>
                      <a:pt x="7" y="4"/>
                      <a:pt x="7" y="4"/>
                    </a:cubicBezTo>
                    <a:cubicBezTo>
                      <a:pt x="8" y="5"/>
                      <a:pt x="8" y="5"/>
                      <a:pt x="8" y="5"/>
                    </a:cubicBezTo>
                    <a:cubicBezTo>
                      <a:pt x="8" y="6"/>
                      <a:pt x="8" y="6"/>
                      <a:pt x="8" y="6"/>
                    </a:cubicBezTo>
                    <a:cubicBezTo>
                      <a:pt x="7" y="6"/>
                      <a:pt x="7" y="6"/>
                      <a:pt x="7" y="6"/>
                    </a:cubicBezTo>
                    <a:lnTo>
                      <a:pt x="2" y="6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67" name="Freeform 14"/>
              <p:cNvSpPr/>
              <p:nvPr/>
            </p:nvSpPr>
            <p:spPr bwMode="auto">
              <a:xfrm>
                <a:off x="3758099" y="2117783"/>
                <a:ext cx="183119" cy="185200"/>
              </a:xfrm>
              <a:custGeom>
                <a:avLst/>
                <a:gdLst>
                  <a:gd name="T0" fmla="*/ 9 w 17"/>
                  <a:gd name="T1" fmla="*/ 17 h 17"/>
                  <a:gd name="T2" fmla="*/ 7 w 17"/>
                  <a:gd name="T3" fmla="*/ 17 h 17"/>
                  <a:gd name="T4" fmla="*/ 7 w 17"/>
                  <a:gd name="T5" fmla="*/ 17 h 17"/>
                  <a:gd name="T6" fmla="*/ 4 w 17"/>
                  <a:gd name="T7" fmla="*/ 16 h 17"/>
                  <a:gd name="T8" fmla="*/ 4 w 17"/>
                  <a:gd name="T9" fmla="*/ 14 h 17"/>
                  <a:gd name="T10" fmla="*/ 4 w 17"/>
                  <a:gd name="T11" fmla="*/ 13 h 17"/>
                  <a:gd name="T12" fmla="*/ 4 w 17"/>
                  <a:gd name="T13" fmla="*/ 13 h 17"/>
                  <a:gd name="T14" fmla="*/ 3 w 17"/>
                  <a:gd name="T15" fmla="*/ 13 h 17"/>
                  <a:gd name="T16" fmla="*/ 1 w 17"/>
                  <a:gd name="T17" fmla="*/ 13 h 17"/>
                  <a:gd name="T18" fmla="*/ 2 w 17"/>
                  <a:gd name="T19" fmla="*/ 12 h 17"/>
                  <a:gd name="T20" fmla="*/ 2 w 17"/>
                  <a:gd name="T21" fmla="*/ 12 h 17"/>
                  <a:gd name="T22" fmla="*/ 2 w 17"/>
                  <a:gd name="T23" fmla="*/ 12 h 17"/>
                  <a:gd name="T24" fmla="*/ 1 w 17"/>
                  <a:gd name="T25" fmla="*/ 11 h 17"/>
                  <a:gd name="T26" fmla="*/ 0 w 17"/>
                  <a:gd name="T27" fmla="*/ 11 h 17"/>
                  <a:gd name="T28" fmla="*/ 0 w 17"/>
                  <a:gd name="T29" fmla="*/ 8 h 17"/>
                  <a:gd name="T30" fmla="*/ 0 w 17"/>
                  <a:gd name="T31" fmla="*/ 7 h 17"/>
                  <a:gd name="T32" fmla="*/ 0 w 17"/>
                  <a:gd name="T33" fmla="*/ 6 h 17"/>
                  <a:gd name="T34" fmla="*/ 2 w 17"/>
                  <a:gd name="T35" fmla="*/ 5 h 17"/>
                  <a:gd name="T36" fmla="*/ 3 w 17"/>
                  <a:gd name="T37" fmla="*/ 5 h 17"/>
                  <a:gd name="T38" fmla="*/ 3 w 17"/>
                  <a:gd name="T39" fmla="*/ 5 h 17"/>
                  <a:gd name="T40" fmla="*/ 3 w 17"/>
                  <a:gd name="T41" fmla="*/ 5 h 17"/>
                  <a:gd name="T42" fmla="*/ 3 w 17"/>
                  <a:gd name="T43" fmla="*/ 5 h 17"/>
                  <a:gd name="T44" fmla="*/ 4 w 17"/>
                  <a:gd name="T45" fmla="*/ 5 h 17"/>
                  <a:gd name="T46" fmla="*/ 4 w 17"/>
                  <a:gd name="T47" fmla="*/ 4 h 17"/>
                  <a:gd name="T48" fmla="*/ 5 w 17"/>
                  <a:gd name="T49" fmla="*/ 4 h 17"/>
                  <a:gd name="T50" fmla="*/ 5 w 17"/>
                  <a:gd name="T51" fmla="*/ 4 h 17"/>
                  <a:gd name="T52" fmla="*/ 6 w 17"/>
                  <a:gd name="T53" fmla="*/ 4 h 17"/>
                  <a:gd name="T54" fmla="*/ 7 w 17"/>
                  <a:gd name="T55" fmla="*/ 3 h 17"/>
                  <a:gd name="T56" fmla="*/ 7 w 17"/>
                  <a:gd name="T57" fmla="*/ 2 h 17"/>
                  <a:gd name="T58" fmla="*/ 7 w 17"/>
                  <a:gd name="T59" fmla="*/ 2 h 17"/>
                  <a:gd name="T60" fmla="*/ 7 w 17"/>
                  <a:gd name="T61" fmla="*/ 1 h 17"/>
                  <a:gd name="T62" fmla="*/ 9 w 17"/>
                  <a:gd name="T63" fmla="*/ 0 h 17"/>
                  <a:gd name="T64" fmla="*/ 9 w 17"/>
                  <a:gd name="T65" fmla="*/ 0 h 17"/>
                  <a:gd name="T66" fmla="*/ 9 w 17"/>
                  <a:gd name="T67" fmla="*/ 0 h 17"/>
                  <a:gd name="T68" fmla="*/ 10 w 17"/>
                  <a:gd name="T69" fmla="*/ 0 h 17"/>
                  <a:gd name="T70" fmla="*/ 11 w 17"/>
                  <a:gd name="T71" fmla="*/ 0 h 17"/>
                  <a:gd name="T72" fmla="*/ 14 w 17"/>
                  <a:gd name="T73" fmla="*/ 1 h 17"/>
                  <a:gd name="T74" fmla="*/ 15 w 17"/>
                  <a:gd name="T75" fmla="*/ 2 h 17"/>
                  <a:gd name="T76" fmla="*/ 15 w 17"/>
                  <a:gd name="T77" fmla="*/ 2 h 17"/>
                  <a:gd name="T78" fmla="*/ 17 w 17"/>
                  <a:gd name="T79" fmla="*/ 2 h 17"/>
                  <a:gd name="T80" fmla="*/ 17 w 17"/>
                  <a:gd name="T81" fmla="*/ 3 h 17"/>
                  <a:gd name="T82" fmla="*/ 17 w 17"/>
                  <a:gd name="T83" fmla="*/ 4 h 17"/>
                  <a:gd name="T84" fmla="*/ 15 w 17"/>
                  <a:gd name="T85" fmla="*/ 6 h 17"/>
                  <a:gd name="T86" fmla="*/ 15 w 17"/>
                  <a:gd name="T87" fmla="*/ 6 h 17"/>
                  <a:gd name="T88" fmla="*/ 15 w 17"/>
                  <a:gd name="T89" fmla="*/ 6 h 17"/>
                  <a:gd name="T90" fmla="*/ 16 w 17"/>
                  <a:gd name="T91" fmla="*/ 8 h 17"/>
                  <a:gd name="T92" fmla="*/ 16 w 17"/>
                  <a:gd name="T93" fmla="*/ 9 h 17"/>
                  <a:gd name="T94" fmla="*/ 15 w 17"/>
                  <a:gd name="T95" fmla="*/ 15 h 17"/>
                  <a:gd name="T96" fmla="*/ 13 w 17"/>
                  <a:gd name="T97" fmla="*/ 15 h 17"/>
                  <a:gd name="T98" fmla="*/ 13 w 17"/>
                  <a:gd name="T99" fmla="*/ 15 h 17"/>
                  <a:gd name="T100" fmla="*/ 12 w 17"/>
                  <a:gd name="T101" fmla="*/ 16 h 17"/>
                  <a:gd name="T102" fmla="*/ 12 w 17"/>
                  <a:gd name="T103" fmla="*/ 16 h 17"/>
                  <a:gd name="T104" fmla="*/ 9 w 17"/>
                  <a:gd name="T105" fmla="*/ 17 h 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</a:cxnLst>
                <a:rect l="0" t="0" r="r" b="b"/>
                <a:pathLst>
                  <a:path w="17" h="17">
                    <a:moveTo>
                      <a:pt x="9" y="17"/>
                    </a:moveTo>
                    <a:cubicBezTo>
                      <a:pt x="8" y="17"/>
                      <a:pt x="8" y="17"/>
                      <a:pt x="7" y="17"/>
                    </a:cubicBezTo>
                    <a:cubicBezTo>
                      <a:pt x="7" y="17"/>
                      <a:pt x="7" y="17"/>
                      <a:pt x="7" y="17"/>
                    </a:cubicBezTo>
                    <a:cubicBezTo>
                      <a:pt x="6" y="17"/>
                      <a:pt x="5" y="16"/>
                      <a:pt x="4" y="16"/>
                    </a:cubicBezTo>
                    <a:cubicBezTo>
                      <a:pt x="4" y="15"/>
                      <a:pt x="3" y="15"/>
                      <a:pt x="4" y="14"/>
                    </a:cubicBezTo>
                    <a:cubicBezTo>
                      <a:pt x="4" y="13"/>
                      <a:pt x="4" y="13"/>
                      <a:pt x="4" y="13"/>
                    </a:cubicBezTo>
                    <a:cubicBezTo>
                      <a:pt x="4" y="13"/>
                      <a:pt x="4" y="13"/>
                      <a:pt x="4" y="13"/>
                    </a:cubicBezTo>
                    <a:cubicBezTo>
                      <a:pt x="4" y="13"/>
                      <a:pt x="3" y="13"/>
                      <a:pt x="3" y="13"/>
                    </a:cubicBezTo>
                    <a:cubicBezTo>
                      <a:pt x="1" y="13"/>
                      <a:pt x="1" y="13"/>
                      <a:pt x="1" y="13"/>
                    </a:cubicBezTo>
                    <a:cubicBezTo>
                      <a:pt x="2" y="12"/>
                      <a:pt x="2" y="12"/>
                      <a:pt x="2" y="12"/>
                    </a:cubicBezTo>
                    <a:cubicBezTo>
                      <a:pt x="2" y="12"/>
                      <a:pt x="2" y="12"/>
                      <a:pt x="2" y="12"/>
                    </a:cubicBezTo>
                    <a:cubicBezTo>
                      <a:pt x="2" y="12"/>
                      <a:pt x="2" y="12"/>
                      <a:pt x="2" y="12"/>
                    </a:cubicBezTo>
                    <a:cubicBezTo>
                      <a:pt x="2" y="12"/>
                      <a:pt x="2" y="11"/>
                      <a:pt x="1" y="11"/>
                    </a:cubicBezTo>
                    <a:cubicBezTo>
                      <a:pt x="0" y="11"/>
                      <a:pt x="0" y="11"/>
                      <a:pt x="0" y="11"/>
                    </a:cubicBezTo>
                    <a:cubicBezTo>
                      <a:pt x="0" y="8"/>
                      <a:pt x="0" y="8"/>
                      <a:pt x="0" y="8"/>
                    </a:cubicBezTo>
                    <a:cubicBezTo>
                      <a:pt x="0" y="7"/>
                      <a:pt x="0" y="7"/>
                      <a:pt x="0" y="7"/>
                    </a:cubicBezTo>
                    <a:cubicBezTo>
                      <a:pt x="0" y="7"/>
                      <a:pt x="0" y="6"/>
                      <a:pt x="0" y="6"/>
                    </a:cubicBezTo>
                    <a:cubicBezTo>
                      <a:pt x="1" y="5"/>
                      <a:pt x="1" y="5"/>
                      <a:pt x="2" y="5"/>
                    </a:cubicBezTo>
                    <a:cubicBezTo>
                      <a:pt x="3" y="5"/>
                      <a:pt x="3" y="5"/>
                      <a:pt x="3" y="5"/>
                    </a:cubicBezTo>
                    <a:cubicBezTo>
                      <a:pt x="3" y="5"/>
                      <a:pt x="3" y="5"/>
                      <a:pt x="3" y="5"/>
                    </a:cubicBezTo>
                    <a:cubicBezTo>
                      <a:pt x="3" y="5"/>
                      <a:pt x="3" y="5"/>
                      <a:pt x="3" y="5"/>
                    </a:cubicBezTo>
                    <a:cubicBezTo>
                      <a:pt x="3" y="5"/>
                      <a:pt x="3" y="5"/>
                      <a:pt x="3" y="5"/>
                    </a:cubicBezTo>
                    <a:cubicBezTo>
                      <a:pt x="3" y="5"/>
                      <a:pt x="3" y="5"/>
                      <a:pt x="4" y="5"/>
                    </a:cubicBezTo>
                    <a:cubicBezTo>
                      <a:pt x="4" y="4"/>
                      <a:pt x="4" y="4"/>
                      <a:pt x="4" y="4"/>
                    </a:cubicBezTo>
                    <a:cubicBezTo>
                      <a:pt x="5" y="4"/>
                      <a:pt x="5" y="4"/>
                      <a:pt x="5" y="4"/>
                    </a:cubicBezTo>
                    <a:cubicBezTo>
                      <a:pt x="5" y="4"/>
                      <a:pt x="5" y="4"/>
                      <a:pt x="5" y="4"/>
                    </a:cubicBezTo>
                    <a:cubicBezTo>
                      <a:pt x="6" y="4"/>
                      <a:pt x="6" y="4"/>
                      <a:pt x="6" y="4"/>
                    </a:cubicBezTo>
                    <a:cubicBezTo>
                      <a:pt x="7" y="4"/>
                      <a:pt x="7" y="4"/>
                      <a:pt x="7" y="3"/>
                    </a:cubicBezTo>
                    <a:cubicBezTo>
                      <a:pt x="7" y="3"/>
                      <a:pt x="7" y="3"/>
                      <a:pt x="7" y="2"/>
                    </a:cubicBezTo>
                    <a:cubicBezTo>
                      <a:pt x="7" y="2"/>
                      <a:pt x="7" y="2"/>
                      <a:pt x="7" y="2"/>
                    </a:cubicBezTo>
                    <a:cubicBezTo>
                      <a:pt x="7" y="2"/>
                      <a:pt x="7" y="1"/>
                      <a:pt x="7" y="1"/>
                    </a:cubicBezTo>
                    <a:cubicBezTo>
                      <a:pt x="7" y="1"/>
                      <a:pt x="8" y="0"/>
                      <a:pt x="9" y="0"/>
                    </a:cubicBezTo>
                    <a:cubicBezTo>
                      <a:pt x="9" y="0"/>
                      <a:pt x="9" y="0"/>
                      <a:pt x="9" y="0"/>
                    </a:cubicBezTo>
                    <a:cubicBezTo>
                      <a:pt x="9" y="0"/>
                      <a:pt x="9" y="0"/>
                      <a:pt x="9" y="0"/>
                    </a:cubicBezTo>
                    <a:cubicBezTo>
                      <a:pt x="9" y="0"/>
                      <a:pt x="10" y="0"/>
                      <a:pt x="10" y="0"/>
                    </a:cubicBezTo>
                    <a:cubicBezTo>
                      <a:pt x="10" y="0"/>
                      <a:pt x="10" y="0"/>
                      <a:pt x="11" y="0"/>
                    </a:cubicBezTo>
                    <a:cubicBezTo>
                      <a:pt x="12" y="0"/>
                      <a:pt x="13" y="0"/>
                      <a:pt x="14" y="1"/>
                    </a:cubicBezTo>
                    <a:cubicBezTo>
                      <a:pt x="14" y="1"/>
                      <a:pt x="15" y="2"/>
                      <a:pt x="15" y="2"/>
                    </a:cubicBezTo>
                    <a:cubicBezTo>
                      <a:pt x="15" y="2"/>
                      <a:pt x="15" y="2"/>
                      <a:pt x="15" y="2"/>
                    </a:cubicBezTo>
                    <a:cubicBezTo>
                      <a:pt x="17" y="2"/>
                      <a:pt x="17" y="2"/>
                      <a:pt x="17" y="2"/>
                    </a:cubicBezTo>
                    <a:cubicBezTo>
                      <a:pt x="17" y="3"/>
                      <a:pt x="17" y="3"/>
                      <a:pt x="17" y="3"/>
                    </a:cubicBezTo>
                    <a:cubicBezTo>
                      <a:pt x="17" y="4"/>
                      <a:pt x="17" y="4"/>
                      <a:pt x="17" y="4"/>
                    </a:cubicBezTo>
                    <a:cubicBezTo>
                      <a:pt x="17" y="6"/>
                      <a:pt x="16" y="6"/>
                      <a:pt x="15" y="6"/>
                    </a:cubicBezTo>
                    <a:cubicBezTo>
                      <a:pt x="15" y="6"/>
                      <a:pt x="15" y="6"/>
                      <a:pt x="15" y="6"/>
                    </a:cubicBezTo>
                    <a:cubicBezTo>
                      <a:pt x="15" y="6"/>
                      <a:pt x="15" y="6"/>
                      <a:pt x="15" y="6"/>
                    </a:cubicBezTo>
                    <a:cubicBezTo>
                      <a:pt x="15" y="7"/>
                      <a:pt x="15" y="8"/>
                      <a:pt x="16" y="8"/>
                    </a:cubicBezTo>
                    <a:cubicBezTo>
                      <a:pt x="16" y="9"/>
                      <a:pt x="16" y="9"/>
                      <a:pt x="16" y="9"/>
                    </a:cubicBezTo>
                    <a:cubicBezTo>
                      <a:pt x="17" y="12"/>
                      <a:pt x="16" y="14"/>
                      <a:pt x="15" y="15"/>
                    </a:cubicBezTo>
                    <a:cubicBezTo>
                      <a:pt x="14" y="15"/>
                      <a:pt x="14" y="15"/>
                      <a:pt x="13" y="15"/>
                    </a:cubicBezTo>
                    <a:cubicBezTo>
                      <a:pt x="13" y="15"/>
                      <a:pt x="13" y="15"/>
                      <a:pt x="13" y="15"/>
                    </a:cubicBezTo>
                    <a:cubicBezTo>
                      <a:pt x="13" y="15"/>
                      <a:pt x="13" y="15"/>
                      <a:pt x="12" y="16"/>
                    </a:cubicBezTo>
                    <a:cubicBezTo>
                      <a:pt x="12" y="16"/>
                      <a:pt x="12" y="16"/>
                      <a:pt x="12" y="16"/>
                    </a:cubicBezTo>
                    <a:cubicBezTo>
                      <a:pt x="11" y="17"/>
                      <a:pt x="10" y="17"/>
                      <a:pt x="9" y="17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68" name="Freeform 15"/>
              <p:cNvSpPr/>
              <p:nvPr/>
            </p:nvSpPr>
            <p:spPr bwMode="auto">
              <a:xfrm>
                <a:off x="3930813" y="2151077"/>
                <a:ext cx="131096" cy="108207"/>
              </a:xfrm>
              <a:custGeom>
                <a:avLst/>
                <a:gdLst>
                  <a:gd name="T0" fmla="*/ 6 w 12"/>
                  <a:gd name="T1" fmla="*/ 10 h 10"/>
                  <a:gd name="T2" fmla="*/ 5 w 12"/>
                  <a:gd name="T3" fmla="*/ 9 h 10"/>
                  <a:gd name="T4" fmla="*/ 5 w 12"/>
                  <a:gd name="T5" fmla="*/ 8 h 10"/>
                  <a:gd name="T6" fmla="*/ 5 w 12"/>
                  <a:gd name="T7" fmla="*/ 8 h 10"/>
                  <a:gd name="T8" fmla="*/ 4 w 12"/>
                  <a:gd name="T9" fmla="*/ 9 h 10"/>
                  <a:gd name="T10" fmla="*/ 4 w 12"/>
                  <a:gd name="T11" fmla="*/ 7 h 10"/>
                  <a:gd name="T12" fmla="*/ 2 w 12"/>
                  <a:gd name="T13" fmla="*/ 5 h 10"/>
                  <a:gd name="T14" fmla="*/ 1 w 12"/>
                  <a:gd name="T15" fmla="*/ 5 h 10"/>
                  <a:gd name="T16" fmla="*/ 0 w 12"/>
                  <a:gd name="T17" fmla="*/ 4 h 10"/>
                  <a:gd name="T18" fmla="*/ 1 w 12"/>
                  <a:gd name="T19" fmla="*/ 2 h 10"/>
                  <a:gd name="T20" fmla="*/ 5 w 12"/>
                  <a:gd name="T21" fmla="*/ 0 h 10"/>
                  <a:gd name="T22" fmla="*/ 7 w 12"/>
                  <a:gd name="T23" fmla="*/ 1 h 10"/>
                  <a:gd name="T24" fmla="*/ 8 w 12"/>
                  <a:gd name="T25" fmla="*/ 1 h 10"/>
                  <a:gd name="T26" fmla="*/ 10 w 12"/>
                  <a:gd name="T27" fmla="*/ 1 h 10"/>
                  <a:gd name="T28" fmla="*/ 10 w 12"/>
                  <a:gd name="T29" fmla="*/ 2 h 10"/>
                  <a:gd name="T30" fmla="*/ 10 w 12"/>
                  <a:gd name="T31" fmla="*/ 2 h 10"/>
                  <a:gd name="T32" fmla="*/ 10 w 12"/>
                  <a:gd name="T33" fmla="*/ 2 h 10"/>
                  <a:gd name="T34" fmla="*/ 10 w 12"/>
                  <a:gd name="T35" fmla="*/ 2 h 10"/>
                  <a:gd name="T36" fmla="*/ 11 w 12"/>
                  <a:gd name="T37" fmla="*/ 3 h 10"/>
                  <a:gd name="T38" fmla="*/ 11 w 12"/>
                  <a:gd name="T39" fmla="*/ 4 h 10"/>
                  <a:gd name="T40" fmla="*/ 11 w 12"/>
                  <a:gd name="T41" fmla="*/ 5 h 10"/>
                  <a:gd name="T42" fmla="*/ 11 w 12"/>
                  <a:gd name="T43" fmla="*/ 8 h 10"/>
                  <a:gd name="T44" fmla="*/ 7 w 12"/>
                  <a:gd name="T45" fmla="*/ 10 h 10"/>
                  <a:gd name="T46" fmla="*/ 6 w 12"/>
                  <a:gd name="T47" fmla="*/ 10 h 1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</a:cxnLst>
                <a:rect l="0" t="0" r="r" b="b"/>
                <a:pathLst>
                  <a:path w="12" h="10">
                    <a:moveTo>
                      <a:pt x="6" y="10"/>
                    </a:moveTo>
                    <a:cubicBezTo>
                      <a:pt x="5" y="9"/>
                      <a:pt x="5" y="9"/>
                      <a:pt x="5" y="9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5" y="8"/>
                      <a:pt x="5" y="8"/>
                      <a:pt x="5" y="8"/>
                    </a:cubicBezTo>
                    <a:cubicBezTo>
                      <a:pt x="4" y="9"/>
                      <a:pt x="4" y="9"/>
                      <a:pt x="4" y="9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4" y="7"/>
                      <a:pt x="3" y="6"/>
                      <a:pt x="2" y="5"/>
                    </a:cubicBezTo>
                    <a:cubicBezTo>
                      <a:pt x="2" y="5"/>
                      <a:pt x="1" y="5"/>
                      <a:pt x="1" y="5"/>
                    </a:cubicBezTo>
                    <a:cubicBezTo>
                      <a:pt x="1" y="5"/>
                      <a:pt x="0" y="4"/>
                      <a:pt x="0" y="4"/>
                    </a:cubicBezTo>
                    <a:cubicBezTo>
                      <a:pt x="0" y="3"/>
                      <a:pt x="0" y="3"/>
                      <a:pt x="1" y="2"/>
                    </a:cubicBezTo>
                    <a:cubicBezTo>
                      <a:pt x="2" y="1"/>
                      <a:pt x="4" y="0"/>
                      <a:pt x="5" y="0"/>
                    </a:cubicBezTo>
                    <a:cubicBezTo>
                      <a:pt x="6" y="0"/>
                      <a:pt x="6" y="0"/>
                      <a:pt x="7" y="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10" y="1"/>
                      <a:pt x="10" y="1"/>
                      <a:pt x="10" y="1"/>
                    </a:cubicBezTo>
                    <a:cubicBezTo>
                      <a:pt x="10" y="2"/>
                      <a:pt x="10" y="2"/>
                      <a:pt x="10" y="2"/>
                    </a:cubicBezTo>
                    <a:cubicBezTo>
                      <a:pt x="10" y="2"/>
                      <a:pt x="10" y="2"/>
                      <a:pt x="10" y="2"/>
                    </a:cubicBezTo>
                    <a:cubicBezTo>
                      <a:pt x="10" y="2"/>
                      <a:pt x="10" y="2"/>
                      <a:pt x="10" y="2"/>
                    </a:cubicBezTo>
                    <a:cubicBezTo>
                      <a:pt x="10" y="2"/>
                      <a:pt x="10" y="2"/>
                      <a:pt x="10" y="2"/>
                    </a:cubicBezTo>
                    <a:cubicBezTo>
                      <a:pt x="11" y="3"/>
                      <a:pt x="11" y="3"/>
                      <a:pt x="11" y="3"/>
                    </a:cubicBezTo>
                    <a:cubicBezTo>
                      <a:pt x="11" y="4"/>
                      <a:pt x="11" y="4"/>
                      <a:pt x="11" y="4"/>
                    </a:cubicBezTo>
                    <a:cubicBezTo>
                      <a:pt x="11" y="4"/>
                      <a:pt x="11" y="4"/>
                      <a:pt x="11" y="5"/>
                    </a:cubicBezTo>
                    <a:cubicBezTo>
                      <a:pt x="12" y="6"/>
                      <a:pt x="12" y="7"/>
                      <a:pt x="11" y="8"/>
                    </a:cubicBezTo>
                    <a:cubicBezTo>
                      <a:pt x="10" y="10"/>
                      <a:pt x="8" y="10"/>
                      <a:pt x="7" y="10"/>
                    </a:cubicBezTo>
                    <a:lnTo>
                      <a:pt x="6" y="10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69" name="Freeform 16"/>
              <p:cNvSpPr/>
              <p:nvPr/>
            </p:nvSpPr>
            <p:spPr bwMode="auto">
              <a:xfrm>
                <a:off x="3930813" y="2259284"/>
                <a:ext cx="131096" cy="76993"/>
              </a:xfrm>
              <a:custGeom>
                <a:avLst/>
                <a:gdLst>
                  <a:gd name="T0" fmla="*/ 10 w 12"/>
                  <a:gd name="T1" fmla="*/ 7 h 7"/>
                  <a:gd name="T2" fmla="*/ 10 w 12"/>
                  <a:gd name="T3" fmla="*/ 7 h 7"/>
                  <a:gd name="T4" fmla="*/ 4 w 12"/>
                  <a:gd name="T5" fmla="*/ 7 h 7"/>
                  <a:gd name="T6" fmla="*/ 4 w 12"/>
                  <a:gd name="T7" fmla="*/ 6 h 7"/>
                  <a:gd name="T8" fmla="*/ 0 w 12"/>
                  <a:gd name="T9" fmla="*/ 6 h 7"/>
                  <a:gd name="T10" fmla="*/ 0 w 12"/>
                  <a:gd name="T11" fmla="*/ 2 h 7"/>
                  <a:gd name="T12" fmla="*/ 0 w 12"/>
                  <a:gd name="T13" fmla="*/ 1 h 7"/>
                  <a:gd name="T14" fmla="*/ 0 w 12"/>
                  <a:gd name="T15" fmla="*/ 0 h 7"/>
                  <a:gd name="T16" fmla="*/ 2 w 12"/>
                  <a:gd name="T17" fmla="*/ 0 h 7"/>
                  <a:gd name="T18" fmla="*/ 8 w 12"/>
                  <a:gd name="T19" fmla="*/ 0 h 7"/>
                  <a:gd name="T20" fmla="*/ 8 w 12"/>
                  <a:gd name="T21" fmla="*/ 1 h 7"/>
                  <a:gd name="T22" fmla="*/ 8 w 12"/>
                  <a:gd name="T23" fmla="*/ 1 h 7"/>
                  <a:gd name="T24" fmla="*/ 8 w 12"/>
                  <a:gd name="T25" fmla="*/ 1 h 7"/>
                  <a:gd name="T26" fmla="*/ 9 w 12"/>
                  <a:gd name="T27" fmla="*/ 1 h 7"/>
                  <a:gd name="T28" fmla="*/ 9 w 12"/>
                  <a:gd name="T29" fmla="*/ 1 h 7"/>
                  <a:gd name="T30" fmla="*/ 11 w 12"/>
                  <a:gd name="T31" fmla="*/ 4 h 7"/>
                  <a:gd name="T32" fmla="*/ 11 w 12"/>
                  <a:gd name="T33" fmla="*/ 5 h 7"/>
                  <a:gd name="T34" fmla="*/ 11 w 12"/>
                  <a:gd name="T35" fmla="*/ 6 h 7"/>
                  <a:gd name="T36" fmla="*/ 11 w 12"/>
                  <a:gd name="T37" fmla="*/ 7 h 7"/>
                  <a:gd name="T38" fmla="*/ 10 w 12"/>
                  <a:gd name="T39" fmla="*/ 7 h 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</a:cxnLst>
                <a:rect l="0" t="0" r="r" b="b"/>
                <a:pathLst>
                  <a:path w="12" h="7">
                    <a:moveTo>
                      <a:pt x="10" y="7"/>
                    </a:moveTo>
                    <a:cubicBezTo>
                      <a:pt x="10" y="7"/>
                      <a:pt x="10" y="7"/>
                      <a:pt x="10" y="7"/>
                    </a:cubicBezTo>
                    <a:cubicBezTo>
                      <a:pt x="4" y="7"/>
                      <a:pt x="4" y="7"/>
                      <a:pt x="4" y="7"/>
                    </a:cubicBezTo>
                    <a:cubicBezTo>
                      <a:pt x="4" y="6"/>
                      <a:pt x="4" y="6"/>
                      <a:pt x="4" y="6"/>
                    </a:cubicBezTo>
                    <a:cubicBezTo>
                      <a:pt x="0" y="6"/>
                      <a:pt x="0" y="6"/>
                      <a:pt x="0" y="6"/>
                    </a:cubicBezTo>
                    <a:cubicBezTo>
                      <a:pt x="0" y="2"/>
                      <a:pt x="0" y="2"/>
                      <a:pt x="0" y="2"/>
                    </a:cubicBezTo>
                    <a:cubicBezTo>
                      <a:pt x="0" y="2"/>
                      <a:pt x="0" y="2"/>
                      <a:pt x="0" y="1"/>
                    </a:cubicBezTo>
                    <a:cubicBezTo>
                      <a:pt x="0" y="1"/>
                      <a:pt x="0" y="1"/>
                      <a:pt x="0" y="0"/>
                    </a:cubicBezTo>
                    <a:cubicBezTo>
                      <a:pt x="1" y="0"/>
                      <a:pt x="2" y="0"/>
                      <a:pt x="2" y="0"/>
                    </a:cubicBezTo>
                    <a:cubicBezTo>
                      <a:pt x="8" y="0"/>
                      <a:pt x="8" y="0"/>
                      <a:pt x="8" y="0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9" y="1"/>
                      <a:pt x="9" y="1"/>
                      <a:pt x="9" y="1"/>
                    </a:cubicBezTo>
                    <a:cubicBezTo>
                      <a:pt x="9" y="1"/>
                      <a:pt x="9" y="1"/>
                      <a:pt x="9" y="1"/>
                    </a:cubicBezTo>
                    <a:cubicBezTo>
                      <a:pt x="10" y="1"/>
                      <a:pt x="11" y="2"/>
                      <a:pt x="11" y="4"/>
                    </a:cubicBezTo>
                    <a:cubicBezTo>
                      <a:pt x="11" y="4"/>
                      <a:pt x="11" y="5"/>
                      <a:pt x="11" y="5"/>
                    </a:cubicBezTo>
                    <a:cubicBezTo>
                      <a:pt x="11" y="6"/>
                      <a:pt x="11" y="6"/>
                      <a:pt x="11" y="6"/>
                    </a:cubicBezTo>
                    <a:cubicBezTo>
                      <a:pt x="12" y="6"/>
                      <a:pt x="11" y="6"/>
                      <a:pt x="11" y="7"/>
                    </a:cubicBezTo>
                    <a:cubicBezTo>
                      <a:pt x="11" y="7"/>
                      <a:pt x="11" y="7"/>
                      <a:pt x="10" y="7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0" name="Freeform 17"/>
              <p:cNvSpPr/>
              <p:nvPr/>
            </p:nvSpPr>
            <p:spPr bwMode="auto">
              <a:xfrm>
                <a:off x="2823776" y="1942988"/>
                <a:ext cx="455716" cy="316296"/>
              </a:xfrm>
              <a:custGeom>
                <a:avLst/>
                <a:gdLst>
                  <a:gd name="T0" fmla="*/ 13 w 42"/>
                  <a:gd name="T1" fmla="*/ 29 h 29"/>
                  <a:gd name="T2" fmla="*/ 6 w 42"/>
                  <a:gd name="T3" fmla="*/ 29 h 29"/>
                  <a:gd name="T4" fmla="*/ 2 w 42"/>
                  <a:gd name="T5" fmla="*/ 25 h 29"/>
                  <a:gd name="T6" fmla="*/ 0 w 42"/>
                  <a:gd name="T7" fmla="*/ 22 h 29"/>
                  <a:gd name="T8" fmla="*/ 0 w 42"/>
                  <a:gd name="T9" fmla="*/ 18 h 29"/>
                  <a:gd name="T10" fmla="*/ 3 w 42"/>
                  <a:gd name="T11" fmla="*/ 16 h 29"/>
                  <a:gd name="T12" fmla="*/ 5 w 42"/>
                  <a:gd name="T13" fmla="*/ 14 h 29"/>
                  <a:gd name="T14" fmla="*/ 5 w 42"/>
                  <a:gd name="T15" fmla="*/ 11 h 29"/>
                  <a:gd name="T16" fmla="*/ 4 w 42"/>
                  <a:gd name="T17" fmla="*/ 7 h 29"/>
                  <a:gd name="T18" fmla="*/ 3 w 42"/>
                  <a:gd name="T19" fmla="*/ 6 h 29"/>
                  <a:gd name="T20" fmla="*/ 2 w 42"/>
                  <a:gd name="T21" fmla="*/ 2 h 29"/>
                  <a:gd name="T22" fmla="*/ 17 w 42"/>
                  <a:gd name="T23" fmla="*/ 1 h 29"/>
                  <a:gd name="T24" fmla="*/ 38 w 42"/>
                  <a:gd name="T25" fmla="*/ 0 h 29"/>
                  <a:gd name="T26" fmla="*/ 41 w 42"/>
                  <a:gd name="T27" fmla="*/ 0 h 29"/>
                  <a:gd name="T28" fmla="*/ 42 w 42"/>
                  <a:gd name="T29" fmla="*/ 2 h 29"/>
                  <a:gd name="T30" fmla="*/ 42 w 42"/>
                  <a:gd name="T31" fmla="*/ 3 h 29"/>
                  <a:gd name="T32" fmla="*/ 39 w 42"/>
                  <a:gd name="T33" fmla="*/ 6 h 29"/>
                  <a:gd name="T34" fmla="*/ 38 w 42"/>
                  <a:gd name="T35" fmla="*/ 11 h 29"/>
                  <a:gd name="T36" fmla="*/ 39 w 42"/>
                  <a:gd name="T37" fmla="*/ 12 h 29"/>
                  <a:gd name="T38" fmla="*/ 37 w 42"/>
                  <a:gd name="T39" fmla="*/ 15 h 29"/>
                  <a:gd name="T40" fmla="*/ 36 w 42"/>
                  <a:gd name="T41" fmla="*/ 15 h 29"/>
                  <a:gd name="T42" fmla="*/ 35 w 42"/>
                  <a:gd name="T43" fmla="*/ 17 h 29"/>
                  <a:gd name="T44" fmla="*/ 32 w 42"/>
                  <a:gd name="T45" fmla="*/ 17 h 29"/>
                  <a:gd name="T46" fmla="*/ 29 w 42"/>
                  <a:gd name="T47" fmla="*/ 19 h 29"/>
                  <a:gd name="T48" fmla="*/ 27 w 42"/>
                  <a:gd name="T49" fmla="*/ 20 h 29"/>
                  <a:gd name="T50" fmla="*/ 26 w 42"/>
                  <a:gd name="T51" fmla="*/ 20 h 29"/>
                  <a:gd name="T52" fmla="*/ 24 w 42"/>
                  <a:gd name="T53" fmla="*/ 22 h 29"/>
                  <a:gd name="T54" fmla="*/ 20 w 42"/>
                  <a:gd name="T55" fmla="*/ 22 h 29"/>
                  <a:gd name="T56" fmla="*/ 18 w 42"/>
                  <a:gd name="T57" fmla="*/ 22 h 29"/>
                  <a:gd name="T58" fmla="*/ 17 w 42"/>
                  <a:gd name="T59" fmla="*/ 24 h 29"/>
                  <a:gd name="T60" fmla="*/ 17 w 42"/>
                  <a:gd name="T61" fmla="*/ 26 h 29"/>
                  <a:gd name="T62" fmla="*/ 14 w 42"/>
                  <a:gd name="T63" fmla="*/ 29 h 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</a:cxnLst>
                <a:rect l="0" t="0" r="r" b="b"/>
                <a:pathLst>
                  <a:path w="42" h="29">
                    <a:moveTo>
                      <a:pt x="14" y="29"/>
                    </a:moveTo>
                    <a:cubicBezTo>
                      <a:pt x="13" y="29"/>
                      <a:pt x="13" y="29"/>
                      <a:pt x="13" y="29"/>
                    </a:cubicBezTo>
                    <a:cubicBezTo>
                      <a:pt x="13" y="29"/>
                      <a:pt x="12" y="29"/>
                      <a:pt x="12" y="29"/>
                    </a:cubicBezTo>
                    <a:cubicBezTo>
                      <a:pt x="6" y="29"/>
                      <a:pt x="6" y="29"/>
                      <a:pt x="6" y="29"/>
                    </a:cubicBezTo>
                    <a:cubicBezTo>
                      <a:pt x="5" y="29"/>
                      <a:pt x="5" y="29"/>
                      <a:pt x="5" y="29"/>
                    </a:cubicBezTo>
                    <a:cubicBezTo>
                      <a:pt x="4" y="28"/>
                      <a:pt x="3" y="26"/>
                      <a:pt x="2" y="25"/>
                    </a:cubicBezTo>
                    <a:cubicBezTo>
                      <a:pt x="1" y="25"/>
                      <a:pt x="1" y="24"/>
                      <a:pt x="0" y="24"/>
                    </a:cubicBezTo>
                    <a:cubicBezTo>
                      <a:pt x="0" y="23"/>
                      <a:pt x="0" y="23"/>
                      <a:pt x="0" y="22"/>
                    </a:cubicBezTo>
                    <a:cubicBezTo>
                      <a:pt x="0" y="22"/>
                      <a:pt x="0" y="22"/>
                      <a:pt x="0" y="22"/>
                    </a:cubicBezTo>
                    <a:cubicBezTo>
                      <a:pt x="0" y="18"/>
                      <a:pt x="0" y="18"/>
                      <a:pt x="0" y="18"/>
                    </a:cubicBezTo>
                    <a:cubicBezTo>
                      <a:pt x="1" y="18"/>
                      <a:pt x="1" y="18"/>
                      <a:pt x="1" y="18"/>
                    </a:cubicBezTo>
                    <a:cubicBezTo>
                      <a:pt x="2" y="18"/>
                      <a:pt x="2" y="17"/>
                      <a:pt x="3" y="16"/>
                    </a:cubicBezTo>
                    <a:cubicBezTo>
                      <a:pt x="3" y="16"/>
                      <a:pt x="3" y="16"/>
                      <a:pt x="3" y="15"/>
                    </a:cubicBezTo>
                    <a:cubicBezTo>
                      <a:pt x="4" y="14"/>
                      <a:pt x="4" y="14"/>
                      <a:pt x="5" y="14"/>
                    </a:cubicBezTo>
                    <a:cubicBezTo>
                      <a:pt x="5" y="14"/>
                      <a:pt x="5" y="14"/>
                      <a:pt x="5" y="14"/>
                    </a:cubicBezTo>
                    <a:cubicBezTo>
                      <a:pt x="5" y="13"/>
                      <a:pt x="5" y="12"/>
                      <a:pt x="5" y="11"/>
                    </a:cubicBezTo>
                    <a:cubicBezTo>
                      <a:pt x="5" y="11"/>
                      <a:pt x="5" y="10"/>
                      <a:pt x="5" y="10"/>
                    </a:cubicBezTo>
                    <a:cubicBezTo>
                      <a:pt x="5" y="8"/>
                      <a:pt x="5" y="8"/>
                      <a:pt x="4" y="7"/>
                    </a:cubicBezTo>
                    <a:cubicBezTo>
                      <a:pt x="4" y="7"/>
                      <a:pt x="3" y="6"/>
                      <a:pt x="3" y="6"/>
                    </a:cubicBezTo>
                    <a:cubicBezTo>
                      <a:pt x="3" y="6"/>
                      <a:pt x="3" y="6"/>
                      <a:pt x="3" y="6"/>
                    </a:cubicBezTo>
                    <a:cubicBezTo>
                      <a:pt x="2" y="6"/>
                      <a:pt x="2" y="5"/>
                      <a:pt x="2" y="4"/>
                    </a:cubicBezTo>
                    <a:cubicBezTo>
                      <a:pt x="2" y="2"/>
                      <a:pt x="2" y="2"/>
                      <a:pt x="2" y="2"/>
                    </a:cubicBezTo>
                    <a:cubicBezTo>
                      <a:pt x="3" y="2"/>
                      <a:pt x="3" y="2"/>
                      <a:pt x="3" y="2"/>
                    </a:cubicBezTo>
                    <a:cubicBezTo>
                      <a:pt x="8" y="2"/>
                      <a:pt x="12" y="1"/>
                      <a:pt x="17" y="1"/>
                    </a:cubicBezTo>
                    <a:cubicBezTo>
                      <a:pt x="22" y="0"/>
                      <a:pt x="28" y="0"/>
                      <a:pt x="33" y="0"/>
                    </a:cubicBezTo>
                    <a:cubicBezTo>
                      <a:pt x="35" y="0"/>
                      <a:pt x="36" y="0"/>
                      <a:pt x="38" y="0"/>
                    </a:cubicBezTo>
                    <a:cubicBezTo>
                      <a:pt x="39" y="0"/>
                      <a:pt x="39" y="0"/>
                      <a:pt x="40" y="0"/>
                    </a:cubicBezTo>
                    <a:cubicBezTo>
                      <a:pt x="40" y="0"/>
                      <a:pt x="41" y="0"/>
                      <a:pt x="41" y="0"/>
                    </a:cubicBezTo>
                    <a:cubicBezTo>
                      <a:pt x="42" y="1"/>
                      <a:pt x="42" y="1"/>
                      <a:pt x="42" y="2"/>
                    </a:cubicBezTo>
                    <a:cubicBezTo>
                      <a:pt x="42" y="2"/>
                      <a:pt x="42" y="2"/>
                      <a:pt x="42" y="2"/>
                    </a:cubicBezTo>
                    <a:cubicBezTo>
                      <a:pt x="42" y="3"/>
                      <a:pt x="42" y="3"/>
                      <a:pt x="42" y="3"/>
                    </a:cubicBezTo>
                    <a:cubicBezTo>
                      <a:pt x="42" y="3"/>
                      <a:pt x="42" y="3"/>
                      <a:pt x="42" y="3"/>
                    </a:cubicBezTo>
                    <a:cubicBezTo>
                      <a:pt x="42" y="4"/>
                      <a:pt x="42" y="5"/>
                      <a:pt x="40" y="6"/>
                    </a:cubicBezTo>
                    <a:cubicBezTo>
                      <a:pt x="40" y="6"/>
                      <a:pt x="40" y="6"/>
                      <a:pt x="39" y="6"/>
                    </a:cubicBezTo>
                    <a:cubicBezTo>
                      <a:pt x="39" y="7"/>
                      <a:pt x="39" y="8"/>
                      <a:pt x="38" y="8"/>
                    </a:cubicBezTo>
                    <a:cubicBezTo>
                      <a:pt x="38" y="9"/>
                      <a:pt x="38" y="10"/>
                      <a:pt x="38" y="11"/>
                    </a:cubicBezTo>
                    <a:cubicBezTo>
                      <a:pt x="38" y="11"/>
                      <a:pt x="38" y="11"/>
                      <a:pt x="38" y="11"/>
                    </a:cubicBezTo>
                    <a:cubicBezTo>
                      <a:pt x="39" y="11"/>
                      <a:pt x="39" y="12"/>
                      <a:pt x="39" y="12"/>
                    </a:cubicBezTo>
                    <a:cubicBezTo>
                      <a:pt x="39" y="13"/>
                      <a:pt x="39" y="13"/>
                      <a:pt x="39" y="14"/>
                    </a:cubicBezTo>
                    <a:cubicBezTo>
                      <a:pt x="38" y="15"/>
                      <a:pt x="37" y="15"/>
                      <a:pt x="37" y="15"/>
                    </a:cubicBezTo>
                    <a:cubicBezTo>
                      <a:pt x="36" y="15"/>
                      <a:pt x="36" y="15"/>
                      <a:pt x="36" y="15"/>
                    </a:cubicBezTo>
                    <a:cubicBezTo>
                      <a:pt x="36" y="15"/>
                      <a:pt x="36" y="15"/>
                      <a:pt x="36" y="15"/>
                    </a:cubicBezTo>
                    <a:cubicBezTo>
                      <a:pt x="36" y="15"/>
                      <a:pt x="36" y="15"/>
                      <a:pt x="36" y="15"/>
                    </a:cubicBezTo>
                    <a:cubicBezTo>
                      <a:pt x="36" y="16"/>
                      <a:pt x="35" y="17"/>
                      <a:pt x="35" y="17"/>
                    </a:cubicBezTo>
                    <a:cubicBezTo>
                      <a:pt x="35" y="17"/>
                      <a:pt x="34" y="17"/>
                      <a:pt x="34" y="17"/>
                    </a:cubicBezTo>
                    <a:cubicBezTo>
                      <a:pt x="32" y="17"/>
                      <a:pt x="32" y="17"/>
                      <a:pt x="32" y="17"/>
                    </a:cubicBezTo>
                    <a:cubicBezTo>
                      <a:pt x="32" y="17"/>
                      <a:pt x="31" y="17"/>
                      <a:pt x="31" y="17"/>
                    </a:cubicBezTo>
                    <a:cubicBezTo>
                      <a:pt x="30" y="17"/>
                      <a:pt x="30" y="18"/>
                      <a:pt x="29" y="19"/>
                    </a:cubicBezTo>
                    <a:cubicBezTo>
                      <a:pt x="29" y="20"/>
                      <a:pt x="28" y="20"/>
                      <a:pt x="27" y="20"/>
                    </a:cubicBezTo>
                    <a:cubicBezTo>
                      <a:pt x="27" y="20"/>
                      <a:pt x="27" y="20"/>
                      <a:pt x="27" y="20"/>
                    </a:cubicBezTo>
                    <a:cubicBezTo>
                      <a:pt x="27" y="20"/>
                      <a:pt x="26" y="20"/>
                      <a:pt x="26" y="20"/>
                    </a:cubicBezTo>
                    <a:cubicBezTo>
                      <a:pt x="26" y="20"/>
                      <a:pt x="26" y="20"/>
                      <a:pt x="26" y="20"/>
                    </a:cubicBezTo>
                    <a:cubicBezTo>
                      <a:pt x="26" y="20"/>
                      <a:pt x="26" y="20"/>
                      <a:pt x="26" y="20"/>
                    </a:cubicBezTo>
                    <a:cubicBezTo>
                      <a:pt x="25" y="22"/>
                      <a:pt x="25" y="22"/>
                      <a:pt x="24" y="22"/>
                    </a:cubicBezTo>
                    <a:cubicBezTo>
                      <a:pt x="21" y="22"/>
                      <a:pt x="21" y="22"/>
                      <a:pt x="21" y="22"/>
                    </a:cubicBezTo>
                    <a:cubicBezTo>
                      <a:pt x="21" y="22"/>
                      <a:pt x="21" y="22"/>
                      <a:pt x="20" y="22"/>
                    </a:cubicBezTo>
                    <a:cubicBezTo>
                      <a:pt x="20" y="22"/>
                      <a:pt x="19" y="22"/>
                      <a:pt x="19" y="22"/>
                    </a:cubicBezTo>
                    <a:cubicBezTo>
                      <a:pt x="19" y="22"/>
                      <a:pt x="18" y="22"/>
                      <a:pt x="18" y="22"/>
                    </a:cubicBezTo>
                    <a:cubicBezTo>
                      <a:pt x="18" y="22"/>
                      <a:pt x="18" y="22"/>
                      <a:pt x="18" y="22"/>
                    </a:cubicBezTo>
                    <a:cubicBezTo>
                      <a:pt x="18" y="23"/>
                      <a:pt x="18" y="24"/>
                      <a:pt x="17" y="24"/>
                    </a:cubicBezTo>
                    <a:cubicBezTo>
                      <a:pt x="17" y="24"/>
                      <a:pt x="17" y="24"/>
                      <a:pt x="17" y="24"/>
                    </a:cubicBezTo>
                    <a:cubicBezTo>
                      <a:pt x="17" y="25"/>
                      <a:pt x="17" y="25"/>
                      <a:pt x="17" y="26"/>
                    </a:cubicBezTo>
                    <a:cubicBezTo>
                      <a:pt x="17" y="26"/>
                      <a:pt x="16" y="27"/>
                      <a:pt x="16" y="27"/>
                    </a:cubicBezTo>
                    <a:cubicBezTo>
                      <a:pt x="16" y="28"/>
                      <a:pt x="16" y="29"/>
                      <a:pt x="14" y="29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1" name="Freeform 18"/>
              <p:cNvSpPr>
                <a:spLocks noEditPoints="1"/>
              </p:cNvSpPr>
              <p:nvPr/>
            </p:nvSpPr>
            <p:spPr bwMode="auto">
              <a:xfrm>
                <a:off x="3606193" y="2107379"/>
                <a:ext cx="1716739" cy="3346081"/>
              </a:xfrm>
              <a:custGeom>
                <a:avLst/>
                <a:gdLst>
                  <a:gd name="T0" fmla="*/ 88 w 158"/>
                  <a:gd name="T1" fmla="*/ 272 h 307"/>
                  <a:gd name="T2" fmla="*/ 88 w 158"/>
                  <a:gd name="T3" fmla="*/ 264 h 307"/>
                  <a:gd name="T4" fmla="*/ 91 w 158"/>
                  <a:gd name="T5" fmla="*/ 242 h 307"/>
                  <a:gd name="T6" fmla="*/ 95 w 158"/>
                  <a:gd name="T7" fmla="*/ 220 h 307"/>
                  <a:gd name="T8" fmla="*/ 95 w 158"/>
                  <a:gd name="T9" fmla="*/ 206 h 307"/>
                  <a:gd name="T10" fmla="*/ 85 w 158"/>
                  <a:gd name="T11" fmla="*/ 190 h 307"/>
                  <a:gd name="T12" fmla="*/ 80 w 158"/>
                  <a:gd name="T13" fmla="*/ 173 h 307"/>
                  <a:gd name="T14" fmla="*/ 64 w 158"/>
                  <a:gd name="T15" fmla="*/ 167 h 307"/>
                  <a:gd name="T16" fmla="*/ 53 w 158"/>
                  <a:gd name="T17" fmla="*/ 174 h 307"/>
                  <a:gd name="T18" fmla="*/ 38 w 158"/>
                  <a:gd name="T19" fmla="*/ 172 h 307"/>
                  <a:gd name="T20" fmla="*/ 26 w 158"/>
                  <a:gd name="T21" fmla="*/ 165 h 307"/>
                  <a:gd name="T22" fmla="*/ 9 w 158"/>
                  <a:gd name="T23" fmla="*/ 148 h 307"/>
                  <a:gd name="T24" fmla="*/ 3 w 158"/>
                  <a:gd name="T25" fmla="*/ 134 h 307"/>
                  <a:gd name="T26" fmla="*/ 1 w 158"/>
                  <a:gd name="T27" fmla="*/ 119 h 307"/>
                  <a:gd name="T28" fmla="*/ 8 w 158"/>
                  <a:gd name="T29" fmla="*/ 98 h 307"/>
                  <a:gd name="T30" fmla="*/ 19 w 158"/>
                  <a:gd name="T31" fmla="*/ 89 h 307"/>
                  <a:gd name="T32" fmla="*/ 30 w 158"/>
                  <a:gd name="T33" fmla="*/ 73 h 307"/>
                  <a:gd name="T34" fmla="*/ 42 w 158"/>
                  <a:gd name="T35" fmla="*/ 67 h 307"/>
                  <a:gd name="T36" fmla="*/ 64 w 158"/>
                  <a:gd name="T37" fmla="*/ 64 h 307"/>
                  <a:gd name="T38" fmla="*/ 71 w 158"/>
                  <a:gd name="T39" fmla="*/ 73 h 307"/>
                  <a:gd name="T40" fmla="*/ 82 w 158"/>
                  <a:gd name="T41" fmla="*/ 78 h 307"/>
                  <a:gd name="T42" fmla="*/ 90 w 158"/>
                  <a:gd name="T43" fmla="*/ 82 h 307"/>
                  <a:gd name="T44" fmla="*/ 101 w 158"/>
                  <a:gd name="T45" fmla="*/ 82 h 307"/>
                  <a:gd name="T46" fmla="*/ 112 w 158"/>
                  <a:gd name="T47" fmla="*/ 79 h 307"/>
                  <a:gd name="T48" fmla="*/ 107 w 158"/>
                  <a:gd name="T49" fmla="*/ 68 h 307"/>
                  <a:gd name="T50" fmla="*/ 98 w 158"/>
                  <a:gd name="T51" fmla="*/ 68 h 307"/>
                  <a:gd name="T52" fmla="*/ 93 w 158"/>
                  <a:gd name="T53" fmla="*/ 55 h 307"/>
                  <a:gd name="T54" fmla="*/ 85 w 158"/>
                  <a:gd name="T55" fmla="*/ 43 h 307"/>
                  <a:gd name="T56" fmla="*/ 82 w 158"/>
                  <a:gd name="T57" fmla="*/ 61 h 307"/>
                  <a:gd name="T58" fmla="*/ 73 w 158"/>
                  <a:gd name="T59" fmla="*/ 54 h 307"/>
                  <a:gd name="T60" fmla="*/ 74 w 158"/>
                  <a:gd name="T61" fmla="*/ 67 h 307"/>
                  <a:gd name="T62" fmla="*/ 61 w 158"/>
                  <a:gd name="T63" fmla="*/ 55 h 307"/>
                  <a:gd name="T64" fmla="*/ 49 w 158"/>
                  <a:gd name="T65" fmla="*/ 52 h 307"/>
                  <a:gd name="T66" fmla="*/ 28 w 158"/>
                  <a:gd name="T67" fmla="*/ 32 h 307"/>
                  <a:gd name="T68" fmla="*/ 43 w 158"/>
                  <a:gd name="T69" fmla="*/ 23 h 307"/>
                  <a:gd name="T70" fmla="*/ 44 w 158"/>
                  <a:gd name="T71" fmla="*/ 12 h 307"/>
                  <a:gd name="T72" fmla="*/ 43 w 158"/>
                  <a:gd name="T73" fmla="*/ 4 h 307"/>
                  <a:gd name="T74" fmla="*/ 80 w 158"/>
                  <a:gd name="T75" fmla="*/ 23 h 307"/>
                  <a:gd name="T76" fmla="*/ 107 w 158"/>
                  <a:gd name="T77" fmla="*/ 47 h 307"/>
                  <a:gd name="T78" fmla="*/ 125 w 158"/>
                  <a:gd name="T79" fmla="*/ 66 h 307"/>
                  <a:gd name="T80" fmla="*/ 134 w 158"/>
                  <a:gd name="T81" fmla="*/ 80 h 307"/>
                  <a:gd name="T82" fmla="*/ 140 w 158"/>
                  <a:gd name="T83" fmla="*/ 90 h 307"/>
                  <a:gd name="T84" fmla="*/ 144 w 158"/>
                  <a:gd name="T85" fmla="*/ 98 h 307"/>
                  <a:gd name="T86" fmla="*/ 149 w 158"/>
                  <a:gd name="T87" fmla="*/ 107 h 307"/>
                  <a:gd name="T88" fmla="*/ 145 w 158"/>
                  <a:gd name="T89" fmla="*/ 127 h 307"/>
                  <a:gd name="T90" fmla="*/ 138 w 158"/>
                  <a:gd name="T91" fmla="*/ 115 h 307"/>
                  <a:gd name="T92" fmla="*/ 128 w 158"/>
                  <a:gd name="T93" fmla="*/ 102 h 307"/>
                  <a:gd name="T94" fmla="*/ 122 w 158"/>
                  <a:gd name="T95" fmla="*/ 93 h 307"/>
                  <a:gd name="T96" fmla="*/ 133 w 158"/>
                  <a:gd name="T97" fmla="*/ 114 h 307"/>
                  <a:gd name="T98" fmla="*/ 146 w 158"/>
                  <a:gd name="T99" fmla="*/ 136 h 307"/>
                  <a:gd name="T100" fmla="*/ 157 w 158"/>
                  <a:gd name="T101" fmla="*/ 155 h 307"/>
                  <a:gd name="T102" fmla="*/ 154 w 158"/>
                  <a:gd name="T103" fmla="*/ 183 h 307"/>
                  <a:gd name="T104" fmla="*/ 153 w 158"/>
                  <a:gd name="T105" fmla="*/ 198 h 307"/>
                  <a:gd name="T106" fmla="*/ 147 w 158"/>
                  <a:gd name="T107" fmla="*/ 231 h 307"/>
                  <a:gd name="T108" fmla="*/ 133 w 158"/>
                  <a:gd name="T109" fmla="*/ 260 h 307"/>
                  <a:gd name="T110" fmla="*/ 124 w 158"/>
                  <a:gd name="T111" fmla="*/ 276 h 307"/>
                  <a:gd name="T112" fmla="*/ 119 w 158"/>
                  <a:gd name="T113" fmla="*/ 291 h 307"/>
                  <a:gd name="T114" fmla="*/ 94 w 158"/>
                  <a:gd name="T115" fmla="*/ 305 h 307"/>
                  <a:gd name="T116" fmla="*/ 59 w 158"/>
                  <a:gd name="T117" fmla="*/ 43 h 307"/>
                  <a:gd name="T118" fmla="*/ 65 w 158"/>
                  <a:gd name="T119" fmla="*/ 49 h 30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  <a:cxn ang="0">
                    <a:pos x="T106" y="T107"/>
                  </a:cxn>
                  <a:cxn ang="0">
                    <a:pos x="T108" y="T109"/>
                  </a:cxn>
                  <a:cxn ang="0">
                    <a:pos x="T110" y="T111"/>
                  </a:cxn>
                  <a:cxn ang="0">
                    <a:pos x="T112" y="T113"/>
                  </a:cxn>
                  <a:cxn ang="0">
                    <a:pos x="T114" y="T115"/>
                  </a:cxn>
                  <a:cxn ang="0">
                    <a:pos x="T116" y="T117"/>
                  </a:cxn>
                  <a:cxn ang="0">
                    <a:pos x="T118" y="T119"/>
                  </a:cxn>
                </a:cxnLst>
                <a:rect l="0" t="0" r="r" b="b"/>
                <a:pathLst>
                  <a:path w="158" h="307">
                    <a:moveTo>
                      <a:pt x="87" y="307"/>
                    </a:moveTo>
                    <a:cubicBezTo>
                      <a:pt x="86" y="307"/>
                      <a:pt x="86" y="307"/>
                      <a:pt x="85" y="306"/>
                    </a:cubicBezTo>
                    <a:cubicBezTo>
                      <a:pt x="84" y="305"/>
                      <a:pt x="84" y="304"/>
                      <a:pt x="84" y="303"/>
                    </a:cubicBezTo>
                    <a:cubicBezTo>
                      <a:pt x="84" y="303"/>
                      <a:pt x="84" y="303"/>
                      <a:pt x="84" y="303"/>
                    </a:cubicBezTo>
                    <a:cubicBezTo>
                      <a:pt x="84" y="302"/>
                      <a:pt x="84" y="300"/>
                      <a:pt x="85" y="299"/>
                    </a:cubicBezTo>
                    <a:cubicBezTo>
                      <a:pt x="85" y="299"/>
                      <a:pt x="86" y="299"/>
                      <a:pt x="86" y="298"/>
                    </a:cubicBezTo>
                    <a:cubicBezTo>
                      <a:pt x="87" y="298"/>
                      <a:pt x="87" y="298"/>
                      <a:pt x="88" y="298"/>
                    </a:cubicBezTo>
                    <a:cubicBezTo>
                      <a:pt x="88" y="297"/>
                      <a:pt x="89" y="297"/>
                      <a:pt x="89" y="297"/>
                    </a:cubicBezTo>
                    <a:cubicBezTo>
                      <a:pt x="90" y="297"/>
                      <a:pt x="91" y="296"/>
                      <a:pt x="91" y="295"/>
                    </a:cubicBezTo>
                    <a:cubicBezTo>
                      <a:pt x="91" y="295"/>
                      <a:pt x="91" y="293"/>
                      <a:pt x="91" y="292"/>
                    </a:cubicBezTo>
                    <a:cubicBezTo>
                      <a:pt x="90" y="291"/>
                      <a:pt x="90" y="290"/>
                      <a:pt x="89" y="289"/>
                    </a:cubicBezTo>
                    <a:cubicBezTo>
                      <a:pt x="89" y="289"/>
                      <a:pt x="89" y="289"/>
                      <a:pt x="88" y="289"/>
                    </a:cubicBezTo>
                    <a:cubicBezTo>
                      <a:pt x="88" y="288"/>
                      <a:pt x="88" y="288"/>
                      <a:pt x="88" y="288"/>
                    </a:cubicBezTo>
                    <a:cubicBezTo>
                      <a:pt x="88" y="272"/>
                      <a:pt x="88" y="272"/>
                      <a:pt x="88" y="272"/>
                    </a:cubicBezTo>
                    <a:cubicBezTo>
                      <a:pt x="89" y="272"/>
                      <a:pt x="89" y="272"/>
                      <a:pt x="89" y="272"/>
                    </a:cubicBezTo>
                    <a:cubicBezTo>
                      <a:pt x="89" y="272"/>
                      <a:pt x="89" y="272"/>
                      <a:pt x="89" y="272"/>
                    </a:cubicBezTo>
                    <a:cubicBezTo>
                      <a:pt x="89" y="272"/>
                      <a:pt x="90" y="271"/>
                      <a:pt x="89" y="269"/>
                    </a:cubicBezTo>
                    <a:cubicBezTo>
                      <a:pt x="89" y="268"/>
                      <a:pt x="89" y="268"/>
                      <a:pt x="89" y="268"/>
                    </a:cubicBezTo>
                    <a:cubicBezTo>
                      <a:pt x="89" y="268"/>
                      <a:pt x="89" y="268"/>
                      <a:pt x="89" y="268"/>
                    </a:cubicBezTo>
                    <a:cubicBezTo>
                      <a:pt x="89" y="268"/>
                      <a:pt x="89" y="268"/>
                      <a:pt x="89" y="268"/>
                    </a:cubicBezTo>
                    <a:cubicBezTo>
                      <a:pt x="89" y="267"/>
                      <a:pt x="89" y="267"/>
                      <a:pt x="89" y="267"/>
                    </a:cubicBezTo>
                    <a:cubicBezTo>
                      <a:pt x="89" y="267"/>
                      <a:pt x="89" y="267"/>
                      <a:pt x="89" y="267"/>
                    </a:cubicBezTo>
                    <a:cubicBezTo>
                      <a:pt x="89" y="267"/>
                      <a:pt x="89" y="267"/>
                      <a:pt x="89" y="267"/>
                    </a:cubicBezTo>
                    <a:cubicBezTo>
                      <a:pt x="89" y="267"/>
                      <a:pt x="89" y="267"/>
                      <a:pt x="89" y="267"/>
                    </a:cubicBezTo>
                    <a:cubicBezTo>
                      <a:pt x="88" y="267"/>
                      <a:pt x="88" y="267"/>
                      <a:pt x="88" y="266"/>
                    </a:cubicBezTo>
                    <a:cubicBezTo>
                      <a:pt x="88" y="265"/>
                      <a:pt x="88" y="265"/>
                      <a:pt x="88" y="265"/>
                    </a:cubicBezTo>
                    <a:cubicBezTo>
                      <a:pt x="88" y="265"/>
                      <a:pt x="88" y="264"/>
                      <a:pt x="88" y="264"/>
                    </a:cubicBezTo>
                    <a:cubicBezTo>
                      <a:pt x="88" y="264"/>
                      <a:pt x="88" y="264"/>
                      <a:pt x="88" y="264"/>
                    </a:cubicBezTo>
                    <a:cubicBezTo>
                      <a:pt x="88" y="264"/>
                      <a:pt x="88" y="264"/>
                      <a:pt x="87" y="264"/>
                    </a:cubicBezTo>
                    <a:cubicBezTo>
                      <a:pt x="87" y="264"/>
                      <a:pt x="87" y="264"/>
                      <a:pt x="87" y="264"/>
                    </a:cubicBezTo>
                    <a:cubicBezTo>
                      <a:pt x="86" y="264"/>
                      <a:pt x="86" y="264"/>
                      <a:pt x="86" y="264"/>
                    </a:cubicBezTo>
                    <a:cubicBezTo>
                      <a:pt x="86" y="247"/>
                      <a:pt x="86" y="247"/>
                      <a:pt x="86" y="247"/>
                    </a:cubicBezTo>
                    <a:cubicBezTo>
                      <a:pt x="87" y="247"/>
                      <a:pt x="87" y="247"/>
                      <a:pt x="87" y="247"/>
                    </a:cubicBezTo>
                    <a:cubicBezTo>
                      <a:pt x="87" y="247"/>
                      <a:pt x="87" y="247"/>
                      <a:pt x="87" y="247"/>
                    </a:cubicBezTo>
                    <a:cubicBezTo>
                      <a:pt x="87" y="247"/>
                      <a:pt x="87" y="247"/>
                      <a:pt x="87" y="247"/>
                    </a:cubicBezTo>
                    <a:cubicBezTo>
                      <a:pt x="88" y="246"/>
                      <a:pt x="88" y="246"/>
                      <a:pt x="88" y="245"/>
                    </a:cubicBezTo>
                    <a:cubicBezTo>
                      <a:pt x="88" y="245"/>
                      <a:pt x="88" y="244"/>
                      <a:pt x="89" y="244"/>
                    </a:cubicBezTo>
                    <a:cubicBezTo>
                      <a:pt x="89" y="243"/>
                      <a:pt x="89" y="243"/>
                      <a:pt x="89" y="243"/>
                    </a:cubicBezTo>
                    <a:cubicBezTo>
                      <a:pt x="89" y="241"/>
                      <a:pt x="89" y="241"/>
                      <a:pt x="89" y="241"/>
                    </a:cubicBezTo>
                    <a:cubicBezTo>
                      <a:pt x="91" y="242"/>
                      <a:pt x="91" y="242"/>
                      <a:pt x="91" y="242"/>
                    </a:cubicBezTo>
                    <a:cubicBezTo>
                      <a:pt x="91" y="242"/>
                      <a:pt x="91" y="242"/>
                      <a:pt x="91" y="242"/>
                    </a:cubicBezTo>
                    <a:cubicBezTo>
                      <a:pt x="91" y="242"/>
                      <a:pt x="91" y="242"/>
                      <a:pt x="91" y="242"/>
                    </a:cubicBezTo>
                    <a:cubicBezTo>
                      <a:pt x="91" y="242"/>
                      <a:pt x="91" y="241"/>
                      <a:pt x="91" y="241"/>
                    </a:cubicBezTo>
                    <a:cubicBezTo>
                      <a:pt x="91" y="234"/>
                      <a:pt x="91" y="234"/>
                      <a:pt x="91" y="234"/>
                    </a:cubicBezTo>
                    <a:cubicBezTo>
                      <a:pt x="93" y="234"/>
                      <a:pt x="93" y="234"/>
                      <a:pt x="93" y="234"/>
                    </a:cubicBezTo>
                    <a:cubicBezTo>
                      <a:pt x="93" y="234"/>
                      <a:pt x="93" y="234"/>
                      <a:pt x="93" y="234"/>
                    </a:cubicBezTo>
                    <a:cubicBezTo>
                      <a:pt x="93" y="234"/>
                      <a:pt x="93" y="234"/>
                      <a:pt x="93" y="234"/>
                    </a:cubicBezTo>
                    <a:cubicBezTo>
                      <a:pt x="93" y="233"/>
                      <a:pt x="93" y="232"/>
                      <a:pt x="94" y="232"/>
                    </a:cubicBezTo>
                    <a:cubicBezTo>
                      <a:pt x="94" y="231"/>
                      <a:pt x="95" y="231"/>
                      <a:pt x="95" y="230"/>
                    </a:cubicBezTo>
                    <a:cubicBezTo>
                      <a:pt x="96" y="230"/>
                      <a:pt x="96" y="229"/>
                      <a:pt x="96" y="229"/>
                    </a:cubicBezTo>
                    <a:cubicBezTo>
                      <a:pt x="96" y="229"/>
                      <a:pt x="96" y="229"/>
                      <a:pt x="96" y="228"/>
                    </a:cubicBezTo>
                    <a:cubicBezTo>
                      <a:pt x="97" y="228"/>
                      <a:pt x="97" y="228"/>
                      <a:pt x="98" y="227"/>
                    </a:cubicBezTo>
                    <a:cubicBezTo>
                      <a:pt x="97" y="227"/>
                      <a:pt x="97" y="227"/>
                      <a:pt x="97" y="227"/>
                    </a:cubicBezTo>
                    <a:cubicBezTo>
                      <a:pt x="97" y="226"/>
                      <a:pt x="96" y="226"/>
                      <a:pt x="96" y="226"/>
                    </a:cubicBezTo>
                    <a:cubicBezTo>
                      <a:pt x="95" y="226"/>
                      <a:pt x="95" y="226"/>
                      <a:pt x="95" y="226"/>
                    </a:cubicBezTo>
                    <a:cubicBezTo>
                      <a:pt x="95" y="220"/>
                      <a:pt x="95" y="220"/>
                      <a:pt x="95" y="220"/>
                    </a:cubicBezTo>
                    <a:cubicBezTo>
                      <a:pt x="96" y="220"/>
                      <a:pt x="96" y="220"/>
                      <a:pt x="96" y="220"/>
                    </a:cubicBezTo>
                    <a:cubicBezTo>
                      <a:pt x="96" y="220"/>
                      <a:pt x="96" y="220"/>
                      <a:pt x="96" y="220"/>
                    </a:cubicBezTo>
                    <a:cubicBezTo>
                      <a:pt x="97" y="220"/>
                      <a:pt x="97" y="218"/>
                      <a:pt x="97" y="217"/>
                    </a:cubicBezTo>
                    <a:cubicBezTo>
                      <a:pt x="97" y="217"/>
                      <a:pt x="96" y="217"/>
                      <a:pt x="96" y="216"/>
                    </a:cubicBezTo>
                    <a:cubicBezTo>
                      <a:pt x="96" y="212"/>
                      <a:pt x="96" y="212"/>
                      <a:pt x="96" y="212"/>
                    </a:cubicBezTo>
                    <a:cubicBezTo>
                      <a:pt x="97" y="212"/>
                      <a:pt x="97" y="212"/>
                      <a:pt x="97" y="212"/>
                    </a:cubicBezTo>
                    <a:cubicBezTo>
                      <a:pt x="97" y="212"/>
                      <a:pt x="97" y="212"/>
                      <a:pt x="97" y="212"/>
                    </a:cubicBezTo>
                    <a:cubicBezTo>
                      <a:pt x="97" y="212"/>
                      <a:pt x="96" y="212"/>
                      <a:pt x="96" y="212"/>
                    </a:cubicBezTo>
                    <a:cubicBezTo>
                      <a:pt x="96" y="212"/>
                      <a:pt x="96" y="212"/>
                      <a:pt x="96" y="212"/>
                    </a:cubicBezTo>
                    <a:cubicBezTo>
                      <a:pt x="95" y="212"/>
                      <a:pt x="95" y="212"/>
                      <a:pt x="95" y="212"/>
                    </a:cubicBezTo>
                    <a:cubicBezTo>
                      <a:pt x="95" y="210"/>
                      <a:pt x="95" y="210"/>
                      <a:pt x="95" y="210"/>
                    </a:cubicBezTo>
                    <a:cubicBezTo>
                      <a:pt x="95" y="209"/>
                      <a:pt x="95" y="208"/>
                      <a:pt x="95" y="208"/>
                    </a:cubicBezTo>
                    <a:cubicBezTo>
                      <a:pt x="95" y="208"/>
                      <a:pt x="95" y="208"/>
                      <a:pt x="95" y="208"/>
                    </a:cubicBezTo>
                    <a:cubicBezTo>
                      <a:pt x="95" y="207"/>
                      <a:pt x="95" y="207"/>
                      <a:pt x="95" y="206"/>
                    </a:cubicBezTo>
                    <a:cubicBezTo>
                      <a:pt x="95" y="206"/>
                      <a:pt x="94" y="206"/>
                      <a:pt x="94" y="205"/>
                    </a:cubicBezTo>
                    <a:cubicBezTo>
                      <a:pt x="93" y="205"/>
                      <a:pt x="93" y="205"/>
                      <a:pt x="93" y="205"/>
                    </a:cubicBezTo>
                    <a:cubicBezTo>
                      <a:pt x="92" y="204"/>
                      <a:pt x="92" y="203"/>
                      <a:pt x="91" y="203"/>
                    </a:cubicBezTo>
                    <a:cubicBezTo>
                      <a:pt x="91" y="202"/>
                      <a:pt x="91" y="202"/>
                      <a:pt x="91" y="201"/>
                    </a:cubicBezTo>
                    <a:cubicBezTo>
                      <a:pt x="91" y="201"/>
                      <a:pt x="91" y="200"/>
                      <a:pt x="91" y="200"/>
                    </a:cubicBezTo>
                    <a:cubicBezTo>
                      <a:pt x="91" y="199"/>
                      <a:pt x="90" y="198"/>
                      <a:pt x="90" y="197"/>
                    </a:cubicBezTo>
                    <a:cubicBezTo>
                      <a:pt x="90" y="197"/>
                      <a:pt x="89" y="196"/>
                      <a:pt x="89" y="196"/>
                    </a:cubicBezTo>
                    <a:cubicBezTo>
                      <a:pt x="89" y="195"/>
                      <a:pt x="88" y="194"/>
                      <a:pt x="88" y="194"/>
                    </a:cubicBezTo>
                    <a:cubicBezTo>
                      <a:pt x="88" y="194"/>
                      <a:pt x="87" y="194"/>
                      <a:pt x="87" y="194"/>
                    </a:cubicBezTo>
                    <a:cubicBezTo>
                      <a:pt x="86" y="193"/>
                      <a:pt x="86" y="193"/>
                      <a:pt x="86" y="192"/>
                    </a:cubicBezTo>
                    <a:cubicBezTo>
                      <a:pt x="86" y="192"/>
                      <a:pt x="86" y="192"/>
                      <a:pt x="86" y="192"/>
                    </a:cubicBezTo>
                    <a:cubicBezTo>
                      <a:pt x="86" y="191"/>
                      <a:pt x="86" y="191"/>
                      <a:pt x="86" y="191"/>
                    </a:cubicBezTo>
                    <a:cubicBezTo>
                      <a:pt x="86" y="191"/>
                      <a:pt x="86" y="190"/>
                      <a:pt x="86" y="190"/>
                    </a:cubicBezTo>
                    <a:cubicBezTo>
                      <a:pt x="86" y="190"/>
                      <a:pt x="85" y="190"/>
                      <a:pt x="85" y="190"/>
                    </a:cubicBezTo>
                    <a:cubicBezTo>
                      <a:pt x="84" y="190"/>
                      <a:pt x="84" y="190"/>
                      <a:pt x="84" y="190"/>
                    </a:cubicBezTo>
                    <a:cubicBezTo>
                      <a:pt x="84" y="189"/>
                      <a:pt x="84" y="189"/>
                      <a:pt x="84" y="189"/>
                    </a:cubicBezTo>
                    <a:cubicBezTo>
                      <a:pt x="84" y="186"/>
                      <a:pt x="84" y="186"/>
                      <a:pt x="84" y="186"/>
                    </a:cubicBezTo>
                    <a:cubicBezTo>
                      <a:pt x="85" y="186"/>
                      <a:pt x="85" y="186"/>
                      <a:pt x="85" y="186"/>
                    </a:cubicBezTo>
                    <a:cubicBezTo>
                      <a:pt x="85" y="186"/>
                      <a:pt x="86" y="186"/>
                      <a:pt x="86" y="186"/>
                    </a:cubicBezTo>
                    <a:cubicBezTo>
                      <a:pt x="86" y="186"/>
                      <a:pt x="86" y="185"/>
                      <a:pt x="86" y="185"/>
                    </a:cubicBezTo>
                    <a:cubicBezTo>
                      <a:pt x="86" y="185"/>
                      <a:pt x="86" y="184"/>
                      <a:pt x="86" y="184"/>
                    </a:cubicBezTo>
                    <a:cubicBezTo>
                      <a:pt x="86" y="183"/>
                      <a:pt x="87" y="183"/>
                      <a:pt x="87" y="183"/>
                    </a:cubicBezTo>
                    <a:cubicBezTo>
                      <a:pt x="87" y="182"/>
                      <a:pt x="88" y="181"/>
                      <a:pt x="88" y="180"/>
                    </a:cubicBezTo>
                    <a:cubicBezTo>
                      <a:pt x="88" y="178"/>
                      <a:pt x="87" y="177"/>
                      <a:pt x="86" y="176"/>
                    </a:cubicBezTo>
                    <a:cubicBezTo>
                      <a:pt x="85" y="175"/>
                      <a:pt x="85" y="175"/>
                      <a:pt x="84" y="174"/>
                    </a:cubicBezTo>
                    <a:cubicBezTo>
                      <a:pt x="83" y="174"/>
                      <a:pt x="83" y="174"/>
                      <a:pt x="82" y="174"/>
                    </a:cubicBezTo>
                    <a:cubicBezTo>
                      <a:pt x="80" y="174"/>
                      <a:pt x="80" y="174"/>
                      <a:pt x="80" y="174"/>
                    </a:cubicBezTo>
                    <a:cubicBezTo>
                      <a:pt x="80" y="173"/>
                      <a:pt x="80" y="173"/>
                      <a:pt x="80" y="173"/>
                    </a:cubicBezTo>
                    <a:cubicBezTo>
                      <a:pt x="80" y="172"/>
                      <a:pt x="80" y="172"/>
                      <a:pt x="80" y="172"/>
                    </a:cubicBezTo>
                    <a:cubicBezTo>
                      <a:pt x="80" y="172"/>
                      <a:pt x="80" y="172"/>
                      <a:pt x="80" y="172"/>
                    </a:cubicBezTo>
                    <a:cubicBezTo>
                      <a:pt x="80" y="172"/>
                      <a:pt x="80" y="172"/>
                      <a:pt x="79" y="172"/>
                    </a:cubicBezTo>
                    <a:cubicBezTo>
                      <a:pt x="78" y="172"/>
                      <a:pt x="78" y="172"/>
                      <a:pt x="77" y="172"/>
                    </a:cubicBezTo>
                    <a:cubicBezTo>
                      <a:pt x="77" y="172"/>
                      <a:pt x="76" y="172"/>
                      <a:pt x="76" y="172"/>
                    </a:cubicBezTo>
                    <a:cubicBezTo>
                      <a:pt x="75" y="172"/>
                      <a:pt x="75" y="172"/>
                      <a:pt x="75" y="172"/>
                    </a:cubicBezTo>
                    <a:cubicBezTo>
                      <a:pt x="75" y="171"/>
                      <a:pt x="75" y="171"/>
                      <a:pt x="75" y="171"/>
                    </a:cubicBezTo>
                    <a:cubicBezTo>
                      <a:pt x="75" y="171"/>
                      <a:pt x="75" y="170"/>
                      <a:pt x="75" y="170"/>
                    </a:cubicBezTo>
                    <a:cubicBezTo>
                      <a:pt x="75" y="170"/>
                      <a:pt x="75" y="170"/>
                      <a:pt x="75" y="170"/>
                    </a:cubicBezTo>
                    <a:cubicBezTo>
                      <a:pt x="75" y="170"/>
                      <a:pt x="74" y="170"/>
                      <a:pt x="74" y="170"/>
                    </a:cubicBezTo>
                    <a:cubicBezTo>
                      <a:pt x="73" y="170"/>
                      <a:pt x="73" y="170"/>
                      <a:pt x="73" y="170"/>
                    </a:cubicBezTo>
                    <a:cubicBezTo>
                      <a:pt x="72" y="170"/>
                      <a:pt x="72" y="170"/>
                      <a:pt x="71" y="169"/>
                    </a:cubicBezTo>
                    <a:cubicBezTo>
                      <a:pt x="71" y="168"/>
                      <a:pt x="69" y="167"/>
                      <a:pt x="68" y="167"/>
                    </a:cubicBezTo>
                    <a:cubicBezTo>
                      <a:pt x="64" y="167"/>
                      <a:pt x="64" y="167"/>
                      <a:pt x="64" y="167"/>
                    </a:cubicBezTo>
                    <a:cubicBezTo>
                      <a:pt x="64" y="167"/>
                      <a:pt x="64" y="167"/>
                      <a:pt x="63" y="167"/>
                    </a:cubicBezTo>
                    <a:cubicBezTo>
                      <a:pt x="63" y="167"/>
                      <a:pt x="63" y="167"/>
                      <a:pt x="63" y="167"/>
                    </a:cubicBezTo>
                    <a:cubicBezTo>
                      <a:pt x="62" y="167"/>
                      <a:pt x="62" y="167"/>
                      <a:pt x="61" y="167"/>
                    </a:cubicBezTo>
                    <a:cubicBezTo>
                      <a:pt x="61" y="167"/>
                      <a:pt x="60" y="168"/>
                      <a:pt x="60" y="169"/>
                    </a:cubicBezTo>
                    <a:cubicBezTo>
                      <a:pt x="59" y="169"/>
                      <a:pt x="59" y="170"/>
                      <a:pt x="59" y="171"/>
                    </a:cubicBezTo>
                    <a:cubicBezTo>
                      <a:pt x="59" y="172"/>
                      <a:pt x="59" y="172"/>
                      <a:pt x="59" y="172"/>
                    </a:cubicBezTo>
                    <a:cubicBezTo>
                      <a:pt x="58" y="172"/>
                      <a:pt x="58" y="172"/>
                      <a:pt x="58" y="172"/>
                    </a:cubicBezTo>
                    <a:cubicBezTo>
                      <a:pt x="58" y="172"/>
                      <a:pt x="58" y="172"/>
                      <a:pt x="58" y="172"/>
                    </a:cubicBezTo>
                    <a:cubicBezTo>
                      <a:pt x="58" y="172"/>
                      <a:pt x="58" y="172"/>
                      <a:pt x="58" y="172"/>
                    </a:cubicBezTo>
                    <a:cubicBezTo>
                      <a:pt x="58" y="172"/>
                      <a:pt x="58" y="172"/>
                      <a:pt x="58" y="173"/>
                    </a:cubicBezTo>
                    <a:cubicBezTo>
                      <a:pt x="58" y="173"/>
                      <a:pt x="57" y="174"/>
                      <a:pt x="56" y="174"/>
                    </a:cubicBezTo>
                    <a:cubicBezTo>
                      <a:pt x="55" y="174"/>
                      <a:pt x="55" y="174"/>
                      <a:pt x="54" y="174"/>
                    </a:cubicBezTo>
                    <a:cubicBezTo>
                      <a:pt x="54" y="174"/>
                      <a:pt x="54" y="174"/>
                      <a:pt x="54" y="174"/>
                    </a:cubicBezTo>
                    <a:cubicBezTo>
                      <a:pt x="54" y="174"/>
                      <a:pt x="53" y="174"/>
                      <a:pt x="53" y="174"/>
                    </a:cubicBezTo>
                    <a:cubicBezTo>
                      <a:pt x="53" y="174"/>
                      <a:pt x="53" y="174"/>
                      <a:pt x="53" y="174"/>
                    </a:cubicBezTo>
                    <a:cubicBezTo>
                      <a:pt x="52" y="174"/>
                      <a:pt x="51" y="174"/>
                      <a:pt x="50" y="173"/>
                    </a:cubicBezTo>
                    <a:cubicBezTo>
                      <a:pt x="49" y="173"/>
                      <a:pt x="49" y="173"/>
                      <a:pt x="48" y="172"/>
                    </a:cubicBezTo>
                    <a:cubicBezTo>
                      <a:pt x="48" y="172"/>
                      <a:pt x="48" y="172"/>
                      <a:pt x="48" y="172"/>
                    </a:cubicBezTo>
                    <a:cubicBezTo>
                      <a:pt x="48" y="172"/>
                      <a:pt x="48" y="172"/>
                      <a:pt x="47" y="172"/>
                    </a:cubicBezTo>
                    <a:cubicBezTo>
                      <a:pt x="47" y="172"/>
                      <a:pt x="46" y="172"/>
                      <a:pt x="46" y="172"/>
                    </a:cubicBezTo>
                    <a:cubicBezTo>
                      <a:pt x="45" y="172"/>
                      <a:pt x="45" y="171"/>
                      <a:pt x="44" y="171"/>
                    </a:cubicBezTo>
                    <a:cubicBezTo>
                      <a:pt x="44" y="171"/>
                      <a:pt x="44" y="171"/>
                      <a:pt x="44" y="171"/>
                    </a:cubicBezTo>
                    <a:cubicBezTo>
                      <a:pt x="44" y="171"/>
                      <a:pt x="43" y="170"/>
                      <a:pt x="43" y="170"/>
                    </a:cubicBezTo>
                    <a:cubicBezTo>
                      <a:pt x="42" y="170"/>
                      <a:pt x="42" y="171"/>
                      <a:pt x="42" y="171"/>
                    </a:cubicBezTo>
                    <a:cubicBezTo>
                      <a:pt x="41" y="171"/>
                      <a:pt x="41" y="171"/>
                      <a:pt x="41" y="171"/>
                    </a:cubicBezTo>
                    <a:cubicBezTo>
                      <a:pt x="41" y="172"/>
                      <a:pt x="41" y="172"/>
                      <a:pt x="41" y="172"/>
                    </a:cubicBezTo>
                    <a:cubicBezTo>
                      <a:pt x="40" y="172"/>
                      <a:pt x="40" y="172"/>
                      <a:pt x="40" y="172"/>
                    </a:cubicBezTo>
                    <a:cubicBezTo>
                      <a:pt x="39" y="172"/>
                      <a:pt x="39" y="172"/>
                      <a:pt x="38" y="172"/>
                    </a:cubicBezTo>
                    <a:cubicBezTo>
                      <a:pt x="38" y="172"/>
                      <a:pt x="38" y="172"/>
                      <a:pt x="38" y="172"/>
                    </a:cubicBezTo>
                    <a:cubicBezTo>
                      <a:pt x="38" y="172"/>
                      <a:pt x="38" y="172"/>
                      <a:pt x="38" y="173"/>
                    </a:cubicBezTo>
                    <a:cubicBezTo>
                      <a:pt x="38" y="174"/>
                      <a:pt x="38" y="174"/>
                      <a:pt x="38" y="174"/>
                    </a:cubicBezTo>
                    <a:cubicBezTo>
                      <a:pt x="35" y="174"/>
                      <a:pt x="35" y="174"/>
                      <a:pt x="35" y="174"/>
                    </a:cubicBezTo>
                    <a:cubicBezTo>
                      <a:pt x="35" y="174"/>
                      <a:pt x="34" y="174"/>
                      <a:pt x="34" y="173"/>
                    </a:cubicBezTo>
                    <a:cubicBezTo>
                      <a:pt x="34" y="173"/>
                      <a:pt x="34" y="173"/>
                      <a:pt x="34" y="173"/>
                    </a:cubicBezTo>
                    <a:cubicBezTo>
                      <a:pt x="33" y="172"/>
                      <a:pt x="33" y="172"/>
                      <a:pt x="33" y="172"/>
                    </a:cubicBezTo>
                    <a:cubicBezTo>
                      <a:pt x="32" y="171"/>
                      <a:pt x="31" y="170"/>
                      <a:pt x="31" y="170"/>
                    </a:cubicBezTo>
                    <a:cubicBezTo>
                      <a:pt x="29" y="170"/>
                      <a:pt x="28" y="169"/>
                      <a:pt x="27" y="168"/>
                    </a:cubicBezTo>
                    <a:cubicBezTo>
                      <a:pt x="27" y="167"/>
                      <a:pt x="27" y="167"/>
                      <a:pt x="27" y="167"/>
                    </a:cubicBezTo>
                    <a:cubicBezTo>
                      <a:pt x="27" y="167"/>
                      <a:pt x="26" y="166"/>
                      <a:pt x="27" y="165"/>
                    </a:cubicBezTo>
                    <a:cubicBezTo>
                      <a:pt x="27" y="165"/>
                      <a:pt x="27" y="165"/>
                      <a:pt x="27" y="165"/>
                    </a:cubicBezTo>
                    <a:cubicBezTo>
                      <a:pt x="26" y="165"/>
                      <a:pt x="26" y="165"/>
                      <a:pt x="26" y="165"/>
                    </a:cubicBezTo>
                    <a:cubicBezTo>
                      <a:pt x="26" y="165"/>
                      <a:pt x="26" y="165"/>
                      <a:pt x="26" y="165"/>
                    </a:cubicBezTo>
                    <a:cubicBezTo>
                      <a:pt x="26" y="165"/>
                      <a:pt x="26" y="165"/>
                      <a:pt x="26" y="165"/>
                    </a:cubicBezTo>
                    <a:cubicBezTo>
                      <a:pt x="25" y="165"/>
                      <a:pt x="25" y="165"/>
                      <a:pt x="25" y="165"/>
                    </a:cubicBezTo>
                    <a:cubicBezTo>
                      <a:pt x="23" y="165"/>
                      <a:pt x="23" y="164"/>
                      <a:pt x="23" y="164"/>
                    </a:cubicBezTo>
                    <a:cubicBezTo>
                      <a:pt x="23" y="164"/>
                      <a:pt x="23" y="163"/>
                      <a:pt x="20" y="163"/>
                    </a:cubicBezTo>
                    <a:cubicBezTo>
                      <a:pt x="19" y="163"/>
                      <a:pt x="19" y="163"/>
                      <a:pt x="19" y="163"/>
                    </a:cubicBezTo>
                    <a:cubicBezTo>
                      <a:pt x="17" y="163"/>
                      <a:pt x="17" y="163"/>
                      <a:pt x="17" y="163"/>
                    </a:cubicBezTo>
                    <a:cubicBezTo>
                      <a:pt x="18" y="162"/>
                      <a:pt x="18" y="162"/>
                      <a:pt x="18" y="162"/>
                    </a:cubicBezTo>
                    <a:cubicBezTo>
                      <a:pt x="18" y="162"/>
                      <a:pt x="18" y="162"/>
                      <a:pt x="18" y="162"/>
                    </a:cubicBezTo>
                    <a:cubicBezTo>
                      <a:pt x="17" y="161"/>
                      <a:pt x="17" y="161"/>
                      <a:pt x="17" y="161"/>
                    </a:cubicBezTo>
                    <a:cubicBezTo>
                      <a:pt x="16" y="161"/>
                      <a:pt x="16" y="161"/>
                      <a:pt x="16" y="161"/>
                    </a:cubicBezTo>
                    <a:cubicBezTo>
                      <a:pt x="13" y="161"/>
                      <a:pt x="14" y="158"/>
                      <a:pt x="14" y="157"/>
                    </a:cubicBezTo>
                    <a:cubicBezTo>
                      <a:pt x="14" y="156"/>
                      <a:pt x="14" y="156"/>
                      <a:pt x="14" y="156"/>
                    </a:cubicBezTo>
                    <a:cubicBezTo>
                      <a:pt x="14" y="154"/>
                      <a:pt x="13" y="152"/>
                      <a:pt x="12" y="150"/>
                    </a:cubicBezTo>
                    <a:cubicBezTo>
                      <a:pt x="11" y="149"/>
                      <a:pt x="10" y="149"/>
                      <a:pt x="9" y="148"/>
                    </a:cubicBezTo>
                    <a:cubicBezTo>
                      <a:pt x="9" y="148"/>
                      <a:pt x="9" y="148"/>
                      <a:pt x="9" y="148"/>
                    </a:cubicBezTo>
                    <a:cubicBezTo>
                      <a:pt x="8" y="148"/>
                      <a:pt x="8" y="147"/>
                      <a:pt x="7" y="147"/>
                    </a:cubicBezTo>
                    <a:cubicBezTo>
                      <a:pt x="7" y="146"/>
                      <a:pt x="6" y="146"/>
                      <a:pt x="6" y="145"/>
                    </a:cubicBezTo>
                    <a:cubicBezTo>
                      <a:pt x="6" y="145"/>
                      <a:pt x="6" y="144"/>
                      <a:pt x="6" y="144"/>
                    </a:cubicBezTo>
                    <a:cubicBezTo>
                      <a:pt x="6" y="144"/>
                      <a:pt x="5" y="143"/>
                      <a:pt x="5" y="142"/>
                    </a:cubicBezTo>
                    <a:cubicBezTo>
                      <a:pt x="4" y="142"/>
                      <a:pt x="4" y="142"/>
                      <a:pt x="4" y="142"/>
                    </a:cubicBezTo>
                    <a:cubicBezTo>
                      <a:pt x="3" y="141"/>
                      <a:pt x="3" y="140"/>
                      <a:pt x="3" y="140"/>
                    </a:cubicBezTo>
                    <a:cubicBezTo>
                      <a:pt x="3" y="140"/>
                      <a:pt x="3" y="140"/>
                      <a:pt x="3" y="140"/>
                    </a:cubicBezTo>
                    <a:cubicBezTo>
                      <a:pt x="3" y="139"/>
                      <a:pt x="3" y="139"/>
                      <a:pt x="3" y="139"/>
                    </a:cubicBezTo>
                    <a:cubicBezTo>
                      <a:pt x="3" y="139"/>
                      <a:pt x="3" y="138"/>
                      <a:pt x="3" y="138"/>
                    </a:cubicBezTo>
                    <a:cubicBezTo>
                      <a:pt x="3" y="138"/>
                      <a:pt x="3" y="138"/>
                      <a:pt x="3" y="138"/>
                    </a:cubicBezTo>
                    <a:cubicBezTo>
                      <a:pt x="1" y="138"/>
                      <a:pt x="1" y="138"/>
                      <a:pt x="1" y="138"/>
                    </a:cubicBezTo>
                    <a:cubicBezTo>
                      <a:pt x="1" y="136"/>
                      <a:pt x="1" y="136"/>
                      <a:pt x="1" y="136"/>
                    </a:cubicBezTo>
                    <a:cubicBezTo>
                      <a:pt x="2" y="135"/>
                      <a:pt x="3" y="135"/>
                      <a:pt x="3" y="134"/>
                    </a:cubicBezTo>
                    <a:cubicBezTo>
                      <a:pt x="4" y="133"/>
                      <a:pt x="4" y="133"/>
                      <a:pt x="4" y="132"/>
                    </a:cubicBezTo>
                    <a:cubicBezTo>
                      <a:pt x="5" y="131"/>
                      <a:pt x="5" y="130"/>
                      <a:pt x="5" y="128"/>
                    </a:cubicBezTo>
                    <a:cubicBezTo>
                      <a:pt x="5" y="128"/>
                      <a:pt x="5" y="128"/>
                      <a:pt x="5" y="127"/>
                    </a:cubicBezTo>
                    <a:cubicBezTo>
                      <a:pt x="5" y="127"/>
                      <a:pt x="5" y="126"/>
                      <a:pt x="5" y="126"/>
                    </a:cubicBezTo>
                    <a:cubicBezTo>
                      <a:pt x="5" y="126"/>
                      <a:pt x="5" y="126"/>
                      <a:pt x="5" y="126"/>
                    </a:cubicBezTo>
                    <a:cubicBezTo>
                      <a:pt x="5" y="126"/>
                      <a:pt x="5" y="126"/>
                      <a:pt x="5" y="126"/>
                    </a:cubicBezTo>
                    <a:cubicBezTo>
                      <a:pt x="3" y="125"/>
                      <a:pt x="3" y="125"/>
                      <a:pt x="3" y="124"/>
                    </a:cubicBezTo>
                    <a:cubicBezTo>
                      <a:pt x="3" y="124"/>
                      <a:pt x="3" y="123"/>
                      <a:pt x="3" y="123"/>
                    </a:cubicBezTo>
                    <a:cubicBezTo>
                      <a:pt x="3" y="123"/>
                      <a:pt x="3" y="122"/>
                      <a:pt x="3" y="122"/>
                    </a:cubicBezTo>
                    <a:cubicBezTo>
                      <a:pt x="3" y="122"/>
                      <a:pt x="3" y="122"/>
                      <a:pt x="3" y="122"/>
                    </a:cubicBezTo>
                    <a:cubicBezTo>
                      <a:pt x="3" y="122"/>
                      <a:pt x="3" y="122"/>
                      <a:pt x="3" y="122"/>
                    </a:cubicBezTo>
                    <a:cubicBezTo>
                      <a:pt x="2" y="122"/>
                      <a:pt x="1" y="121"/>
                      <a:pt x="1" y="120"/>
                    </a:cubicBezTo>
                    <a:cubicBezTo>
                      <a:pt x="1" y="120"/>
                      <a:pt x="1" y="120"/>
                      <a:pt x="1" y="120"/>
                    </a:cubicBezTo>
                    <a:cubicBezTo>
                      <a:pt x="1" y="120"/>
                      <a:pt x="1" y="120"/>
                      <a:pt x="1" y="119"/>
                    </a:cubicBezTo>
                    <a:cubicBezTo>
                      <a:pt x="0" y="119"/>
                      <a:pt x="0" y="118"/>
                      <a:pt x="0" y="117"/>
                    </a:cubicBezTo>
                    <a:cubicBezTo>
                      <a:pt x="0" y="113"/>
                      <a:pt x="0" y="113"/>
                      <a:pt x="0" y="113"/>
                    </a:cubicBezTo>
                    <a:cubicBezTo>
                      <a:pt x="0" y="112"/>
                      <a:pt x="0" y="112"/>
                      <a:pt x="0" y="112"/>
                    </a:cubicBezTo>
                    <a:cubicBezTo>
                      <a:pt x="1" y="112"/>
                      <a:pt x="1" y="112"/>
                      <a:pt x="2" y="112"/>
                    </a:cubicBezTo>
                    <a:cubicBezTo>
                      <a:pt x="2" y="111"/>
                      <a:pt x="3" y="111"/>
                      <a:pt x="3" y="110"/>
                    </a:cubicBezTo>
                    <a:cubicBezTo>
                      <a:pt x="3" y="109"/>
                      <a:pt x="3" y="109"/>
                      <a:pt x="3" y="108"/>
                    </a:cubicBezTo>
                    <a:cubicBezTo>
                      <a:pt x="3" y="107"/>
                      <a:pt x="3" y="107"/>
                      <a:pt x="3" y="107"/>
                    </a:cubicBezTo>
                    <a:cubicBezTo>
                      <a:pt x="4" y="107"/>
                      <a:pt x="4" y="107"/>
                      <a:pt x="4" y="107"/>
                    </a:cubicBezTo>
                    <a:cubicBezTo>
                      <a:pt x="5" y="107"/>
                      <a:pt x="5" y="107"/>
                      <a:pt x="5" y="106"/>
                    </a:cubicBezTo>
                    <a:cubicBezTo>
                      <a:pt x="6" y="106"/>
                      <a:pt x="7" y="105"/>
                      <a:pt x="7" y="104"/>
                    </a:cubicBezTo>
                    <a:cubicBezTo>
                      <a:pt x="7" y="100"/>
                      <a:pt x="7" y="100"/>
                      <a:pt x="7" y="100"/>
                    </a:cubicBezTo>
                    <a:cubicBezTo>
                      <a:pt x="8" y="100"/>
                      <a:pt x="8" y="100"/>
                      <a:pt x="8" y="100"/>
                    </a:cubicBezTo>
                    <a:cubicBezTo>
                      <a:pt x="8" y="100"/>
                      <a:pt x="8" y="100"/>
                      <a:pt x="8" y="100"/>
                    </a:cubicBezTo>
                    <a:cubicBezTo>
                      <a:pt x="8" y="99"/>
                      <a:pt x="8" y="99"/>
                      <a:pt x="8" y="98"/>
                    </a:cubicBezTo>
                    <a:cubicBezTo>
                      <a:pt x="8" y="98"/>
                      <a:pt x="8" y="98"/>
                      <a:pt x="9" y="97"/>
                    </a:cubicBezTo>
                    <a:cubicBezTo>
                      <a:pt x="9" y="96"/>
                      <a:pt x="9" y="94"/>
                      <a:pt x="10" y="92"/>
                    </a:cubicBezTo>
                    <a:cubicBezTo>
                      <a:pt x="10" y="92"/>
                      <a:pt x="10" y="92"/>
                      <a:pt x="10" y="92"/>
                    </a:cubicBezTo>
                    <a:cubicBezTo>
                      <a:pt x="11" y="91"/>
                      <a:pt x="11" y="91"/>
                      <a:pt x="12" y="91"/>
                    </a:cubicBezTo>
                    <a:cubicBezTo>
                      <a:pt x="12" y="91"/>
                      <a:pt x="12" y="91"/>
                      <a:pt x="12" y="91"/>
                    </a:cubicBezTo>
                    <a:cubicBezTo>
                      <a:pt x="12" y="91"/>
                      <a:pt x="12" y="91"/>
                      <a:pt x="12" y="91"/>
                    </a:cubicBezTo>
                    <a:cubicBezTo>
                      <a:pt x="12" y="91"/>
                      <a:pt x="12" y="91"/>
                      <a:pt x="12" y="91"/>
                    </a:cubicBezTo>
                    <a:cubicBezTo>
                      <a:pt x="13" y="91"/>
                      <a:pt x="13" y="91"/>
                      <a:pt x="13" y="91"/>
                    </a:cubicBezTo>
                    <a:cubicBezTo>
                      <a:pt x="14" y="91"/>
                      <a:pt x="14" y="90"/>
                      <a:pt x="14" y="90"/>
                    </a:cubicBezTo>
                    <a:cubicBezTo>
                      <a:pt x="14" y="90"/>
                      <a:pt x="14" y="89"/>
                      <a:pt x="15" y="89"/>
                    </a:cubicBezTo>
                    <a:cubicBezTo>
                      <a:pt x="16" y="89"/>
                      <a:pt x="16" y="89"/>
                      <a:pt x="16" y="89"/>
                    </a:cubicBezTo>
                    <a:cubicBezTo>
                      <a:pt x="17" y="89"/>
                      <a:pt x="17" y="89"/>
                      <a:pt x="17" y="89"/>
                    </a:cubicBezTo>
                    <a:cubicBezTo>
                      <a:pt x="17" y="89"/>
                      <a:pt x="17" y="89"/>
                      <a:pt x="17" y="89"/>
                    </a:cubicBezTo>
                    <a:cubicBezTo>
                      <a:pt x="18" y="89"/>
                      <a:pt x="18" y="89"/>
                      <a:pt x="19" y="89"/>
                    </a:cubicBezTo>
                    <a:cubicBezTo>
                      <a:pt x="20" y="89"/>
                      <a:pt x="20" y="87"/>
                      <a:pt x="19" y="85"/>
                    </a:cubicBezTo>
                    <a:cubicBezTo>
                      <a:pt x="19" y="84"/>
                      <a:pt x="19" y="84"/>
                      <a:pt x="19" y="84"/>
                    </a:cubicBezTo>
                    <a:cubicBezTo>
                      <a:pt x="20" y="84"/>
                      <a:pt x="20" y="84"/>
                      <a:pt x="20" y="84"/>
                    </a:cubicBezTo>
                    <a:cubicBezTo>
                      <a:pt x="21" y="84"/>
                      <a:pt x="21" y="83"/>
                      <a:pt x="21" y="81"/>
                    </a:cubicBezTo>
                    <a:cubicBezTo>
                      <a:pt x="21" y="81"/>
                      <a:pt x="21" y="81"/>
                      <a:pt x="21" y="81"/>
                    </a:cubicBezTo>
                    <a:cubicBezTo>
                      <a:pt x="21" y="80"/>
                      <a:pt x="21" y="77"/>
                      <a:pt x="23" y="76"/>
                    </a:cubicBezTo>
                    <a:cubicBezTo>
                      <a:pt x="23" y="76"/>
                      <a:pt x="23" y="76"/>
                      <a:pt x="24" y="76"/>
                    </a:cubicBezTo>
                    <a:cubicBezTo>
                      <a:pt x="24" y="76"/>
                      <a:pt x="24" y="76"/>
                      <a:pt x="24" y="76"/>
                    </a:cubicBezTo>
                    <a:cubicBezTo>
                      <a:pt x="24" y="76"/>
                      <a:pt x="24" y="76"/>
                      <a:pt x="25" y="76"/>
                    </a:cubicBezTo>
                    <a:cubicBezTo>
                      <a:pt x="25" y="76"/>
                      <a:pt x="25" y="76"/>
                      <a:pt x="25" y="76"/>
                    </a:cubicBezTo>
                    <a:cubicBezTo>
                      <a:pt x="25" y="76"/>
                      <a:pt x="25" y="76"/>
                      <a:pt x="25" y="76"/>
                    </a:cubicBezTo>
                    <a:cubicBezTo>
                      <a:pt x="25" y="75"/>
                      <a:pt x="25" y="75"/>
                      <a:pt x="26" y="75"/>
                    </a:cubicBezTo>
                    <a:cubicBezTo>
                      <a:pt x="28" y="75"/>
                      <a:pt x="29" y="74"/>
                      <a:pt x="30" y="73"/>
                    </a:cubicBezTo>
                    <a:cubicBezTo>
                      <a:pt x="30" y="73"/>
                      <a:pt x="30" y="73"/>
                      <a:pt x="30" y="73"/>
                    </a:cubicBezTo>
                    <a:cubicBezTo>
                      <a:pt x="30" y="72"/>
                      <a:pt x="30" y="72"/>
                      <a:pt x="30" y="72"/>
                    </a:cubicBezTo>
                    <a:cubicBezTo>
                      <a:pt x="30" y="71"/>
                      <a:pt x="30" y="71"/>
                      <a:pt x="30" y="70"/>
                    </a:cubicBezTo>
                    <a:cubicBezTo>
                      <a:pt x="31" y="69"/>
                      <a:pt x="32" y="69"/>
                      <a:pt x="33" y="69"/>
                    </a:cubicBezTo>
                    <a:cubicBezTo>
                      <a:pt x="33" y="70"/>
                      <a:pt x="33" y="70"/>
                      <a:pt x="33" y="70"/>
                    </a:cubicBezTo>
                    <a:cubicBezTo>
                      <a:pt x="33" y="69"/>
                      <a:pt x="33" y="69"/>
                      <a:pt x="33" y="69"/>
                    </a:cubicBezTo>
                    <a:cubicBezTo>
                      <a:pt x="33" y="69"/>
                      <a:pt x="33" y="69"/>
                      <a:pt x="33" y="69"/>
                    </a:cubicBezTo>
                    <a:cubicBezTo>
                      <a:pt x="33" y="69"/>
                      <a:pt x="34" y="69"/>
                      <a:pt x="35" y="69"/>
                    </a:cubicBezTo>
                    <a:cubicBezTo>
                      <a:pt x="35" y="69"/>
                      <a:pt x="36" y="69"/>
                      <a:pt x="37" y="69"/>
                    </a:cubicBezTo>
                    <a:cubicBezTo>
                      <a:pt x="37" y="69"/>
                      <a:pt x="37" y="69"/>
                      <a:pt x="37" y="69"/>
                    </a:cubicBezTo>
                    <a:cubicBezTo>
                      <a:pt x="38" y="69"/>
                      <a:pt x="39" y="70"/>
                      <a:pt x="39" y="70"/>
                    </a:cubicBezTo>
                    <a:cubicBezTo>
                      <a:pt x="40" y="70"/>
                      <a:pt x="41" y="69"/>
                      <a:pt x="41" y="69"/>
                    </a:cubicBezTo>
                    <a:cubicBezTo>
                      <a:pt x="41" y="69"/>
                      <a:pt x="41" y="69"/>
                      <a:pt x="41" y="69"/>
                    </a:cubicBezTo>
                    <a:cubicBezTo>
                      <a:pt x="41" y="67"/>
                      <a:pt x="41" y="67"/>
                      <a:pt x="41" y="67"/>
                    </a:cubicBezTo>
                    <a:cubicBezTo>
                      <a:pt x="42" y="67"/>
                      <a:pt x="42" y="67"/>
                      <a:pt x="42" y="67"/>
                    </a:cubicBezTo>
                    <a:cubicBezTo>
                      <a:pt x="42" y="67"/>
                      <a:pt x="42" y="67"/>
                      <a:pt x="43" y="67"/>
                    </a:cubicBezTo>
                    <a:cubicBezTo>
                      <a:pt x="43" y="67"/>
                      <a:pt x="43" y="67"/>
                      <a:pt x="43" y="67"/>
                    </a:cubicBezTo>
                    <a:cubicBezTo>
                      <a:pt x="44" y="67"/>
                      <a:pt x="44" y="67"/>
                      <a:pt x="45" y="67"/>
                    </a:cubicBezTo>
                    <a:cubicBezTo>
                      <a:pt x="45" y="67"/>
                      <a:pt x="45" y="67"/>
                      <a:pt x="44" y="67"/>
                    </a:cubicBezTo>
                    <a:cubicBezTo>
                      <a:pt x="44" y="66"/>
                      <a:pt x="44" y="66"/>
                      <a:pt x="44" y="66"/>
                    </a:cubicBezTo>
                    <a:cubicBezTo>
                      <a:pt x="46" y="66"/>
                      <a:pt x="46" y="66"/>
                      <a:pt x="46" y="66"/>
                    </a:cubicBezTo>
                    <a:cubicBezTo>
                      <a:pt x="46" y="66"/>
                      <a:pt x="47" y="66"/>
                      <a:pt x="47" y="66"/>
                    </a:cubicBezTo>
                    <a:cubicBezTo>
                      <a:pt x="48" y="66"/>
                      <a:pt x="49" y="66"/>
                      <a:pt x="49" y="66"/>
                    </a:cubicBezTo>
                    <a:cubicBezTo>
                      <a:pt x="51" y="66"/>
                      <a:pt x="52" y="66"/>
                      <a:pt x="54" y="66"/>
                    </a:cubicBezTo>
                    <a:cubicBezTo>
                      <a:pt x="54" y="66"/>
                      <a:pt x="55" y="67"/>
                      <a:pt x="56" y="67"/>
                    </a:cubicBezTo>
                    <a:cubicBezTo>
                      <a:pt x="57" y="67"/>
                      <a:pt x="57" y="68"/>
                      <a:pt x="58" y="68"/>
                    </a:cubicBezTo>
                    <a:cubicBezTo>
                      <a:pt x="58" y="68"/>
                      <a:pt x="58" y="68"/>
                      <a:pt x="58" y="68"/>
                    </a:cubicBezTo>
                    <a:cubicBezTo>
                      <a:pt x="59" y="68"/>
                      <a:pt x="59" y="67"/>
                      <a:pt x="60" y="66"/>
                    </a:cubicBezTo>
                    <a:cubicBezTo>
                      <a:pt x="61" y="65"/>
                      <a:pt x="62" y="64"/>
                      <a:pt x="64" y="64"/>
                    </a:cubicBezTo>
                    <a:cubicBezTo>
                      <a:pt x="65" y="64"/>
                      <a:pt x="65" y="64"/>
                      <a:pt x="65" y="64"/>
                    </a:cubicBezTo>
                    <a:cubicBezTo>
                      <a:pt x="65" y="65"/>
                      <a:pt x="65" y="65"/>
                      <a:pt x="65" y="65"/>
                    </a:cubicBezTo>
                    <a:cubicBezTo>
                      <a:pt x="65" y="65"/>
                      <a:pt x="65" y="66"/>
                      <a:pt x="65" y="66"/>
                    </a:cubicBezTo>
                    <a:cubicBezTo>
                      <a:pt x="65" y="66"/>
                      <a:pt x="65" y="66"/>
                      <a:pt x="66" y="66"/>
                    </a:cubicBezTo>
                    <a:cubicBezTo>
                      <a:pt x="66" y="66"/>
                      <a:pt x="68" y="66"/>
                      <a:pt x="68" y="67"/>
                    </a:cubicBezTo>
                    <a:cubicBezTo>
                      <a:pt x="69" y="68"/>
                      <a:pt x="68" y="68"/>
                      <a:pt x="68" y="69"/>
                    </a:cubicBezTo>
                    <a:cubicBezTo>
                      <a:pt x="68" y="69"/>
                      <a:pt x="68" y="69"/>
                      <a:pt x="68" y="69"/>
                    </a:cubicBezTo>
                    <a:cubicBezTo>
                      <a:pt x="68" y="69"/>
                      <a:pt x="68" y="69"/>
                      <a:pt x="68" y="69"/>
                    </a:cubicBezTo>
                    <a:cubicBezTo>
                      <a:pt x="69" y="69"/>
                      <a:pt x="69" y="69"/>
                      <a:pt x="69" y="69"/>
                    </a:cubicBezTo>
                    <a:cubicBezTo>
                      <a:pt x="70" y="69"/>
                      <a:pt x="70" y="69"/>
                      <a:pt x="70" y="69"/>
                    </a:cubicBezTo>
                    <a:cubicBezTo>
                      <a:pt x="70" y="72"/>
                      <a:pt x="70" y="72"/>
                      <a:pt x="70" y="72"/>
                    </a:cubicBezTo>
                    <a:cubicBezTo>
                      <a:pt x="70" y="72"/>
                      <a:pt x="70" y="72"/>
                      <a:pt x="70" y="72"/>
                    </a:cubicBezTo>
                    <a:cubicBezTo>
                      <a:pt x="70" y="72"/>
                      <a:pt x="70" y="73"/>
                      <a:pt x="70" y="73"/>
                    </a:cubicBezTo>
                    <a:cubicBezTo>
                      <a:pt x="70" y="73"/>
                      <a:pt x="71" y="73"/>
                      <a:pt x="71" y="73"/>
                    </a:cubicBezTo>
                    <a:cubicBezTo>
                      <a:pt x="72" y="73"/>
                      <a:pt x="72" y="73"/>
                      <a:pt x="72" y="73"/>
                    </a:cubicBezTo>
                    <a:cubicBezTo>
                      <a:pt x="72" y="74"/>
                      <a:pt x="72" y="74"/>
                      <a:pt x="72" y="74"/>
                    </a:cubicBezTo>
                    <a:cubicBezTo>
                      <a:pt x="72" y="75"/>
                      <a:pt x="72" y="76"/>
                      <a:pt x="72" y="76"/>
                    </a:cubicBezTo>
                    <a:cubicBezTo>
                      <a:pt x="72" y="76"/>
                      <a:pt x="72" y="76"/>
                      <a:pt x="73" y="77"/>
                    </a:cubicBezTo>
                    <a:cubicBezTo>
                      <a:pt x="73" y="77"/>
                      <a:pt x="73" y="77"/>
                      <a:pt x="73" y="77"/>
                    </a:cubicBezTo>
                    <a:cubicBezTo>
                      <a:pt x="74" y="77"/>
                      <a:pt x="74" y="77"/>
                      <a:pt x="75" y="76"/>
                    </a:cubicBezTo>
                    <a:cubicBezTo>
                      <a:pt x="76" y="76"/>
                      <a:pt x="76" y="76"/>
                      <a:pt x="77" y="76"/>
                    </a:cubicBezTo>
                    <a:cubicBezTo>
                      <a:pt x="77" y="76"/>
                      <a:pt x="78" y="76"/>
                      <a:pt x="78" y="76"/>
                    </a:cubicBezTo>
                    <a:cubicBezTo>
                      <a:pt x="79" y="77"/>
                      <a:pt x="79" y="77"/>
                      <a:pt x="79" y="77"/>
                    </a:cubicBezTo>
                    <a:cubicBezTo>
                      <a:pt x="79" y="78"/>
                      <a:pt x="79" y="78"/>
                      <a:pt x="79" y="78"/>
                    </a:cubicBezTo>
                    <a:cubicBezTo>
                      <a:pt x="79" y="78"/>
                      <a:pt x="79" y="78"/>
                      <a:pt x="79" y="78"/>
                    </a:cubicBezTo>
                    <a:cubicBezTo>
                      <a:pt x="79" y="78"/>
                      <a:pt x="79" y="78"/>
                      <a:pt x="79" y="78"/>
                    </a:cubicBezTo>
                    <a:cubicBezTo>
                      <a:pt x="79" y="78"/>
                      <a:pt x="79" y="78"/>
                      <a:pt x="81" y="78"/>
                    </a:cubicBezTo>
                    <a:cubicBezTo>
                      <a:pt x="81" y="78"/>
                      <a:pt x="82" y="78"/>
                      <a:pt x="82" y="78"/>
                    </a:cubicBezTo>
                    <a:cubicBezTo>
                      <a:pt x="83" y="78"/>
                      <a:pt x="83" y="78"/>
                      <a:pt x="83" y="78"/>
                    </a:cubicBezTo>
                    <a:cubicBezTo>
                      <a:pt x="85" y="78"/>
                      <a:pt x="85" y="78"/>
                      <a:pt x="85" y="78"/>
                    </a:cubicBezTo>
                    <a:cubicBezTo>
                      <a:pt x="84" y="80"/>
                      <a:pt x="84" y="80"/>
                      <a:pt x="84" y="80"/>
                    </a:cubicBezTo>
                    <a:cubicBezTo>
                      <a:pt x="84" y="80"/>
                      <a:pt x="84" y="80"/>
                      <a:pt x="84" y="80"/>
                    </a:cubicBezTo>
                    <a:cubicBezTo>
                      <a:pt x="84" y="80"/>
                      <a:pt x="84" y="80"/>
                      <a:pt x="84" y="80"/>
                    </a:cubicBezTo>
                    <a:cubicBezTo>
                      <a:pt x="85" y="80"/>
                      <a:pt x="85" y="80"/>
                      <a:pt x="85" y="80"/>
                    </a:cubicBezTo>
                    <a:cubicBezTo>
                      <a:pt x="87" y="80"/>
                      <a:pt x="87" y="80"/>
                      <a:pt x="87" y="80"/>
                    </a:cubicBezTo>
                    <a:cubicBezTo>
                      <a:pt x="86" y="81"/>
                      <a:pt x="86" y="81"/>
                      <a:pt x="86" y="81"/>
                    </a:cubicBezTo>
                    <a:cubicBezTo>
                      <a:pt x="86" y="82"/>
                      <a:pt x="86" y="82"/>
                      <a:pt x="86" y="82"/>
                    </a:cubicBezTo>
                    <a:cubicBezTo>
                      <a:pt x="86" y="82"/>
                      <a:pt x="86" y="82"/>
                      <a:pt x="86" y="82"/>
                    </a:cubicBezTo>
                    <a:cubicBezTo>
                      <a:pt x="86" y="82"/>
                      <a:pt x="87" y="82"/>
                      <a:pt x="88" y="82"/>
                    </a:cubicBezTo>
                    <a:cubicBezTo>
                      <a:pt x="88" y="82"/>
                      <a:pt x="88" y="82"/>
                      <a:pt x="88" y="82"/>
                    </a:cubicBezTo>
                    <a:cubicBezTo>
                      <a:pt x="88" y="82"/>
                      <a:pt x="89" y="82"/>
                      <a:pt x="89" y="82"/>
                    </a:cubicBezTo>
                    <a:cubicBezTo>
                      <a:pt x="90" y="82"/>
                      <a:pt x="90" y="82"/>
                      <a:pt x="90" y="82"/>
                    </a:cubicBezTo>
                    <a:cubicBezTo>
                      <a:pt x="90" y="83"/>
                      <a:pt x="90" y="83"/>
                      <a:pt x="90" y="83"/>
                    </a:cubicBezTo>
                    <a:cubicBezTo>
                      <a:pt x="90" y="83"/>
                      <a:pt x="91" y="83"/>
                      <a:pt x="91" y="83"/>
                    </a:cubicBezTo>
                    <a:cubicBezTo>
                      <a:pt x="92" y="83"/>
                      <a:pt x="92" y="83"/>
                      <a:pt x="92" y="83"/>
                    </a:cubicBezTo>
                    <a:cubicBezTo>
                      <a:pt x="92" y="84"/>
                      <a:pt x="92" y="84"/>
                      <a:pt x="92" y="84"/>
                    </a:cubicBezTo>
                    <a:cubicBezTo>
                      <a:pt x="93" y="84"/>
                      <a:pt x="93" y="84"/>
                      <a:pt x="93" y="84"/>
                    </a:cubicBezTo>
                    <a:cubicBezTo>
                      <a:pt x="94" y="84"/>
                      <a:pt x="94" y="84"/>
                      <a:pt x="94" y="83"/>
                    </a:cubicBezTo>
                    <a:cubicBezTo>
                      <a:pt x="95" y="82"/>
                      <a:pt x="95" y="81"/>
                      <a:pt x="95" y="80"/>
                    </a:cubicBezTo>
                    <a:cubicBezTo>
                      <a:pt x="95" y="78"/>
                      <a:pt x="95" y="78"/>
                      <a:pt x="95" y="78"/>
                    </a:cubicBezTo>
                    <a:cubicBezTo>
                      <a:pt x="96" y="78"/>
                      <a:pt x="96" y="78"/>
                      <a:pt x="96" y="78"/>
                    </a:cubicBezTo>
                    <a:cubicBezTo>
                      <a:pt x="97" y="78"/>
                      <a:pt x="98" y="79"/>
                      <a:pt x="98" y="79"/>
                    </a:cubicBezTo>
                    <a:cubicBezTo>
                      <a:pt x="99" y="80"/>
                      <a:pt x="99" y="80"/>
                      <a:pt x="99" y="80"/>
                    </a:cubicBezTo>
                    <a:cubicBezTo>
                      <a:pt x="101" y="80"/>
                      <a:pt x="101" y="80"/>
                      <a:pt x="101" y="80"/>
                    </a:cubicBezTo>
                    <a:cubicBezTo>
                      <a:pt x="101" y="81"/>
                      <a:pt x="101" y="81"/>
                      <a:pt x="101" y="81"/>
                    </a:cubicBezTo>
                    <a:cubicBezTo>
                      <a:pt x="101" y="82"/>
                      <a:pt x="101" y="82"/>
                      <a:pt x="101" y="82"/>
                    </a:cubicBezTo>
                    <a:cubicBezTo>
                      <a:pt x="101" y="82"/>
                      <a:pt x="102" y="82"/>
                      <a:pt x="102" y="82"/>
                    </a:cubicBezTo>
                    <a:cubicBezTo>
                      <a:pt x="102" y="82"/>
                      <a:pt x="102" y="82"/>
                      <a:pt x="103" y="82"/>
                    </a:cubicBezTo>
                    <a:cubicBezTo>
                      <a:pt x="103" y="82"/>
                      <a:pt x="103" y="82"/>
                      <a:pt x="104" y="82"/>
                    </a:cubicBezTo>
                    <a:cubicBezTo>
                      <a:pt x="104" y="82"/>
                      <a:pt x="106" y="82"/>
                      <a:pt x="106" y="83"/>
                    </a:cubicBezTo>
                    <a:cubicBezTo>
                      <a:pt x="106" y="83"/>
                      <a:pt x="106" y="83"/>
                      <a:pt x="106" y="83"/>
                    </a:cubicBezTo>
                    <a:cubicBezTo>
                      <a:pt x="107" y="83"/>
                      <a:pt x="107" y="84"/>
                      <a:pt x="108" y="84"/>
                    </a:cubicBezTo>
                    <a:cubicBezTo>
                      <a:pt x="108" y="84"/>
                      <a:pt x="109" y="84"/>
                      <a:pt x="109" y="83"/>
                    </a:cubicBezTo>
                    <a:cubicBezTo>
                      <a:pt x="109" y="82"/>
                      <a:pt x="109" y="82"/>
                      <a:pt x="109" y="82"/>
                    </a:cubicBezTo>
                    <a:cubicBezTo>
                      <a:pt x="111" y="82"/>
                      <a:pt x="111" y="82"/>
                      <a:pt x="111" y="82"/>
                    </a:cubicBezTo>
                    <a:cubicBezTo>
                      <a:pt x="111" y="82"/>
                      <a:pt x="111" y="82"/>
                      <a:pt x="111" y="82"/>
                    </a:cubicBezTo>
                    <a:cubicBezTo>
                      <a:pt x="112" y="82"/>
                      <a:pt x="112" y="82"/>
                      <a:pt x="112" y="81"/>
                    </a:cubicBezTo>
                    <a:cubicBezTo>
                      <a:pt x="113" y="81"/>
                      <a:pt x="113" y="81"/>
                      <a:pt x="113" y="81"/>
                    </a:cubicBezTo>
                    <a:cubicBezTo>
                      <a:pt x="113" y="80"/>
                      <a:pt x="113" y="79"/>
                      <a:pt x="113" y="79"/>
                    </a:cubicBezTo>
                    <a:cubicBezTo>
                      <a:pt x="113" y="79"/>
                      <a:pt x="112" y="79"/>
                      <a:pt x="112" y="79"/>
                    </a:cubicBezTo>
                    <a:cubicBezTo>
                      <a:pt x="111" y="79"/>
                      <a:pt x="111" y="79"/>
                      <a:pt x="111" y="79"/>
                    </a:cubicBezTo>
                    <a:cubicBezTo>
                      <a:pt x="111" y="78"/>
                      <a:pt x="111" y="78"/>
                      <a:pt x="111" y="78"/>
                    </a:cubicBezTo>
                    <a:cubicBezTo>
                      <a:pt x="111" y="77"/>
                      <a:pt x="111" y="77"/>
                      <a:pt x="111" y="77"/>
                    </a:cubicBezTo>
                    <a:cubicBezTo>
                      <a:pt x="111" y="76"/>
                      <a:pt x="111" y="76"/>
                      <a:pt x="111" y="75"/>
                    </a:cubicBezTo>
                    <a:cubicBezTo>
                      <a:pt x="111" y="75"/>
                      <a:pt x="111" y="75"/>
                      <a:pt x="111" y="75"/>
                    </a:cubicBezTo>
                    <a:cubicBezTo>
                      <a:pt x="111" y="75"/>
                      <a:pt x="111" y="75"/>
                      <a:pt x="111" y="75"/>
                    </a:cubicBezTo>
                    <a:cubicBezTo>
                      <a:pt x="109" y="75"/>
                      <a:pt x="109" y="74"/>
                      <a:pt x="109" y="73"/>
                    </a:cubicBezTo>
                    <a:cubicBezTo>
                      <a:pt x="109" y="73"/>
                      <a:pt x="109" y="73"/>
                      <a:pt x="109" y="73"/>
                    </a:cubicBezTo>
                    <a:cubicBezTo>
                      <a:pt x="109" y="71"/>
                      <a:pt x="109" y="71"/>
                      <a:pt x="109" y="71"/>
                    </a:cubicBezTo>
                    <a:cubicBezTo>
                      <a:pt x="109" y="71"/>
                      <a:pt x="109" y="70"/>
                      <a:pt x="109" y="70"/>
                    </a:cubicBezTo>
                    <a:cubicBezTo>
                      <a:pt x="109" y="70"/>
                      <a:pt x="109" y="70"/>
                      <a:pt x="109" y="70"/>
                    </a:cubicBezTo>
                    <a:cubicBezTo>
                      <a:pt x="109" y="70"/>
                      <a:pt x="109" y="70"/>
                      <a:pt x="108" y="70"/>
                    </a:cubicBezTo>
                    <a:cubicBezTo>
                      <a:pt x="107" y="70"/>
                      <a:pt x="107" y="70"/>
                      <a:pt x="107" y="70"/>
                    </a:cubicBezTo>
                    <a:cubicBezTo>
                      <a:pt x="107" y="68"/>
                      <a:pt x="107" y="68"/>
                      <a:pt x="107" y="68"/>
                    </a:cubicBezTo>
                    <a:cubicBezTo>
                      <a:pt x="107" y="68"/>
                      <a:pt x="107" y="68"/>
                      <a:pt x="107" y="68"/>
                    </a:cubicBezTo>
                    <a:cubicBezTo>
                      <a:pt x="107" y="68"/>
                      <a:pt x="107" y="68"/>
                      <a:pt x="107" y="68"/>
                    </a:cubicBezTo>
                    <a:cubicBezTo>
                      <a:pt x="107" y="68"/>
                      <a:pt x="107" y="68"/>
                      <a:pt x="107" y="68"/>
                    </a:cubicBezTo>
                    <a:cubicBezTo>
                      <a:pt x="106" y="68"/>
                      <a:pt x="106" y="68"/>
                      <a:pt x="106" y="68"/>
                    </a:cubicBezTo>
                    <a:cubicBezTo>
                      <a:pt x="106" y="68"/>
                      <a:pt x="106" y="68"/>
                      <a:pt x="106" y="68"/>
                    </a:cubicBezTo>
                    <a:cubicBezTo>
                      <a:pt x="106" y="68"/>
                      <a:pt x="106" y="68"/>
                      <a:pt x="106" y="68"/>
                    </a:cubicBezTo>
                    <a:cubicBezTo>
                      <a:pt x="106" y="68"/>
                      <a:pt x="106" y="68"/>
                      <a:pt x="106" y="68"/>
                    </a:cubicBezTo>
                    <a:cubicBezTo>
                      <a:pt x="106" y="68"/>
                      <a:pt x="106" y="68"/>
                      <a:pt x="106" y="69"/>
                    </a:cubicBezTo>
                    <a:cubicBezTo>
                      <a:pt x="106" y="70"/>
                      <a:pt x="106" y="70"/>
                      <a:pt x="106" y="70"/>
                    </a:cubicBezTo>
                    <a:cubicBezTo>
                      <a:pt x="105" y="70"/>
                      <a:pt x="105" y="70"/>
                      <a:pt x="105" y="70"/>
                    </a:cubicBezTo>
                    <a:cubicBezTo>
                      <a:pt x="105" y="70"/>
                      <a:pt x="104" y="70"/>
                      <a:pt x="104" y="70"/>
                    </a:cubicBezTo>
                    <a:cubicBezTo>
                      <a:pt x="103" y="70"/>
                      <a:pt x="102" y="70"/>
                      <a:pt x="101" y="69"/>
                    </a:cubicBezTo>
                    <a:cubicBezTo>
                      <a:pt x="100" y="68"/>
                      <a:pt x="100" y="68"/>
                      <a:pt x="99" y="68"/>
                    </a:cubicBezTo>
                    <a:cubicBezTo>
                      <a:pt x="98" y="68"/>
                      <a:pt x="98" y="68"/>
                      <a:pt x="98" y="68"/>
                    </a:cubicBezTo>
                    <a:cubicBezTo>
                      <a:pt x="98" y="67"/>
                      <a:pt x="98" y="67"/>
                      <a:pt x="98" y="67"/>
                    </a:cubicBezTo>
                    <a:cubicBezTo>
                      <a:pt x="98" y="67"/>
                      <a:pt x="98" y="66"/>
                      <a:pt x="98" y="66"/>
                    </a:cubicBezTo>
                    <a:cubicBezTo>
                      <a:pt x="98" y="66"/>
                      <a:pt x="98" y="66"/>
                      <a:pt x="97" y="66"/>
                    </a:cubicBezTo>
                    <a:cubicBezTo>
                      <a:pt x="97" y="66"/>
                      <a:pt x="97" y="66"/>
                      <a:pt x="97" y="66"/>
                    </a:cubicBezTo>
                    <a:cubicBezTo>
                      <a:pt x="95" y="66"/>
                      <a:pt x="95" y="64"/>
                      <a:pt x="95" y="63"/>
                    </a:cubicBezTo>
                    <a:cubicBezTo>
                      <a:pt x="95" y="63"/>
                      <a:pt x="95" y="63"/>
                      <a:pt x="95" y="63"/>
                    </a:cubicBezTo>
                    <a:cubicBezTo>
                      <a:pt x="95" y="63"/>
                      <a:pt x="95" y="63"/>
                      <a:pt x="94" y="63"/>
                    </a:cubicBezTo>
                    <a:cubicBezTo>
                      <a:pt x="93" y="63"/>
                      <a:pt x="93" y="62"/>
                      <a:pt x="93" y="61"/>
                    </a:cubicBezTo>
                    <a:cubicBezTo>
                      <a:pt x="92" y="61"/>
                      <a:pt x="92" y="61"/>
                      <a:pt x="92" y="61"/>
                    </a:cubicBezTo>
                    <a:cubicBezTo>
                      <a:pt x="92" y="59"/>
                      <a:pt x="91" y="58"/>
                      <a:pt x="91" y="56"/>
                    </a:cubicBezTo>
                    <a:cubicBezTo>
                      <a:pt x="91" y="55"/>
                      <a:pt x="91" y="55"/>
                      <a:pt x="91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5"/>
                      <a:pt x="93" y="55"/>
                      <a:pt x="93" y="55"/>
                    </a:cubicBezTo>
                    <a:cubicBezTo>
                      <a:pt x="93" y="53"/>
                      <a:pt x="94" y="53"/>
                      <a:pt x="95" y="53"/>
                    </a:cubicBezTo>
                    <a:cubicBezTo>
                      <a:pt x="99" y="53"/>
                      <a:pt x="99" y="53"/>
                      <a:pt x="99" y="53"/>
                    </a:cubicBezTo>
                    <a:cubicBezTo>
                      <a:pt x="98" y="53"/>
                      <a:pt x="98" y="52"/>
                      <a:pt x="98" y="52"/>
                    </a:cubicBezTo>
                    <a:cubicBezTo>
                      <a:pt x="98" y="51"/>
                      <a:pt x="97" y="51"/>
                      <a:pt x="97" y="51"/>
                    </a:cubicBezTo>
                    <a:cubicBezTo>
                      <a:pt x="97" y="50"/>
                      <a:pt x="96" y="49"/>
                      <a:pt x="95" y="49"/>
                    </a:cubicBezTo>
                    <a:cubicBezTo>
                      <a:pt x="95" y="49"/>
                      <a:pt x="94" y="48"/>
                      <a:pt x="94" y="48"/>
                    </a:cubicBezTo>
                    <a:cubicBezTo>
                      <a:pt x="93" y="48"/>
                      <a:pt x="93" y="47"/>
                      <a:pt x="93" y="47"/>
                    </a:cubicBezTo>
                    <a:cubicBezTo>
                      <a:pt x="93" y="47"/>
                      <a:pt x="93" y="47"/>
                      <a:pt x="93" y="47"/>
                    </a:cubicBezTo>
                    <a:cubicBezTo>
                      <a:pt x="92" y="46"/>
                      <a:pt x="92" y="46"/>
                      <a:pt x="91" y="46"/>
                    </a:cubicBezTo>
                    <a:cubicBezTo>
                      <a:pt x="90" y="45"/>
                      <a:pt x="90" y="45"/>
                      <a:pt x="90" y="45"/>
                    </a:cubicBezTo>
                    <a:cubicBezTo>
                      <a:pt x="90" y="45"/>
                      <a:pt x="89" y="44"/>
                      <a:pt x="88" y="44"/>
                    </a:cubicBezTo>
                    <a:cubicBezTo>
                      <a:pt x="87" y="43"/>
                      <a:pt x="86" y="43"/>
                      <a:pt x="85" y="43"/>
                    </a:cubicBezTo>
                    <a:cubicBezTo>
                      <a:pt x="84" y="43"/>
                      <a:pt x="84" y="43"/>
                      <a:pt x="84" y="43"/>
                    </a:cubicBezTo>
                    <a:cubicBezTo>
                      <a:pt x="83" y="43"/>
                      <a:pt x="83" y="43"/>
                      <a:pt x="83" y="44"/>
                    </a:cubicBezTo>
                    <a:cubicBezTo>
                      <a:pt x="83" y="44"/>
                      <a:pt x="83" y="44"/>
                      <a:pt x="83" y="45"/>
                    </a:cubicBezTo>
                    <a:cubicBezTo>
                      <a:pt x="83" y="45"/>
                      <a:pt x="83" y="45"/>
                      <a:pt x="83" y="45"/>
                    </a:cubicBezTo>
                    <a:cubicBezTo>
                      <a:pt x="83" y="46"/>
                      <a:pt x="84" y="46"/>
                      <a:pt x="84" y="47"/>
                    </a:cubicBezTo>
                    <a:cubicBezTo>
                      <a:pt x="84" y="47"/>
                      <a:pt x="84" y="47"/>
                      <a:pt x="84" y="47"/>
                    </a:cubicBezTo>
                    <a:cubicBezTo>
                      <a:pt x="86" y="50"/>
                      <a:pt x="88" y="52"/>
                      <a:pt x="88" y="55"/>
                    </a:cubicBezTo>
                    <a:cubicBezTo>
                      <a:pt x="88" y="57"/>
                      <a:pt x="88" y="58"/>
                      <a:pt x="87" y="60"/>
                    </a:cubicBezTo>
                    <a:cubicBezTo>
                      <a:pt x="86" y="60"/>
                      <a:pt x="86" y="60"/>
                      <a:pt x="86" y="60"/>
                    </a:cubicBezTo>
                    <a:cubicBezTo>
                      <a:pt x="86" y="61"/>
                      <a:pt x="86" y="61"/>
                      <a:pt x="86" y="61"/>
                    </a:cubicBezTo>
                    <a:cubicBezTo>
                      <a:pt x="86" y="62"/>
                      <a:pt x="84" y="63"/>
                      <a:pt x="84" y="63"/>
                    </a:cubicBezTo>
                    <a:cubicBezTo>
                      <a:pt x="84" y="63"/>
                      <a:pt x="84" y="63"/>
                      <a:pt x="84" y="63"/>
                    </a:cubicBezTo>
                    <a:cubicBezTo>
                      <a:pt x="83" y="63"/>
                      <a:pt x="82" y="62"/>
                      <a:pt x="82" y="62"/>
                    </a:cubicBezTo>
                    <a:cubicBezTo>
                      <a:pt x="82" y="61"/>
                      <a:pt x="82" y="61"/>
                      <a:pt x="82" y="61"/>
                    </a:cubicBezTo>
                    <a:cubicBezTo>
                      <a:pt x="82" y="61"/>
                      <a:pt x="82" y="61"/>
                      <a:pt x="82" y="61"/>
                    </a:cubicBezTo>
                    <a:cubicBezTo>
                      <a:pt x="81" y="60"/>
                      <a:pt x="81" y="60"/>
                      <a:pt x="81" y="60"/>
                    </a:cubicBezTo>
                    <a:cubicBezTo>
                      <a:pt x="80" y="59"/>
                      <a:pt x="80" y="59"/>
                      <a:pt x="80" y="59"/>
                    </a:cubicBezTo>
                    <a:cubicBezTo>
                      <a:pt x="79" y="59"/>
                      <a:pt x="79" y="59"/>
                      <a:pt x="79" y="59"/>
                    </a:cubicBezTo>
                    <a:cubicBezTo>
                      <a:pt x="79" y="58"/>
                      <a:pt x="79" y="58"/>
                      <a:pt x="79" y="58"/>
                    </a:cubicBezTo>
                    <a:cubicBezTo>
                      <a:pt x="79" y="58"/>
                      <a:pt x="78" y="58"/>
                      <a:pt x="78" y="57"/>
                    </a:cubicBezTo>
                    <a:cubicBezTo>
                      <a:pt x="78" y="57"/>
                      <a:pt x="77" y="56"/>
                      <a:pt x="77" y="55"/>
                    </a:cubicBezTo>
                    <a:cubicBezTo>
                      <a:pt x="77" y="55"/>
                      <a:pt x="77" y="54"/>
                      <a:pt x="77" y="54"/>
                    </a:cubicBezTo>
                    <a:cubicBezTo>
                      <a:pt x="77" y="54"/>
                      <a:pt x="77" y="54"/>
                      <a:pt x="77" y="54"/>
                    </a:cubicBezTo>
                    <a:cubicBezTo>
                      <a:pt x="77" y="54"/>
                      <a:pt x="77" y="54"/>
                      <a:pt x="77" y="54"/>
                    </a:cubicBezTo>
                    <a:cubicBezTo>
                      <a:pt x="77" y="54"/>
                      <a:pt x="77" y="54"/>
                      <a:pt x="76" y="54"/>
                    </a:cubicBezTo>
                    <a:cubicBezTo>
                      <a:pt x="76" y="54"/>
                      <a:pt x="75" y="54"/>
                      <a:pt x="75" y="54"/>
                    </a:cubicBezTo>
                    <a:cubicBezTo>
                      <a:pt x="75" y="54"/>
                      <a:pt x="75" y="54"/>
                      <a:pt x="74" y="54"/>
                    </a:cubicBezTo>
                    <a:cubicBezTo>
                      <a:pt x="73" y="54"/>
                      <a:pt x="73" y="54"/>
                      <a:pt x="73" y="54"/>
                    </a:cubicBezTo>
                    <a:cubicBezTo>
                      <a:pt x="73" y="52"/>
                      <a:pt x="73" y="52"/>
                      <a:pt x="73" y="52"/>
                    </a:cubicBezTo>
                    <a:cubicBezTo>
                      <a:pt x="73" y="52"/>
                      <a:pt x="73" y="52"/>
                      <a:pt x="73" y="52"/>
                    </a:cubicBezTo>
                    <a:cubicBezTo>
                      <a:pt x="73" y="52"/>
                      <a:pt x="73" y="52"/>
                      <a:pt x="73" y="52"/>
                    </a:cubicBezTo>
                    <a:cubicBezTo>
                      <a:pt x="73" y="52"/>
                      <a:pt x="73" y="52"/>
                      <a:pt x="72" y="52"/>
                    </a:cubicBezTo>
                    <a:cubicBezTo>
                      <a:pt x="72" y="52"/>
                      <a:pt x="72" y="52"/>
                      <a:pt x="71" y="52"/>
                    </a:cubicBezTo>
                    <a:cubicBezTo>
                      <a:pt x="71" y="52"/>
                      <a:pt x="71" y="52"/>
                      <a:pt x="71" y="52"/>
                    </a:cubicBezTo>
                    <a:cubicBezTo>
                      <a:pt x="72" y="53"/>
                      <a:pt x="73" y="54"/>
                      <a:pt x="74" y="54"/>
                    </a:cubicBezTo>
                    <a:cubicBezTo>
                      <a:pt x="74" y="55"/>
                      <a:pt x="74" y="55"/>
                      <a:pt x="74" y="55"/>
                    </a:cubicBezTo>
                    <a:cubicBezTo>
                      <a:pt x="74" y="55"/>
                      <a:pt x="76" y="55"/>
                      <a:pt x="76" y="57"/>
                    </a:cubicBezTo>
                    <a:cubicBezTo>
                      <a:pt x="76" y="63"/>
                      <a:pt x="76" y="63"/>
                      <a:pt x="76" y="63"/>
                    </a:cubicBezTo>
                    <a:cubicBezTo>
                      <a:pt x="76" y="64"/>
                      <a:pt x="76" y="64"/>
                      <a:pt x="76" y="64"/>
                    </a:cubicBezTo>
                    <a:cubicBezTo>
                      <a:pt x="75" y="64"/>
                      <a:pt x="75" y="65"/>
                      <a:pt x="74" y="65"/>
                    </a:cubicBezTo>
                    <a:cubicBezTo>
                      <a:pt x="74" y="66"/>
                      <a:pt x="74" y="66"/>
                      <a:pt x="74" y="66"/>
                    </a:cubicBezTo>
                    <a:cubicBezTo>
                      <a:pt x="74" y="66"/>
                      <a:pt x="74" y="67"/>
                      <a:pt x="74" y="67"/>
                    </a:cubicBezTo>
                    <a:cubicBezTo>
                      <a:pt x="74" y="68"/>
                      <a:pt x="74" y="68"/>
                      <a:pt x="74" y="68"/>
                    </a:cubicBezTo>
                    <a:cubicBezTo>
                      <a:pt x="69" y="68"/>
                      <a:pt x="69" y="68"/>
                      <a:pt x="69" y="68"/>
                    </a:cubicBezTo>
                    <a:cubicBezTo>
                      <a:pt x="70" y="67"/>
                      <a:pt x="70" y="67"/>
                      <a:pt x="70" y="67"/>
                    </a:cubicBezTo>
                    <a:cubicBezTo>
                      <a:pt x="70" y="66"/>
                      <a:pt x="70" y="66"/>
                      <a:pt x="70" y="66"/>
                    </a:cubicBezTo>
                    <a:cubicBezTo>
                      <a:pt x="70" y="66"/>
                      <a:pt x="70" y="66"/>
                      <a:pt x="70" y="66"/>
                    </a:cubicBezTo>
                    <a:cubicBezTo>
                      <a:pt x="70" y="66"/>
                      <a:pt x="69" y="66"/>
                      <a:pt x="69" y="66"/>
                    </a:cubicBezTo>
                    <a:cubicBezTo>
                      <a:pt x="68" y="66"/>
                      <a:pt x="68" y="66"/>
                      <a:pt x="68" y="66"/>
                    </a:cubicBezTo>
                    <a:cubicBezTo>
                      <a:pt x="68" y="60"/>
                      <a:pt x="68" y="60"/>
                      <a:pt x="68" y="60"/>
                    </a:cubicBezTo>
                    <a:cubicBezTo>
                      <a:pt x="68" y="60"/>
                      <a:pt x="67" y="59"/>
                      <a:pt x="66" y="58"/>
                    </a:cubicBezTo>
                    <a:cubicBezTo>
                      <a:pt x="66" y="57"/>
                      <a:pt x="65" y="57"/>
                      <a:pt x="64" y="57"/>
                    </a:cubicBezTo>
                    <a:cubicBezTo>
                      <a:pt x="62" y="57"/>
                      <a:pt x="62" y="57"/>
                      <a:pt x="62" y="57"/>
                    </a:cubicBezTo>
                    <a:cubicBezTo>
                      <a:pt x="62" y="56"/>
                      <a:pt x="62" y="56"/>
                      <a:pt x="62" y="56"/>
                    </a:cubicBezTo>
                    <a:cubicBezTo>
                      <a:pt x="62" y="56"/>
                      <a:pt x="62" y="56"/>
                      <a:pt x="62" y="56"/>
                    </a:cubicBezTo>
                    <a:cubicBezTo>
                      <a:pt x="62" y="55"/>
                      <a:pt x="61" y="55"/>
                      <a:pt x="61" y="55"/>
                    </a:cubicBezTo>
                    <a:cubicBezTo>
                      <a:pt x="60" y="55"/>
                      <a:pt x="60" y="55"/>
                      <a:pt x="60" y="55"/>
                    </a:cubicBezTo>
                    <a:cubicBezTo>
                      <a:pt x="59" y="55"/>
                      <a:pt x="59" y="55"/>
                      <a:pt x="59" y="54"/>
                    </a:cubicBezTo>
                    <a:cubicBezTo>
                      <a:pt x="59" y="54"/>
                      <a:pt x="58" y="54"/>
                      <a:pt x="58" y="54"/>
                    </a:cubicBezTo>
                    <a:cubicBezTo>
                      <a:pt x="58" y="53"/>
                      <a:pt x="58" y="53"/>
                      <a:pt x="57" y="52"/>
                    </a:cubicBezTo>
                    <a:cubicBezTo>
                      <a:pt x="57" y="52"/>
                      <a:pt x="56" y="52"/>
                      <a:pt x="56" y="52"/>
                    </a:cubicBezTo>
                    <a:cubicBezTo>
                      <a:pt x="55" y="52"/>
                      <a:pt x="55" y="52"/>
                      <a:pt x="55" y="52"/>
                    </a:cubicBezTo>
                    <a:cubicBezTo>
                      <a:pt x="55" y="52"/>
                      <a:pt x="55" y="52"/>
                      <a:pt x="55" y="52"/>
                    </a:cubicBezTo>
                    <a:cubicBezTo>
                      <a:pt x="54" y="52"/>
                      <a:pt x="54" y="52"/>
                      <a:pt x="53" y="51"/>
                    </a:cubicBezTo>
                    <a:cubicBezTo>
                      <a:pt x="53" y="51"/>
                      <a:pt x="53" y="51"/>
                      <a:pt x="53" y="51"/>
                    </a:cubicBezTo>
                    <a:cubicBezTo>
                      <a:pt x="53" y="50"/>
                      <a:pt x="52" y="50"/>
                      <a:pt x="52" y="50"/>
                    </a:cubicBezTo>
                    <a:cubicBezTo>
                      <a:pt x="52" y="50"/>
                      <a:pt x="52" y="50"/>
                      <a:pt x="52" y="50"/>
                    </a:cubicBezTo>
                    <a:cubicBezTo>
                      <a:pt x="51" y="50"/>
                      <a:pt x="50" y="50"/>
                      <a:pt x="50" y="51"/>
                    </a:cubicBezTo>
                    <a:cubicBezTo>
                      <a:pt x="50" y="52"/>
                      <a:pt x="49" y="52"/>
                      <a:pt x="49" y="52"/>
                    </a:cubicBezTo>
                    <a:cubicBezTo>
                      <a:pt x="49" y="52"/>
                      <a:pt x="49" y="52"/>
                      <a:pt x="49" y="52"/>
                    </a:cubicBezTo>
                    <a:cubicBezTo>
                      <a:pt x="49" y="52"/>
                      <a:pt x="48" y="52"/>
                      <a:pt x="48" y="52"/>
                    </a:cubicBezTo>
                    <a:cubicBezTo>
                      <a:pt x="44" y="52"/>
                      <a:pt x="44" y="52"/>
                      <a:pt x="44" y="52"/>
                    </a:cubicBezTo>
                    <a:cubicBezTo>
                      <a:pt x="44" y="52"/>
                      <a:pt x="44" y="52"/>
                      <a:pt x="44" y="52"/>
                    </a:cubicBezTo>
                    <a:cubicBezTo>
                      <a:pt x="43" y="52"/>
                      <a:pt x="43" y="52"/>
                      <a:pt x="43" y="52"/>
                    </a:cubicBezTo>
                    <a:cubicBezTo>
                      <a:pt x="43" y="52"/>
                      <a:pt x="43" y="52"/>
                      <a:pt x="43" y="53"/>
                    </a:cubicBezTo>
                    <a:cubicBezTo>
                      <a:pt x="43" y="55"/>
                      <a:pt x="42" y="57"/>
                      <a:pt x="41" y="57"/>
                    </a:cubicBezTo>
                    <a:cubicBezTo>
                      <a:pt x="39" y="58"/>
                      <a:pt x="39" y="58"/>
                      <a:pt x="39" y="58"/>
                    </a:cubicBezTo>
                    <a:cubicBezTo>
                      <a:pt x="39" y="56"/>
                      <a:pt x="39" y="56"/>
                      <a:pt x="39" y="56"/>
                    </a:cubicBezTo>
                    <a:cubicBezTo>
                      <a:pt x="39" y="52"/>
                      <a:pt x="37" y="49"/>
                      <a:pt x="33" y="45"/>
                    </a:cubicBezTo>
                    <a:cubicBezTo>
                      <a:pt x="33" y="44"/>
                      <a:pt x="32" y="43"/>
                      <a:pt x="31" y="43"/>
                    </a:cubicBezTo>
                    <a:cubicBezTo>
                      <a:pt x="29" y="40"/>
                      <a:pt x="27" y="38"/>
                      <a:pt x="25" y="35"/>
                    </a:cubicBezTo>
                    <a:cubicBezTo>
                      <a:pt x="24" y="34"/>
                      <a:pt x="24" y="34"/>
                      <a:pt x="24" y="34"/>
                    </a:cubicBezTo>
                    <a:cubicBezTo>
                      <a:pt x="25" y="33"/>
                      <a:pt x="25" y="33"/>
                      <a:pt x="25" y="33"/>
                    </a:cubicBezTo>
                    <a:cubicBezTo>
                      <a:pt x="26" y="33"/>
                      <a:pt x="27" y="33"/>
                      <a:pt x="28" y="32"/>
                    </a:cubicBezTo>
                    <a:cubicBezTo>
                      <a:pt x="28" y="32"/>
                      <a:pt x="28" y="31"/>
                      <a:pt x="28" y="31"/>
                    </a:cubicBezTo>
                    <a:cubicBezTo>
                      <a:pt x="28" y="31"/>
                      <a:pt x="29" y="30"/>
                      <a:pt x="29" y="30"/>
                    </a:cubicBezTo>
                    <a:cubicBezTo>
                      <a:pt x="29" y="29"/>
                      <a:pt x="30" y="28"/>
                      <a:pt x="31" y="27"/>
                    </a:cubicBezTo>
                    <a:cubicBezTo>
                      <a:pt x="32" y="26"/>
                      <a:pt x="33" y="26"/>
                      <a:pt x="34" y="26"/>
                    </a:cubicBezTo>
                    <a:cubicBezTo>
                      <a:pt x="34" y="26"/>
                      <a:pt x="34" y="26"/>
                      <a:pt x="34" y="26"/>
                    </a:cubicBezTo>
                    <a:cubicBezTo>
                      <a:pt x="34" y="26"/>
                      <a:pt x="35" y="26"/>
                      <a:pt x="35" y="26"/>
                    </a:cubicBezTo>
                    <a:cubicBezTo>
                      <a:pt x="35" y="26"/>
                      <a:pt x="35" y="26"/>
                      <a:pt x="35" y="26"/>
                    </a:cubicBezTo>
                    <a:cubicBezTo>
                      <a:pt x="36" y="25"/>
                      <a:pt x="36" y="24"/>
                      <a:pt x="37" y="24"/>
                    </a:cubicBezTo>
                    <a:cubicBezTo>
                      <a:pt x="39" y="24"/>
                      <a:pt x="39" y="24"/>
                      <a:pt x="39" y="24"/>
                    </a:cubicBezTo>
                    <a:cubicBezTo>
                      <a:pt x="39" y="24"/>
                      <a:pt x="39" y="24"/>
                      <a:pt x="40" y="24"/>
                    </a:cubicBezTo>
                    <a:cubicBezTo>
                      <a:pt x="40" y="24"/>
                      <a:pt x="40" y="24"/>
                      <a:pt x="40" y="24"/>
                    </a:cubicBezTo>
                    <a:cubicBezTo>
                      <a:pt x="41" y="24"/>
                      <a:pt x="41" y="24"/>
                      <a:pt x="41" y="24"/>
                    </a:cubicBezTo>
                    <a:cubicBezTo>
                      <a:pt x="41" y="24"/>
                      <a:pt x="41" y="24"/>
                      <a:pt x="41" y="24"/>
                    </a:cubicBezTo>
                    <a:cubicBezTo>
                      <a:pt x="41" y="23"/>
                      <a:pt x="41" y="23"/>
                      <a:pt x="43" y="23"/>
                    </a:cubicBezTo>
                    <a:cubicBezTo>
                      <a:pt x="43" y="23"/>
                      <a:pt x="43" y="23"/>
                      <a:pt x="43" y="23"/>
                    </a:cubicBezTo>
                    <a:cubicBezTo>
                      <a:pt x="43" y="23"/>
                      <a:pt x="43" y="23"/>
                      <a:pt x="43" y="23"/>
                    </a:cubicBezTo>
                    <a:cubicBezTo>
                      <a:pt x="48" y="23"/>
                      <a:pt x="48" y="23"/>
                      <a:pt x="48" y="23"/>
                    </a:cubicBezTo>
                    <a:cubicBezTo>
                      <a:pt x="49" y="23"/>
                      <a:pt x="49" y="23"/>
                      <a:pt x="49" y="23"/>
                    </a:cubicBezTo>
                    <a:cubicBezTo>
                      <a:pt x="49" y="23"/>
                      <a:pt x="49" y="23"/>
                      <a:pt x="50" y="23"/>
                    </a:cubicBezTo>
                    <a:cubicBezTo>
                      <a:pt x="50" y="23"/>
                      <a:pt x="50" y="23"/>
                      <a:pt x="50" y="23"/>
                    </a:cubicBezTo>
                    <a:cubicBezTo>
                      <a:pt x="50" y="23"/>
                      <a:pt x="50" y="22"/>
                      <a:pt x="50" y="22"/>
                    </a:cubicBezTo>
                    <a:cubicBezTo>
                      <a:pt x="50" y="22"/>
                      <a:pt x="50" y="22"/>
                      <a:pt x="49" y="21"/>
                    </a:cubicBezTo>
                    <a:cubicBezTo>
                      <a:pt x="48" y="21"/>
                      <a:pt x="48" y="20"/>
                      <a:pt x="48" y="20"/>
                    </a:cubicBezTo>
                    <a:cubicBezTo>
                      <a:pt x="47" y="19"/>
                      <a:pt x="47" y="19"/>
                      <a:pt x="47" y="19"/>
                    </a:cubicBezTo>
                    <a:cubicBezTo>
                      <a:pt x="47" y="18"/>
                      <a:pt x="46" y="18"/>
                      <a:pt x="46" y="18"/>
                    </a:cubicBezTo>
                    <a:cubicBezTo>
                      <a:pt x="44" y="17"/>
                      <a:pt x="44" y="16"/>
                      <a:pt x="44" y="15"/>
                    </a:cubicBezTo>
                    <a:cubicBezTo>
                      <a:pt x="44" y="15"/>
                      <a:pt x="44" y="15"/>
                      <a:pt x="44" y="15"/>
                    </a:cubicBezTo>
                    <a:cubicBezTo>
                      <a:pt x="44" y="12"/>
                      <a:pt x="44" y="12"/>
                      <a:pt x="44" y="12"/>
                    </a:cubicBezTo>
                    <a:cubicBezTo>
                      <a:pt x="46" y="12"/>
                      <a:pt x="46" y="12"/>
                      <a:pt x="46" y="12"/>
                    </a:cubicBezTo>
                    <a:cubicBezTo>
                      <a:pt x="46" y="12"/>
                      <a:pt x="46" y="12"/>
                      <a:pt x="46" y="12"/>
                    </a:cubicBezTo>
                    <a:cubicBezTo>
                      <a:pt x="46" y="12"/>
                      <a:pt x="46" y="12"/>
                      <a:pt x="46" y="11"/>
                    </a:cubicBezTo>
                    <a:cubicBezTo>
                      <a:pt x="46" y="11"/>
                      <a:pt x="46" y="11"/>
                      <a:pt x="46" y="10"/>
                    </a:cubicBezTo>
                    <a:cubicBezTo>
                      <a:pt x="46" y="10"/>
                      <a:pt x="46" y="9"/>
                      <a:pt x="46" y="9"/>
                    </a:cubicBezTo>
                    <a:cubicBezTo>
                      <a:pt x="46" y="9"/>
                      <a:pt x="46" y="9"/>
                      <a:pt x="46" y="9"/>
                    </a:cubicBezTo>
                    <a:cubicBezTo>
                      <a:pt x="45" y="9"/>
                      <a:pt x="45" y="8"/>
                      <a:pt x="45" y="8"/>
                    </a:cubicBezTo>
                    <a:cubicBezTo>
                      <a:pt x="44" y="8"/>
                      <a:pt x="44" y="7"/>
                      <a:pt x="44" y="7"/>
                    </a:cubicBezTo>
                    <a:cubicBezTo>
                      <a:pt x="44" y="7"/>
                      <a:pt x="44" y="7"/>
                      <a:pt x="44" y="7"/>
                    </a:cubicBezTo>
                    <a:cubicBezTo>
                      <a:pt x="44" y="7"/>
                      <a:pt x="44" y="6"/>
                      <a:pt x="44" y="6"/>
                    </a:cubicBezTo>
                    <a:cubicBezTo>
                      <a:pt x="45" y="6"/>
                      <a:pt x="45" y="5"/>
                      <a:pt x="45" y="5"/>
                    </a:cubicBezTo>
                    <a:cubicBezTo>
                      <a:pt x="44" y="5"/>
                      <a:pt x="44" y="5"/>
                      <a:pt x="44" y="5"/>
                    </a:cubicBezTo>
                    <a:cubicBezTo>
                      <a:pt x="44" y="5"/>
                      <a:pt x="44" y="5"/>
                      <a:pt x="44" y="5"/>
                    </a:cubicBezTo>
                    <a:cubicBezTo>
                      <a:pt x="43" y="5"/>
                      <a:pt x="43" y="5"/>
                      <a:pt x="43" y="4"/>
                    </a:cubicBezTo>
                    <a:cubicBezTo>
                      <a:pt x="43" y="0"/>
                      <a:pt x="43" y="0"/>
                      <a:pt x="43" y="0"/>
                    </a:cubicBezTo>
                    <a:cubicBezTo>
                      <a:pt x="45" y="1"/>
                      <a:pt x="45" y="1"/>
                      <a:pt x="45" y="1"/>
                    </a:cubicBezTo>
                    <a:cubicBezTo>
                      <a:pt x="47" y="3"/>
                      <a:pt x="50" y="4"/>
                      <a:pt x="52" y="5"/>
                    </a:cubicBezTo>
                    <a:cubicBezTo>
                      <a:pt x="55" y="7"/>
                      <a:pt x="59" y="8"/>
                      <a:pt x="62" y="10"/>
                    </a:cubicBezTo>
                    <a:cubicBezTo>
                      <a:pt x="65" y="12"/>
                      <a:pt x="68" y="14"/>
                      <a:pt x="70" y="16"/>
                    </a:cubicBezTo>
                    <a:cubicBezTo>
                      <a:pt x="70" y="16"/>
                      <a:pt x="71" y="17"/>
                      <a:pt x="71" y="17"/>
                    </a:cubicBezTo>
                    <a:cubicBezTo>
                      <a:pt x="72" y="17"/>
                      <a:pt x="72" y="17"/>
                      <a:pt x="72" y="17"/>
                    </a:cubicBezTo>
                    <a:cubicBezTo>
                      <a:pt x="72" y="17"/>
                      <a:pt x="74" y="17"/>
                      <a:pt x="74" y="18"/>
                    </a:cubicBezTo>
                    <a:cubicBezTo>
                      <a:pt x="74" y="19"/>
                      <a:pt x="74" y="19"/>
                      <a:pt x="74" y="19"/>
                    </a:cubicBezTo>
                    <a:cubicBezTo>
                      <a:pt x="74" y="19"/>
                      <a:pt x="75" y="20"/>
                      <a:pt x="76" y="20"/>
                    </a:cubicBezTo>
                    <a:cubicBezTo>
                      <a:pt x="76" y="21"/>
                      <a:pt x="77" y="21"/>
                      <a:pt x="77" y="21"/>
                    </a:cubicBezTo>
                    <a:cubicBezTo>
                      <a:pt x="79" y="21"/>
                      <a:pt x="79" y="21"/>
                      <a:pt x="79" y="21"/>
                    </a:cubicBezTo>
                    <a:cubicBezTo>
                      <a:pt x="79" y="22"/>
                      <a:pt x="79" y="22"/>
                      <a:pt x="79" y="22"/>
                    </a:cubicBezTo>
                    <a:cubicBezTo>
                      <a:pt x="79" y="22"/>
                      <a:pt x="80" y="23"/>
                      <a:pt x="80" y="23"/>
                    </a:cubicBezTo>
                    <a:cubicBezTo>
                      <a:pt x="80" y="24"/>
                      <a:pt x="81" y="25"/>
                      <a:pt x="82" y="25"/>
                    </a:cubicBezTo>
                    <a:cubicBezTo>
                      <a:pt x="83" y="26"/>
                      <a:pt x="83" y="26"/>
                      <a:pt x="84" y="26"/>
                    </a:cubicBezTo>
                    <a:cubicBezTo>
                      <a:pt x="86" y="26"/>
                      <a:pt x="86" y="26"/>
                      <a:pt x="86" y="26"/>
                    </a:cubicBezTo>
                    <a:cubicBezTo>
                      <a:pt x="86" y="27"/>
                      <a:pt x="86" y="27"/>
                      <a:pt x="86" y="27"/>
                    </a:cubicBezTo>
                    <a:cubicBezTo>
                      <a:pt x="86" y="27"/>
                      <a:pt x="86" y="27"/>
                      <a:pt x="87" y="28"/>
                    </a:cubicBezTo>
                    <a:cubicBezTo>
                      <a:pt x="87" y="29"/>
                      <a:pt x="88" y="30"/>
                      <a:pt x="89" y="30"/>
                    </a:cubicBezTo>
                    <a:cubicBezTo>
                      <a:pt x="89" y="31"/>
                      <a:pt x="90" y="31"/>
                      <a:pt x="91" y="32"/>
                    </a:cubicBezTo>
                    <a:cubicBezTo>
                      <a:pt x="91" y="32"/>
                      <a:pt x="92" y="32"/>
                      <a:pt x="92" y="32"/>
                    </a:cubicBezTo>
                    <a:cubicBezTo>
                      <a:pt x="93" y="33"/>
                      <a:pt x="94" y="34"/>
                      <a:pt x="95" y="35"/>
                    </a:cubicBezTo>
                    <a:cubicBezTo>
                      <a:pt x="95" y="35"/>
                      <a:pt x="96" y="35"/>
                      <a:pt x="96" y="35"/>
                    </a:cubicBezTo>
                    <a:cubicBezTo>
                      <a:pt x="97" y="37"/>
                      <a:pt x="98" y="38"/>
                      <a:pt x="100" y="39"/>
                    </a:cubicBezTo>
                    <a:cubicBezTo>
                      <a:pt x="100" y="39"/>
                      <a:pt x="100" y="39"/>
                      <a:pt x="100" y="39"/>
                    </a:cubicBezTo>
                    <a:cubicBezTo>
                      <a:pt x="100" y="39"/>
                      <a:pt x="100" y="39"/>
                      <a:pt x="100" y="39"/>
                    </a:cubicBezTo>
                    <a:cubicBezTo>
                      <a:pt x="102" y="42"/>
                      <a:pt x="104" y="44"/>
                      <a:pt x="107" y="47"/>
                    </a:cubicBezTo>
                    <a:cubicBezTo>
                      <a:pt x="108" y="48"/>
                      <a:pt x="109" y="49"/>
                      <a:pt x="111" y="50"/>
                    </a:cubicBezTo>
                    <a:cubicBezTo>
                      <a:pt x="111" y="50"/>
                      <a:pt x="112" y="51"/>
                      <a:pt x="112" y="51"/>
                    </a:cubicBezTo>
                    <a:cubicBezTo>
                      <a:pt x="113" y="52"/>
                      <a:pt x="113" y="52"/>
                      <a:pt x="113" y="53"/>
                    </a:cubicBezTo>
                    <a:cubicBezTo>
                      <a:pt x="113" y="53"/>
                      <a:pt x="113" y="53"/>
                      <a:pt x="114" y="53"/>
                    </a:cubicBezTo>
                    <a:cubicBezTo>
                      <a:pt x="114" y="54"/>
                      <a:pt x="115" y="55"/>
                      <a:pt x="115" y="55"/>
                    </a:cubicBezTo>
                    <a:cubicBezTo>
                      <a:pt x="116" y="56"/>
                      <a:pt x="117" y="56"/>
                      <a:pt x="118" y="58"/>
                    </a:cubicBezTo>
                    <a:cubicBezTo>
                      <a:pt x="118" y="58"/>
                      <a:pt x="119" y="59"/>
                      <a:pt x="119" y="59"/>
                    </a:cubicBezTo>
                    <a:cubicBezTo>
                      <a:pt x="119" y="60"/>
                      <a:pt x="119" y="61"/>
                      <a:pt x="119" y="61"/>
                    </a:cubicBezTo>
                    <a:cubicBezTo>
                      <a:pt x="120" y="62"/>
                      <a:pt x="121" y="63"/>
                      <a:pt x="122" y="63"/>
                    </a:cubicBezTo>
                    <a:cubicBezTo>
                      <a:pt x="122" y="63"/>
                      <a:pt x="123" y="64"/>
                      <a:pt x="123" y="64"/>
                    </a:cubicBezTo>
                    <a:cubicBezTo>
                      <a:pt x="124" y="64"/>
                      <a:pt x="124" y="64"/>
                      <a:pt x="124" y="65"/>
                    </a:cubicBezTo>
                    <a:cubicBezTo>
                      <a:pt x="124" y="65"/>
                      <a:pt x="124" y="65"/>
                      <a:pt x="124" y="65"/>
                    </a:cubicBezTo>
                    <a:cubicBezTo>
                      <a:pt x="124" y="65"/>
                      <a:pt x="124" y="65"/>
                      <a:pt x="125" y="66"/>
                    </a:cubicBezTo>
                    <a:cubicBezTo>
                      <a:pt x="125" y="66"/>
                      <a:pt x="125" y="66"/>
                      <a:pt x="125" y="66"/>
                    </a:cubicBezTo>
                    <a:cubicBezTo>
                      <a:pt x="125" y="67"/>
                      <a:pt x="126" y="68"/>
                      <a:pt x="126" y="68"/>
                    </a:cubicBezTo>
                    <a:cubicBezTo>
                      <a:pt x="126" y="69"/>
                      <a:pt x="126" y="69"/>
                      <a:pt x="126" y="69"/>
                    </a:cubicBezTo>
                    <a:cubicBezTo>
                      <a:pt x="126" y="70"/>
                      <a:pt x="127" y="70"/>
                      <a:pt x="127" y="70"/>
                    </a:cubicBezTo>
                    <a:cubicBezTo>
                      <a:pt x="128" y="71"/>
                      <a:pt x="128" y="71"/>
                      <a:pt x="128" y="71"/>
                    </a:cubicBezTo>
                    <a:cubicBezTo>
                      <a:pt x="128" y="71"/>
                      <a:pt x="129" y="71"/>
                      <a:pt x="129" y="72"/>
                    </a:cubicBezTo>
                    <a:cubicBezTo>
                      <a:pt x="130" y="72"/>
                      <a:pt x="130" y="73"/>
                      <a:pt x="130" y="73"/>
                    </a:cubicBezTo>
                    <a:cubicBezTo>
                      <a:pt x="130" y="73"/>
                      <a:pt x="131" y="74"/>
                      <a:pt x="131" y="75"/>
                    </a:cubicBezTo>
                    <a:cubicBezTo>
                      <a:pt x="131" y="75"/>
                      <a:pt x="131" y="76"/>
                      <a:pt x="131" y="76"/>
                    </a:cubicBezTo>
                    <a:cubicBezTo>
                      <a:pt x="131" y="76"/>
                      <a:pt x="131" y="76"/>
                      <a:pt x="131" y="76"/>
                    </a:cubicBezTo>
                    <a:cubicBezTo>
                      <a:pt x="131" y="76"/>
                      <a:pt x="132" y="76"/>
                      <a:pt x="132" y="76"/>
                    </a:cubicBezTo>
                    <a:cubicBezTo>
                      <a:pt x="133" y="77"/>
                      <a:pt x="133" y="77"/>
                      <a:pt x="133" y="78"/>
                    </a:cubicBezTo>
                    <a:cubicBezTo>
                      <a:pt x="133" y="78"/>
                      <a:pt x="133" y="78"/>
                      <a:pt x="133" y="78"/>
                    </a:cubicBezTo>
                    <a:cubicBezTo>
                      <a:pt x="134" y="78"/>
                      <a:pt x="134" y="78"/>
                      <a:pt x="134" y="78"/>
                    </a:cubicBezTo>
                    <a:cubicBezTo>
                      <a:pt x="134" y="79"/>
                      <a:pt x="134" y="79"/>
                      <a:pt x="134" y="80"/>
                    </a:cubicBezTo>
                    <a:cubicBezTo>
                      <a:pt x="135" y="80"/>
                      <a:pt x="135" y="81"/>
                      <a:pt x="135" y="81"/>
                    </a:cubicBezTo>
                    <a:cubicBezTo>
                      <a:pt x="135" y="81"/>
                      <a:pt x="135" y="82"/>
                      <a:pt x="135" y="82"/>
                    </a:cubicBezTo>
                    <a:cubicBezTo>
                      <a:pt x="135" y="82"/>
                      <a:pt x="135" y="82"/>
                      <a:pt x="135" y="82"/>
                    </a:cubicBezTo>
                    <a:cubicBezTo>
                      <a:pt x="135" y="82"/>
                      <a:pt x="135" y="82"/>
                      <a:pt x="135" y="82"/>
                    </a:cubicBezTo>
                    <a:cubicBezTo>
                      <a:pt x="137" y="82"/>
                      <a:pt x="137" y="82"/>
                      <a:pt x="137" y="82"/>
                    </a:cubicBezTo>
                    <a:cubicBezTo>
                      <a:pt x="137" y="84"/>
                      <a:pt x="137" y="84"/>
                      <a:pt x="137" y="84"/>
                    </a:cubicBezTo>
                    <a:cubicBezTo>
                      <a:pt x="137" y="85"/>
                      <a:pt x="137" y="85"/>
                      <a:pt x="137" y="85"/>
                    </a:cubicBezTo>
                    <a:cubicBezTo>
                      <a:pt x="137" y="85"/>
                      <a:pt x="137" y="85"/>
                      <a:pt x="137" y="85"/>
                    </a:cubicBezTo>
                    <a:cubicBezTo>
                      <a:pt x="137" y="85"/>
                      <a:pt x="137" y="85"/>
                      <a:pt x="137" y="85"/>
                    </a:cubicBezTo>
                    <a:cubicBezTo>
                      <a:pt x="138" y="85"/>
                      <a:pt x="138" y="85"/>
                      <a:pt x="138" y="85"/>
                    </a:cubicBezTo>
                    <a:cubicBezTo>
                      <a:pt x="138" y="86"/>
                      <a:pt x="138" y="86"/>
                      <a:pt x="138" y="86"/>
                    </a:cubicBezTo>
                    <a:cubicBezTo>
                      <a:pt x="138" y="87"/>
                      <a:pt x="139" y="87"/>
                      <a:pt x="139" y="87"/>
                    </a:cubicBezTo>
                    <a:cubicBezTo>
                      <a:pt x="139" y="88"/>
                      <a:pt x="140" y="88"/>
                      <a:pt x="140" y="89"/>
                    </a:cubicBezTo>
                    <a:cubicBezTo>
                      <a:pt x="140" y="89"/>
                      <a:pt x="140" y="90"/>
                      <a:pt x="140" y="90"/>
                    </a:cubicBezTo>
                    <a:cubicBezTo>
                      <a:pt x="140" y="90"/>
                      <a:pt x="140" y="91"/>
                      <a:pt x="140" y="91"/>
                    </a:cubicBezTo>
                    <a:cubicBezTo>
                      <a:pt x="140" y="91"/>
                      <a:pt x="140" y="91"/>
                      <a:pt x="140" y="91"/>
                    </a:cubicBezTo>
                    <a:cubicBezTo>
                      <a:pt x="140" y="91"/>
                      <a:pt x="141" y="91"/>
                      <a:pt x="141" y="91"/>
                    </a:cubicBezTo>
                    <a:cubicBezTo>
                      <a:pt x="141" y="91"/>
                      <a:pt x="142" y="91"/>
                      <a:pt x="142" y="92"/>
                    </a:cubicBezTo>
                    <a:cubicBezTo>
                      <a:pt x="142" y="94"/>
                      <a:pt x="142" y="94"/>
                      <a:pt x="142" y="94"/>
                    </a:cubicBezTo>
                    <a:cubicBezTo>
                      <a:pt x="142" y="94"/>
                      <a:pt x="142" y="94"/>
                      <a:pt x="142" y="94"/>
                    </a:cubicBezTo>
                    <a:cubicBezTo>
                      <a:pt x="142" y="94"/>
                      <a:pt x="142" y="94"/>
                      <a:pt x="142" y="94"/>
                    </a:cubicBezTo>
                    <a:cubicBezTo>
                      <a:pt x="142" y="94"/>
                      <a:pt x="142" y="94"/>
                      <a:pt x="142" y="94"/>
                    </a:cubicBezTo>
                    <a:cubicBezTo>
                      <a:pt x="142" y="94"/>
                      <a:pt x="142" y="94"/>
                      <a:pt x="143" y="94"/>
                    </a:cubicBezTo>
                    <a:cubicBezTo>
                      <a:pt x="144" y="94"/>
                      <a:pt x="144" y="94"/>
                      <a:pt x="144" y="94"/>
                    </a:cubicBezTo>
                    <a:cubicBezTo>
                      <a:pt x="144" y="96"/>
                      <a:pt x="144" y="96"/>
                      <a:pt x="144" y="96"/>
                    </a:cubicBezTo>
                    <a:cubicBezTo>
                      <a:pt x="144" y="96"/>
                      <a:pt x="144" y="96"/>
                      <a:pt x="144" y="96"/>
                    </a:cubicBezTo>
                    <a:cubicBezTo>
                      <a:pt x="144" y="97"/>
                      <a:pt x="144" y="98"/>
                      <a:pt x="144" y="98"/>
                    </a:cubicBezTo>
                    <a:cubicBezTo>
                      <a:pt x="144" y="98"/>
                      <a:pt x="144" y="98"/>
                      <a:pt x="144" y="98"/>
                    </a:cubicBezTo>
                    <a:cubicBezTo>
                      <a:pt x="146" y="98"/>
                      <a:pt x="146" y="98"/>
                      <a:pt x="146" y="98"/>
                    </a:cubicBezTo>
                    <a:cubicBezTo>
                      <a:pt x="146" y="101"/>
                      <a:pt x="146" y="101"/>
                      <a:pt x="146" y="101"/>
                    </a:cubicBezTo>
                    <a:cubicBezTo>
                      <a:pt x="146" y="101"/>
                      <a:pt x="146" y="101"/>
                      <a:pt x="146" y="101"/>
                    </a:cubicBezTo>
                    <a:cubicBezTo>
                      <a:pt x="145" y="101"/>
                      <a:pt x="145" y="101"/>
                      <a:pt x="145" y="101"/>
                    </a:cubicBezTo>
                    <a:cubicBezTo>
                      <a:pt x="146" y="102"/>
                      <a:pt x="146" y="102"/>
                      <a:pt x="146" y="102"/>
                    </a:cubicBezTo>
                    <a:cubicBezTo>
                      <a:pt x="147" y="102"/>
                      <a:pt x="147" y="102"/>
                      <a:pt x="147" y="102"/>
                    </a:cubicBezTo>
                    <a:cubicBezTo>
                      <a:pt x="147" y="103"/>
                      <a:pt x="147" y="103"/>
                      <a:pt x="147" y="103"/>
                    </a:cubicBezTo>
                    <a:cubicBezTo>
                      <a:pt x="147" y="103"/>
                      <a:pt x="147" y="103"/>
                      <a:pt x="147" y="104"/>
                    </a:cubicBezTo>
                    <a:cubicBezTo>
                      <a:pt x="147" y="104"/>
                      <a:pt x="147" y="105"/>
                      <a:pt x="147" y="105"/>
                    </a:cubicBezTo>
                    <a:cubicBezTo>
                      <a:pt x="147" y="105"/>
                      <a:pt x="147" y="105"/>
                      <a:pt x="147" y="105"/>
                    </a:cubicBezTo>
                    <a:cubicBezTo>
                      <a:pt x="148" y="105"/>
                      <a:pt x="148" y="105"/>
                      <a:pt x="148" y="105"/>
                    </a:cubicBezTo>
                    <a:cubicBezTo>
                      <a:pt x="148" y="105"/>
                      <a:pt x="149" y="105"/>
                      <a:pt x="149" y="106"/>
                    </a:cubicBezTo>
                    <a:cubicBezTo>
                      <a:pt x="149" y="106"/>
                      <a:pt x="149" y="107"/>
                      <a:pt x="149" y="107"/>
                    </a:cubicBezTo>
                    <a:cubicBezTo>
                      <a:pt x="149" y="107"/>
                      <a:pt x="149" y="107"/>
                      <a:pt x="149" y="107"/>
                    </a:cubicBezTo>
                    <a:cubicBezTo>
                      <a:pt x="149" y="108"/>
                      <a:pt x="149" y="109"/>
                      <a:pt x="149" y="110"/>
                    </a:cubicBezTo>
                    <a:cubicBezTo>
                      <a:pt x="149" y="110"/>
                      <a:pt x="149" y="110"/>
                      <a:pt x="148" y="111"/>
                    </a:cubicBezTo>
                    <a:cubicBezTo>
                      <a:pt x="148" y="112"/>
                      <a:pt x="148" y="113"/>
                      <a:pt x="148" y="114"/>
                    </a:cubicBezTo>
                    <a:cubicBezTo>
                      <a:pt x="148" y="116"/>
                      <a:pt x="148" y="119"/>
                      <a:pt x="149" y="122"/>
                    </a:cubicBezTo>
                    <a:cubicBezTo>
                      <a:pt x="150" y="127"/>
                      <a:pt x="151" y="132"/>
                      <a:pt x="153" y="137"/>
                    </a:cubicBezTo>
                    <a:cubicBezTo>
                      <a:pt x="153" y="139"/>
                      <a:pt x="153" y="139"/>
                      <a:pt x="153" y="139"/>
                    </a:cubicBezTo>
                    <a:cubicBezTo>
                      <a:pt x="151" y="138"/>
                      <a:pt x="151" y="138"/>
                      <a:pt x="151" y="138"/>
                    </a:cubicBezTo>
                    <a:cubicBezTo>
                      <a:pt x="150" y="137"/>
                      <a:pt x="148" y="137"/>
                      <a:pt x="148" y="135"/>
                    </a:cubicBezTo>
                    <a:cubicBezTo>
                      <a:pt x="147" y="135"/>
                      <a:pt x="147" y="134"/>
                      <a:pt x="147" y="133"/>
                    </a:cubicBezTo>
                    <a:cubicBezTo>
                      <a:pt x="147" y="133"/>
                      <a:pt x="147" y="133"/>
                      <a:pt x="147" y="133"/>
                    </a:cubicBezTo>
                    <a:cubicBezTo>
                      <a:pt x="145" y="133"/>
                      <a:pt x="145" y="132"/>
                      <a:pt x="145" y="131"/>
                    </a:cubicBezTo>
                    <a:cubicBezTo>
                      <a:pt x="145" y="128"/>
                      <a:pt x="145" y="128"/>
                      <a:pt x="145" y="128"/>
                    </a:cubicBezTo>
                    <a:cubicBezTo>
                      <a:pt x="145" y="128"/>
                      <a:pt x="145" y="128"/>
                      <a:pt x="145" y="127"/>
                    </a:cubicBezTo>
                    <a:cubicBezTo>
                      <a:pt x="145" y="127"/>
                      <a:pt x="145" y="127"/>
                      <a:pt x="145" y="127"/>
                    </a:cubicBezTo>
                    <a:cubicBezTo>
                      <a:pt x="145" y="127"/>
                      <a:pt x="145" y="127"/>
                      <a:pt x="144" y="127"/>
                    </a:cubicBezTo>
                    <a:cubicBezTo>
                      <a:pt x="143" y="127"/>
                      <a:pt x="143" y="125"/>
                      <a:pt x="143" y="125"/>
                    </a:cubicBezTo>
                    <a:cubicBezTo>
                      <a:pt x="143" y="124"/>
                      <a:pt x="143" y="124"/>
                      <a:pt x="143" y="124"/>
                    </a:cubicBezTo>
                    <a:cubicBezTo>
                      <a:pt x="143" y="124"/>
                      <a:pt x="143" y="124"/>
                      <a:pt x="143" y="124"/>
                    </a:cubicBezTo>
                    <a:cubicBezTo>
                      <a:pt x="143" y="124"/>
                      <a:pt x="142" y="124"/>
                      <a:pt x="141" y="123"/>
                    </a:cubicBezTo>
                    <a:cubicBezTo>
                      <a:pt x="141" y="122"/>
                      <a:pt x="141" y="122"/>
                      <a:pt x="141" y="122"/>
                    </a:cubicBezTo>
                    <a:cubicBezTo>
                      <a:pt x="140" y="121"/>
                      <a:pt x="140" y="121"/>
                      <a:pt x="140" y="120"/>
                    </a:cubicBezTo>
                    <a:cubicBezTo>
                      <a:pt x="140" y="119"/>
                      <a:pt x="140" y="119"/>
                      <a:pt x="140" y="119"/>
                    </a:cubicBezTo>
                    <a:cubicBezTo>
                      <a:pt x="140" y="119"/>
                      <a:pt x="140" y="118"/>
                      <a:pt x="140" y="118"/>
                    </a:cubicBezTo>
                    <a:cubicBezTo>
                      <a:pt x="140" y="118"/>
                      <a:pt x="139" y="118"/>
                      <a:pt x="139" y="118"/>
                    </a:cubicBezTo>
                    <a:cubicBezTo>
                      <a:pt x="139" y="118"/>
                      <a:pt x="139" y="118"/>
                      <a:pt x="139" y="118"/>
                    </a:cubicBezTo>
                    <a:cubicBezTo>
                      <a:pt x="138" y="118"/>
                      <a:pt x="138" y="118"/>
                      <a:pt x="138" y="117"/>
                    </a:cubicBezTo>
                    <a:cubicBezTo>
                      <a:pt x="138" y="116"/>
                      <a:pt x="138" y="116"/>
                      <a:pt x="138" y="116"/>
                    </a:cubicBezTo>
                    <a:cubicBezTo>
                      <a:pt x="138" y="115"/>
                      <a:pt x="138" y="115"/>
                      <a:pt x="138" y="115"/>
                    </a:cubicBezTo>
                    <a:cubicBezTo>
                      <a:pt x="138" y="115"/>
                      <a:pt x="138" y="115"/>
                      <a:pt x="138" y="115"/>
                    </a:cubicBezTo>
                    <a:cubicBezTo>
                      <a:pt x="138" y="115"/>
                      <a:pt x="138" y="115"/>
                      <a:pt x="137" y="115"/>
                    </a:cubicBezTo>
                    <a:cubicBezTo>
                      <a:pt x="136" y="115"/>
                      <a:pt x="136" y="113"/>
                      <a:pt x="136" y="112"/>
                    </a:cubicBezTo>
                    <a:cubicBezTo>
                      <a:pt x="136" y="112"/>
                      <a:pt x="136" y="111"/>
                      <a:pt x="136" y="111"/>
                    </a:cubicBezTo>
                    <a:cubicBezTo>
                      <a:pt x="136" y="111"/>
                      <a:pt x="136" y="111"/>
                      <a:pt x="136" y="111"/>
                    </a:cubicBezTo>
                    <a:cubicBezTo>
                      <a:pt x="134" y="111"/>
                      <a:pt x="134" y="110"/>
                      <a:pt x="134" y="109"/>
                    </a:cubicBezTo>
                    <a:cubicBezTo>
                      <a:pt x="134" y="109"/>
                      <a:pt x="134" y="108"/>
                      <a:pt x="134" y="108"/>
                    </a:cubicBezTo>
                    <a:cubicBezTo>
                      <a:pt x="133" y="107"/>
                      <a:pt x="133" y="106"/>
                      <a:pt x="132" y="106"/>
                    </a:cubicBezTo>
                    <a:cubicBezTo>
                      <a:pt x="132" y="106"/>
                      <a:pt x="132" y="106"/>
                      <a:pt x="132" y="106"/>
                    </a:cubicBezTo>
                    <a:cubicBezTo>
                      <a:pt x="131" y="106"/>
                      <a:pt x="129" y="106"/>
                      <a:pt x="129" y="104"/>
                    </a:cubicBezTo>
                    <a:cubicBezTo>
                      <a:pt x="129" y="103"/>
                      <a:pt x="129" y="103"/>
                      <a:pt x="129" y="103"/>
                    </a:cubicBezTo>
                    <a:cubicBezTo>
                      <a:pt x="129" y="103"/>
                      <a:pt x="129" y="102"/>
                      <a:pt x="129" y="102"/>
                    </a:cubicBezTo>
                    <a:cubicBezTo>
                      <a:pt x="129" y="102"/>
                      <a:pt x="129" y="102"/>
                      <a:pt x="129" y="102"/>
                    </a:cubicBezTo>
                    <a:cubicBezTo>
                      <a:pt x="129" y="102"/>
                      <a:pt x="128" y="102"/>
                      <a:pt x="128" y="102"/>
                    </a:cubicBezTo>
                    <a:cubicBezTo>
                      <a:pt x="127" y="102"/>
                      <a:pt x="127" y="102"/>
                      <a:pt x="127" y="102"/>
                    </a:cubicBezTo>
                    <a:cubicBezTo>
                      <a:pt x="127" y="99"/>
                      <a:pt x="127" y="99"/>
                      <a:pt x="127" y="99"/>
                    </a:cubicBezTo>
                    <a:cubicBezTo>
                      <a:pt x="127" y="98"/>
                      <a:pt x="127" y="98"/>
                      <a:pt x="127" y="97"/>
                    </a:cubicBezTo>
                    <a:cubicBezTo>
                      <a:pt x="127" y="97"/>
                      <a:pt x="127" y="97"/>
                      <a:pt x="127" y="97"/>
                    </a:cubicBezTo>
                    <a:cubicBezTo>
                      <a:pt x="127" y="97"/>
                      <a:pt x="127" y="97"/>
                      <a:pt x="126" y="97"/>
                    </a:cubicBezTo>
                    <a:cubicBezTo>
                      <a:pt x="125" y="97"/>
                      <a:pt x="125" y="97"/>
                      <a:pt x="125" y="97"/>
                    </a:cubicBezTo>
                    <a:cubicBezTo>
                      <a:pt x="125" y="95"/>
                      <a:pt x="125" y="95"/>
                      <a:pt x="125" y="95"/>
                    </a:cubicBezTo>
                    <a:cubicBezTo>
                      <a:pt x="125" y="95"/>
                      <a:pt x="125" y="95"/>
                      <a:pt x="125" y="95"/>
                    </a:cubicBezTo>
                    <a:cubicBezTo>
                      <a:pt x="125" y="95"/>
                      <a:pt x="125" y="95"/>
                      <a:pt x="125" y="95"/>
                    </a:cubicBezTo>
                    <a:cubicBezTo>
                      <a:pt x="125" y="95"/>
                      <a:pt x="125" y="95"/>
                      <a:pt x="125" y="95"/>
                    </a:cubicBezTo>
                    <a:cubicBezTo>
                      <a:pt x="124" y="95"/>
                      <a:pt x="124" y="95"/>
                      <a:pt x="124" y="95"/>
                    </a:cubicBezTo>
                    <a:cubicBezTo>
                      <a:pt x="123" y="94"/>
                      <a:pt x="123" y="94"/>
                      <a:pt x="123" y="94"/>
                    </a:cubicBezTo>
                    <a:cubicBezTo>
                      <a:pt x="123" y="93"/>
                      <a:pt x="123" y="93"/>
                      <a:pt x="122" y="92"/>
                    </a:cubicBezTo>
                    <a:cubicBezTo>
                      <a:pt x="122" y="92"/>
                      <a:pt x="122" y="93"/>
                      <a:pt x="122" y="93"/>
                    </a:cubicBezTo>
                    <a:cubicBezTo>
                      <a:pt x="120" y="93"/>
                      <a:pt x="120" y="93"/>
                      <a:pt x="120" y="93"/>
                    </a:cubicBezTo>
                    <a:cubicBezTo>
                      <a:pt x="121" y="95"/>
                      <a:pt x="123" y="97"/>
                      <a:pt x="124" y="99"/>
                    </a:cubicBezTo>
                    <a:cubicBezTo>
                      <a:pt x="125" y="101"/>
                      <a:pt x="125" y="101"/>
                      <a:pt x="125" y="101"/>
                    </a:cubicBezTo>
                    <a:cubicBezTo>
                      <a:pt x="126" y="103"/>
                      <a:pt x="128" y="105"/>
                      <a:pt x="129" y="107"/>
                    </a:cubicBezTo>
                    <a:cubicBezTo>
                      <a:pt x="130" y="108"/>
                      <a:pt x="130" y="109"/>
                      <a:pt x="131" y="109"/>
                    </a:cubicBezTo>
                    <a:cubicBezTo>
                      <a:pt x="131" y="110"/>
                      <a:pt x="131" y="110"/>
                      <a:pt x="131" y="110"/>
                    </a:cubicBezTo>
                    <a:cubicBezTo>
                      <a:pt x="131" y="110"/>
                      <a:pt x="131" y="110"/>
                      <a:pt x="131" y="110"/>
                    </a:cubicBezTo>
                    <a:cubicBezTo>
                      <a:pt x="131" y="110"/>
                      <a:pt x="131" y="110"/>
                      <a:pt x="131" y="110"/>
                    </a:cubicBezTo>
                    <a:cubicBezTo>
                      <a:pt x="131" y="110"/>
                      <a:pt x="132" y="111"/>
                      <a:pt x="132" y="111"/>
                    </a:cubicBezTo>
                    <a:cubicBezTo>
                      <a:pt x="133" y="111"/>
                      <a:pt x="133" y="111"/>
                      <a:pt x="133" y="111"/>
                    </a:cubicBezTo>
                    <a:cubicBezTo>
                      <a:pt x="133" y="112"/>
                      <a:pt x="133" y="112"/>
                      <a:pt x="133" y="112"/>
                    </a:cubicBezTo>
                    <a:cubicBezTo>
                      <a:pt x="133" y="112"/>
                      <a:pt x="133" y="112"/>
                      <a:pt x="133" y="112"/>
                    </a:cubicBezTo>
                    <a:cubicBezTo>
                      <a:pt x="133" y="113"/>
                      <a:pt x="133" y="113"/>
                      <a:pt x="133" y="114"/>
                    </a:cubicBezTo>
                    <a:cubicBezTo>
                      <a:pt x="133" y="114"/>
                      <a:pt x="133" y="114"/>
                      <a:pt x="133" y="114"/>
                    </a:cubicBezTo>
                    <a:cubicBezTo>
                      <a:pt x="134" y="114"/>
                      <a:pt x="134" y="114"/>
                      <a:pt x="135" y="115"/>
                    </a:cubicBezTo>
                    <a:cubicBezTo>
                      <a:pt x="135" y="116"/>
                      <a:pt x="136" y="116"/>
                      <a:pt x="136" y="117"/>
                    </a:cubicBezTo>
                    <a:cubicBezTo>
                      <a:pt x="136" y="117"/>
                      <a:pt x="136" y="117"/>
                      <a:pt x="136" y="117"/>
                    </a:cubicBezTo>
                    <a:cubicBezTo>
                      <a:pt x="137" y="118"/>
                      <a:pt x="138" y="119"/>
                      <a:pt x="138" y="121"/>
                    </a:cubicBezTo>
                    <a:cubicBezTo>
                      <a:pt x="138" y="121"/>
                      <a:pt x="138" y="121"/>
                      <a:pt x="139" y="121"/>
                    </a:cubicBezTo>
                    <a:cubicBezTo>
                      <a:pt x="140" y="121"/>
                      <a:pt x="140" y="121"/>
                      <a:pt x="140" y="121"/>
                    </a:cubicBezTo>
                    <a:cubicBezTo>
                      <a:pt x="140" y="123"/>
                      <a:pt x="140" y="123"/>
                      <a:pt x="140" y="123"/>
                    </a:cubicBezTo>
                    <a:cubicBezTo>
                      <a:pt x="139" y="126"/>
                      <a:pt x="140" y="128"/>
                      <a:pt x="141" y="130"/>
                    </a:cubicBezTo>
                    <a:cubicBezTo>
                      <a:pt x="142" y="130"/>
                      <a:pt x="142" y="130"/>
                      <a:pt x="143" y="131"/>
                    </a:cubicBezTo>
                    <a:cubicBezTo>
                      <a:pt x="143" y="131"/>
                      <a:pt x="143" y="131"/>
                      <a:pt x="144" y="132"/>
                    </a:cubicBezTo>
                    <a:cubicBezTo>
                      <a:pt x="144" y="132"/>
                      <a:pt x="145" y="133"/>
                      <a:pt x="145" y="133"/>
                    </a:cubicBezTo>
                    <a:cubicBezTo>
                      <a:pt x="145" y="134"/>
                      <a:pt x="145" y="134"/>
                      <a:pt x="145" y="134"/>
                    </a:cubicBezTo>
                    <a:cubicBezTo>
                      <a:pt x="146" y="135"/>
                      <a:pt x="146" y="135"/>
                      <a:pt x="146" y="136"/>
                    </a:cubicBezTo>
                    <a:cubicBezTo>
                      <a:pt x="146" y="136"/>
                      <a:pt x="146" y="136"/>
                      <a:pt x="146" y="136"/>
                    </a:cubicBezTo>
                    <a:cubicBezTo>
                      <a:pt x="146" y="136"/>
                      <a:pt x="146" y="136"/>
                      <a:pt x="146" y="136"/>
                    </a:cubicBezTo>
                    <a:cubicBezTo>
                      <a:pt x="148" y="136"/>
                      <a:pt x="147" y="138"/>
                      <a:pt x="147" y="139"/>
                    </a:cubicBezTo>
                    <a:cubicBezTo>
                      <a:pt x="147" y="139"/>
                      <a:pt x="147" y="139"/>
                      <a:pt x="147" y="139"/>
                    </a:cubicBezTo>
                    <a:cubicBezTo>
                      <a:pt x="147" y="139"/>
                      <a:pt x="148" y="139"/>
                      <a:pt x="148" y="139"/>
                    </a:cubicBezTo>
                    <a:cubicBezTo>
                      <a:pt x="149" y="139"/>
                      <a:pt x="149" y="140"/>
                      <a:pt x="150" y="141"/>
                    </a:cubicBezTo>
                    <a:cubicBezTo>
                      <a:pt x="150" y="141"/>
                      <a:pt x="150" y="141"/>
                      <a:pt x="150" y="141"/>
                    </a:cubicBezTo>
                    <a:cubicBezTo>
                      <a:pt x="150" y="142"/>
                      <a:pt x="151" y="143"/>
                      <a:pt x="151" y="144"/>
                    </a:cubicBezTo>
                    <a:cubicBezTo>
                      <a:pt x="151" y="144"/>
                      <a:pt x="151" y="144"/>
                      <a:pt x="151" y="144"/>
                    </a:cubicBezTo>
                    <a:cubicBezTo>
                      <a:pt x="151" y="144"/>
                      <a:pt x="151" y="144"/>
                      <a:pt x="151" y="144"/>
                    </a:cubicBezTo>
                    <a:cubicBezTo>
                      <a:pt x="151" y="144"/>
                      <a:pt x="151" y="145"/>
                      <a:pt x="151" y="145"/>
                    </a:cubicBezTo>
                    <a:cubicBezTo>
                      <a:pt x="151" y="145"/>
                      <a:pt x="153" y="145"/>
                      <a:pt x="153" y="145"/>
                    </a:cubicBezTo>
                    <a:cubicBezTo>
                      <a:pt x="153" y="150"/>
                      <a:pt x="153" y="150"/>
                      <a:pt x="153" y="150"/>
                    </a:cubicBezTo>
                    <a:cubicBezTo>
                      <a:pt x="153" y="150"/>
                      <a:pt x="153" y="151"/>
                      <a:pt x="154" y="152"/>
                    </a:cubicBezTo>
                    <a:cubicBezTo>
                      <a:pt x="155" y="153"/>
                      <a:pt x="156" y="154"/>
                      <a:pt x="157" y="155"/>
                    </a:cubicBezTo>
                    <a:cubicBezTo>
                      <a:pt x="158" y="156"/>
                      <a:pt x="158" y="158"/>
                      <a:pt x="158" y="159"/>
                    </a:cubicBezTo>
                    <a:cubicBezTo>
                      <a:pt x="158" y="159"/>
                      <a:pt x="158" y="160"/>
                      <a:pt x="158" y="160"/>
                    </a:cubicBezTo>
                    <a:cubicBezTo>
                      <a:pt x="158" y="168"/>
                      <a:pt x="158" y="168"/>
                      <a:pt x="158" y="168"/>
                    </a:cubicBezTo>
                    <a:cubicBezTo>
                      <a:pt x="157" y="169"/>
                      <a:pt x="157" y="169"/>
                      <a:pt x="157" y="169"/>
                    </a:cubicBezTo>
                    <a:cubicBezTo>
                      <a:pt x="157" y="169"/>
                      <a:pt x="157" y="169"/>
                      <a:pt x="157" y="169"/>
                    </a:cubicBezTo>
                    <a:cubicBezTo>
                      <a:pt x="156" y="170"/>
                      <a:pt x="156" y="170"/>
                      <a:pt x="156" y="171"/>
                    </a:cubicBezTo>
                    <a:cubicBezTo>
                      <a:pt x="156" y="172"/>
                      <a:pt x="156" y="172"/>
                      <a:pt x="156" y="173"/>
                    </a:cubicBezTo>
                    <a:cubicBezTo>
                      <a:pt x="156" y="173"/>
                      <a:pt x="156" y="174"/>
                      <a:pt x="156" y="175"/>
                    </a:cubicBezTo>
                    <a:cubicBezTo>
                      <a:pt x="156" y="175"/>
                      <a:pt x="156" y="176"/>
                      <a:pt x="156" y="176"/>
                    </a:cubicBezTo>
                    <a:cubicBezTo>
                      <a:pt x="156" y="177"/>
                      <a:pt x="156" y="177"/>
                      <a:pt x="155" y="178"/>
                    </a:cubicBezTo>
                    <a:cubicBezTo>
                      <a:pt x="155" y="178"/>
                      <a:pt x="155" y="178"/>
                      <a:pt x="155" y="178"/>
                    </a:cubicBezTo>
                    <a:cubicBezTo>
                      <a:pt x="155" y="179"/>
                      <a:pt x="155" y="180"/>
                      <a:pt x="155" y="182"/>
                    </a:cubicBezTo>
                    <a:cubicBezTo>
                      <a:pt x="155" y="182"/>
                      <a:pt x="155" y="182"/>
                      <a:pt x="155" y="182"/>
                    </a:cubicBezTo>
                    <a:cubicBezTo>
                      <a:pt x="155" y="182"/>
                      <a:pt x="155" y="183"/>
                      <a:pt x="154" y="183"/>
                    </a:cubicBezTo>
                    <a:cubicBezTo>
                      <a:pt x="154" y="185"/>
                      <a:pt x="154" y="185"/>
                      <a:pt x="155" y="186"/>
                    </a:cubicBezTo>
                    <a:cubicBezTo>
                      <a:pt x="155" y="186"/>
                      <a:pt x="155" y="186"/>
                      <a:pt x="155" y="186"/>
                    </a:cubicBezTo>
                    <a:cubicBezTo>
                      <a:pt x="156" y="186"/>
                      <a:pt x="156" y="187"/>
                      <a:pt x="156" y="188"/>
                    </a:cubicBezTo>
                    <a:cubicBezTo>
                      <a:pt x="156" y="194"/>
                      <a:pt x="156" y="194"/>
                      <a:pt x="156" y="194"/>
                    </a:cubicBezTo>
                    <a:cubicBezTo>
                      <a:pt x="155" y="194"/>
                      <a:pt x="155" y="194"/>
                      <a:pt x="155" y="194"/>
                    </a:cubicBezTo>
                    <a:cubicBezTo>
                      <a:pt x="155" y="194"/>
                      <a:pt x="155" y="194"/>
                      <a:pt x="155" y="194"/>
                    </a:cubicBezTo>
                    <a:cubicBezTo>
                      <a:pt x="154" y="194"/>
                      <a:pt x="155" y="195"/>
                      <a:pt x="155" y="196"/>
                    </a:cubicBezTo>
                    <a:cubicBezTo>
                      <a:pt x="155" y="196"/>
                      <a:pt x="155" y="196"/>
                      <a:pt x="155" y="196"/>
                    </a:cubicBezTo>
                    <a:cubicBezTo>
                      <a:pt x="155" y="198"/>
                      <a:pt x="155" y="198"/>
                      <a:pt x="155" y="198"/>
                    </a:cubicBezTo>
                    <a:cubicBezTo>
                      <a:pt x="153" y="197"/>
                      <a:pt x="153" y="197"/>
                      <a:pt x="153" y="197"/>
                    </a:cubicBezTo>
                    <a:cubicBezTo>
                      <a:pt x="153" y="197"/>
                      <a:pt x="153" y="197"/>
                      <a:pt x="153" y="197"/>
                    </a:cubicBezTo>
                    <a:cubicBezTo>
                      <a:pt x="153" y="197"/>
                      <a:pt x="153" y="197"/>
                      <a:pt x="153" y="197"/>
                    </a:cubicBezTo>
                    <a:cubicBezTo>
                      <a:pt x="153" y="197"/>
                      <a:pt x="153" y="197"/>
                      <a:pt x="153" y="198"/>
                    </a:cubicBezTo>
                    <a:cubicBezTo>
                      <a:pt x="153" y="198"/>
                      <a:pt x="153" y="198"/>
                      <a:pt x="153" y="198"/>
                    </a:cubicBezTo>
                    <a:cubicBezTo>
                      <a:pt x="153" y="199"/>
                      <a:pt x="153" y="199"/>
                      <a:pt x="153" y="199"/>
                    </a:cubicBezTo>
                    <a:cubicBezTo>
                      <a:pt x="152" y="199"/>
                      <a:pt x="152" y="200"/>
                      <a:pt x="151" y="201"/>
                    </a:cubicBezTo>
                    <a:cubicBezTo>
                      <a:pt x="151" y="203"/>
                      <a:pt x="151" y="205"/>
                      <a:pt x="151" y="207"/>
                    </a:cubicBezTo>
                    <a:cubicBezTo>
                      <a:pt x="151" y="209"/>
                      <a:pt x="151" y="211"/>
                      <a:pt x="151" y="213"/>
                    </a:cubicBezTo>
                    <a:cubicBezTo>
                      <a:pt x="151" y="217"/>
                      <a:pt x="151" y="220"/>
                      <a:pt x="151" y="223"/>
                    </a:cubicBezTo>
                    <a:cubicBezTo>
                      <a:pt x="151" y="224"/>
                      <a:pt x="151" y="224"/>
                      <a:pt x="151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4"/>
                      <a:pt x="149" y="224"/>
                      <a:pt x="149" y="224"/>
                    </a:cubicBezTo>
                    <a:cubicBezTo>
                      <a:pt x="149" y="225"/>
                      <a:pt x="149" y="225"/>
                      <a:pt x="149" y="226"/>
                    </a:cubicBezTo>
                    <a:cubicBezTo>
                      <a:pt x="148" y="226"/>
                      <a:pt x="148" y="226"/>
                      <a:pt x="148" y="227"/>
                    </a:cubicBezTo>
                    <a:cubicBezTo>
                      <a:pt x="147" y="228"/>
                      <a:pt x="147" y="229"/>
                      <a:pt x="147" y="231"/>
                    </a:cubicBezTo>
                    <a:cubicBezTo>
                      <a:pt x="147" y="232"/>
                      <a:pt x="147" y="234"/>
                      <a:pt x="147" y="236"/>
                    </a:cubicBezTo>
                    <a:cubicBezTo>
                      <a:pt x="147" y="236"/>
                      <a:pt x="147" y="237"/>
                      <a:pt x="147" y="237"/>
                    </a:cubicBezTo>
                    <a:cubicBezTo>
                      <a:pt x="147" y="238"/>
                      <a:pt x="147" y="239"/>
                      <a:pt x="147" y="240"/>
                    </a:cubicBezTo>
                    <a:cubicBezTo>
                      <a:pt x="147" y="241"/>
                      <a:pt x="147" y="242"/>
                      <a:pt x="146" y="242"/>
                    </a:cubicBezTo>
                    <a:cubicBezTo>
                      <a:pt x="146" y="243"/>
                      <a:pt x="145" y="243"/>
                      <a:pt x="145" y="243"/>
                    </a:cubicBezTo>
                    <a:cubicBezTo>
                      <a:pt x="143" y="244"/>
                      <a:pt x="142" y="246"/>
                      <a:pt x="140" y="248"/>
                    </a:cubicBezTo>
                    <a:cubicBezTo>
                      <a:pt x="140" y="248"/>
                      <a:pt x="139" y="249"/>
                      <a:pt x="138" y="250"/>
                    </a:cubicBezTo>
                    <a:cubicBezTo>
                      <a:pt x="138" y="250"/>
                      <a:pt x="138" y="251"/>
                      <a:pt x="138" y="251"/>
                    </a:cubicBezTo>
                    <a:cubicBezTo>
                      <a:pt x="138" y="252"/>
                      <a:pt x="138" y="252"/>
                      <a:pt x="138" y="252"/>
                    </a:cubicBezTo>
                    <a:cubicBezTo>
                      <a:pt x="138" y="253"/>
                      <a:pt x="138" y="255"/>
                      <a:pt x="137" y="256"/>
                    </a:cubicBezTo>
                    <a:cubicBezTo>
                      <a:pt x="137" y="256"/>
                      <a:pt x="136" y="256"/>
                      <a:pt x="136" y="257"/>
                    </a:cubicBezTo>
                    <a:cubicBezTo>
                      <a:pt x="135" y="257"/>
                      <a:pt x="135" y="257"/>
                      <a:pt x="135" y="257"/>
                    </a:cubicBezTo>
                    <a:cubicBezTo>
                      <a:pt x="134" y="257"/>
                      <a:pt x="134" y="258"/>
                      <a:pt x="133" y="258"/>
                    </a:cubicBezTo>
                    <a:cubicBezTo>
                      <a:pt x="133" y="259"/>
                      <a:pt x="133" y="259"/>
                      <a:pt x="133" y="260"/>
                    </a:cubicBezTo>
                    <a:cubicBezTo>
                      <a:pt x="133" y="262"/>
                      <a:pt x="133" y="262"/>
                      <a:pt x="133" y="262"/>
                    </a:cubicBezTo>
                    <a:cubicBezTo>
                      <a:pt x="132" y="262"/>
                      <a:pt x="132" y="262"/>
                      <a:pt x="132" y="262"/>
                    </a:cubicBezTo>
                    <a:cubicBezTo>
                      <a:pt x="131" y="262"/>
                      <a:pt x="131" y="262"/>
                      <a:pt x="131" y="262"/>
                    </a:cubicBezTo>
                    <a:cubicBezTo>
                      <a:pt x="131" y="262"/>
                      <a:pt x="131" y="263"/>
                      <a:pt x="131" y="264"/>
                    </a:cubicBezTo>
                    <a:cubicBezTo>
                      <a:pt x="131" y="265"/>
                      <a:pt x="131" y="265"/>
                      <a:pt x="131" y="265"/>
                    </a:cubicBezTo>
                    <a:cubicBezTo>
                      <a:pt x="131" y="267"/>
                      <a:pt x="131" y="268"/>
                      <a:pt x="131" y="270"/>
                    </a:cubicBezTo>
                    <a:cubicBezTo>
                      <a:pt x="131" y="273"/>
                      <a:pt x="129" y="274"/>
                      <a:pt x="128" y="274"/>
                    </a:cubicBezTo>
                    <a:cubicBezTo>
                      <a:pt x="128" y="274"/>
                      <a:pt x="127" y="274"/>
                      <a:pt x="127" y="274"/>
                    </a:cubicBezTo>
                    <a:cubicBezTo>
                      <a:pt x="126" y="274"/>
                      <a:pt x="126" y="274"/>
                      <a:pt x="126" y="274"/>
                    </a:cubicBezTo>
                    <a:cubicBezTo>
                      <a:pt x="126" y="274"/>
                      <a:pt x="126" y="274"/>
                      <a:pt x="126" y="274"/>
                    </a:cubicBezTo>
                    <a:cubicBezTo>
                      <a:pt x="126" y="274"/>
                      <a:pt x="126" y="275"/>
                      <a:pt x="126" y="275"/>
                    </a:cubicBezTo>
                    <a:cubicBezTo>
                      <a:pt x="126" y="276"/>
                      <a:pt x="126" y="276"/>
                      <a:pt x="126" y="276"/>
                    </a:cubicBezTo>
                    <a:cubicBezTo>
                      <a:pt x="124" y="276"/>
                      <a:pt x="124" y="276"/>
                      <a:pt x="124" y="276"/>
                    </a:cubicBezTo>
                    <a:cubicBezTo>
                      <a:pt x="124" y="276"/>
                      <a:pt x="124" y="276"/>
                      <a:pt x="124" y="276"/>
                    </a:cubicBezTo>
                    <a:cubicBezTo>
                      <a:pt x="124" y="276"/>
                      <a:pt x="124" y="276"/>
                      <a:pt x="124" y="276"/>
                    </a:cubicBezTo>
                    <a:cubicBezTo>
                      <a:pt x="124" y="276"/>
                      <a:pt x="124" y="276"/>
                      <a:pt x="124" y="276"/>
                    </a:cubicBezTo>
                    <a:cubicBezTo>
                      <a:pt x="124" y="276"/>
                      <a:pt x="124" y="276"/>
                      <a:pt x="124" y="277"/>
                    </a:cubicBezTo>
                    <a:cubicBezTo>
                      <a:pt x="124" y="277"/>
                      <a:pt x="124" y="278"/>
                      <a:pt x="123" y="278"/>
                    </a:cubicBezTo>
                    <a:cubicBezTo>
                      <a:pt x="123" y="278"/>
                      <a:pt x="123" y="278"/>
                      <a:pt x="123" y="278"/>
                    </a:cubicBezTo>
                    <a:cubicBezTo>
                      <a:pt x="122" y="279"/>
                      <a:pt x="122" y="280"/>
                      <a:pt x="122" y="281"/>
                    </a:cubicBezTo>
                    <a:cubicBezTo>
                      <a:pt x="122" y="281"/>
                      <a:pt x="123" y="281"/>
                      <a:pt x="123" y="281"/>
                    </a:cubicBezTo>
                    <a:cubicBezTo>
                      <a:pt x="124" y="281"/>
                      <a:pt x="124" y="282"/>
                      <a:pt x="124" y="283"/>
                    </a:cubicBezTo>
                    <a:cubicBezTo>
                      <a:pt x="124" y="284"/>
                      <a:pt x="124" y="284"/>
                      <a:pt x="124" y="284"/>
                    </a:cubicBezTo>
                    <a:cubicBezTo>
                      <a:pt x="124" y="285"/>
                      <a:pt x="124" y="285"/>
                      <a:pt x="124" y="286"/>
                    </a:cubicBezTo>
                    <a:cubicBezTo>
                      <a:pt x="124" y="287"/>
                      <a:pt x="124" y="288"/>
                      <a:pt x="124" y="288"/>
                    </a:cubicBezTo>
                    <a:cubicBezTo>
                      <a:pt x="124" y="289"/>
                      <a:pt x="124" y="290"/>
                      <a:pt x="122" y="291"/>
                    </a:cubicBezTo>
                    <a:cubicBezTo>
                      <a:pt x="121" y="291"/>
                      <a:pt x="121" y="291"/>
                      <a:pt x="120" y="291"/>
                    </a:cubicBezTo>
                    <a:cubicBezTo>
                      <a:pt x="120" y="291"/>
                      <a:pt x="119" y="291"/>
                      <a:pt x="119" y="291"/>
                    </a:cubicBezTo>
                    <a:cubicBezTo>
                      <a:pt x="118" y="291"/>
                      <a:pt x="117" y="290"/>
                      <a:pt x="117" y="290"/>
                    </a:cubicBezTo>
                    <a:cubicBezTo>
                      <a:pt x="117" y="290"/>
                      <a:pt x="116" y="290"/>
                      <a:pt x="116" y="291"/>
                    </a:cubicBezTo>
                    <a:cubicBezTo>
                      <a:pt x="115" y="291"/>
                      <a:pt x="113" y="291"/>
                      <a:pt x="112" y="291"/>
                    </a:cubicBezTo>
                    <a:cubicBezTo>
                      <a:pt x="110" y="293"/>
                      <a:pt x="110" y="295"/>
                      <a:pt x="110" y="298"/>
                    </a:cubicBezTo>
                    <a:cubicBezTo>
                      <a:pt x="110" y="299"/>
                      <a:pt x="110" y="299"/>
                      <a:pt x="110" y="299"/>
                    </a:cubicBezTo>
                    <a:cubicBezTo>
                      <a:pt x="109" y="299"/>
                      <a:pt x="109" y="299"/>
                      <a:pt x="109" y="299"/>
                    </a:cubicBezTo>
                    <a:cubicBezTo>
                      <a:pt x="108" y="300"/>
                      <a:pt x="107" y="301"/>
                      <a:pt x="106" y="301"/>
                    </a:cubicBezTo>
                    <a:cubicBezTo>
                      <a:pt x="106" y="302"/>
                      <a:pt x="106" y="302"/>
                      <a:pt x="106" y="302"/>
                    </a:cubicBezTo>
                    <a:cubicBezTo>
                      <a:pt x="106" y="303"/>
                      <a:pt x="105" y="303"/>
                      <a:pt x="105" y="303"/>
                    </a:cubicBezTo>
                    <a:cubicBezTo>
                      <a:pt x="104" y="303"/>
                      <a:pt x="104" y="303"/>
                      <a:pt x="104" y="303"/>
                    </a:cubicBezTo>
                    <a:cubicBezTo>
                      <a:pt x="104" y="303"/>
                      <a:pt x="104" y="303"/>
                      <a:pt x="104" y="303"/>
                    </a:cubicBezTo>
                    <a:cubicBezTo>
                      <a:pt x="102" y="303"/>
                      <a:pt x="102" y="303"/>
                      <a:pt x="102" y="303"/>
                    </a:cubicBezTo>
                    <a:cubicBezTo>
                      <a:pt x="100" y="304"/>
                      <a:pt x="98" y="304"/>
                      <a:pt x="96" y="305"/>
                    </a:cubicBezTo>
                    <a:cubicBezTo>
                      <a:pt x="96" y="305"/>
                      <a:pt x="94" y="305"/>
                      <a:pt x="94" y="305"/>
                    </a:cubicBezTo>
                    <a:cubicBezTo>
                      <a:pt x="92" y="305"/>
                      <a:pt x="90" y="305"/>
                      <a:pt x="89" y="305"/>
                    </a:cubicBezTo>
                    <a:cubicBezTo>
                      <a:pt x="89" y="305"/>
                      <a:pt x="89" y="306"/>
                      <a:pt x="88" y="306"/>
                    </a:cubicBezTo>
                    <a:cubicBezTo>
                      <a:pt x="88" y="306"/>
                      <a:pt x="87" y="307"/>
                      <a:pt x="87" y="307"/>
                    </a:cubicBezTo>
                    <a:close/>
                    <a:moveTo>
                      <a:pt x="65" y="49"/>
                    </a:moveTo>
                    <a:cubicBezTo>
                      <a:pt x="65" y="49"/>
                      <a:pt x="65" y="50"/>
                      <a:pt x="66" y="50"/>
                    </a:cubicBezTo>
                    <a:cubicBezTo>
                      <a:pt x="66" y="49"/>
                      <a:pt x="66" y="49"/>
                      <a:pt x="66" y="49"/>
                    </a:cubicBezTo>
                    <a:cubicBezTo>
                      <a:pt x="66" y="49"/>
                      <a:pt x="66" y="49"/>
                      <a:pt x="66" y="49"/>
                    </a:cubicBezTo>
                    <a:cubicBezTo>
                      <a:pt x="66" y="48"/>
                      <a:pt x="65" y="48"/>
                      <a:pt x="65" y="47"/>
                    </a:cubicBezTo>
                    <a:cubicBezTo>
                      <a:pt x="65" y="47"/>
                      <a:pt x="64" y="47"/>
                      <a:pt x="64" y="47"/>
                    </a:cubicBezTo>
                    <a:cubicBezTo>
                      <a:pt x="63" y="46"/>
                      <a:pt x="63" y="46"/>
                      <a:pt x="62" y="46"/>
                    </a:cubicBezTo>
                    <a:cubicBezTo>
                      <a:pt x="62" y="46"/>
                      <a:pt x="62" y="46"/>
                      <a:pt x="61" y="45"/>
                    </a:cubicBezTo>
                    <a:cubicBezTo>
                      <a:pt x="61" y="45"/>
                      <a:pt x="60" y="45"/>
                      <a:pt x="60" y="45"/>
                    </a:cubicBezTo>
                    <a:cubicBezTo>
                      <a:pt x="59" y="45"/>
                      <a:pt x="59" y="45"/>
                      <a:pt x="59" y="45"/>
                    </a:cubicBezTo>
                    <a:cubicBezTo>
                      <a:pt x="59" y="43"/>
                      <a:pt x="59" y="43"/>
                      <a:pt x="59" y="43"/>
                    </a:cubicBezTo>
                    <a:cubicBezTo>
                      <a:pt x="59" y="43"/>
                      <a:pt x="59" y="43"/>
                      <a:pt x="59" y="43"/>
                    </a:cubicBezTo>
                    <a:cubicBezTo>
                      <a:pt x="59" y="43"/>
                      <a:pt x="58" y="43"/>
                      <a:pt x="58" y="43"/>
                    </a:cubicBezTo>
                    <a:cubicBezTo>
                      <a:pt x="57" y="43"/>
                      <a:pt x="57" y="43"/>
                      <a:pt x="57" y="43"/>
                    </a:cubicBezTo>
                    <a:cubicBezTo>
                      <a:pt x="57" y="43"/>
                      <a:pt x="58" y="43"/>
                      <a:pt x="58" y="43"/>
                    </a:cubicBezTo>
                    <a:cubicBezTo>
                      <a:pt x="58" y="45"/>
                      <a:pt x="59" y="46"/>
                      <a:pt x="60" y="46"/>
                    </a:cubicBezTo>
                    <a:cubicBezTo>
                      <a:pt x="61" y="46"/>
                      <a:pt x="61" y="46"/>
                      <a:pt x="61" y="46"/>
                    </a:cubicBezTo>
                    <a:cubicBezTo>
                      <a:pt x="61" y="47"/>
                      <a:pt x="61" y="47"/>
                      <a:pt x="61" y="47"/>
                    </a:cubicBezTo>
                    <a:cubicBezTo>
                      <a:pt x="61" y="48"/>
                      <a:pt x="61" y="48"/>
                      <a:pt x="61" y="48"/>
                    </a:cubicBezTo>
                    <a:cubicBezTo>
                      <a:pt x="61" y="48"/>
                      <a:pt x="61" y="48"/>
                      <a:pt x="61" y="48"/>
                    </a:cubicBezTo>
                    <a:cubicBezTo>
                      <a:pt x="61" y="48"/>
                      <a:pt x="61" y="48"/>
                      <a:pt x="62" y="48"/>
                    </a:cubicBezTo>
                    <a:cubicBezTo>
                      <a:pt x="63" y="48"/>
                      <a:pt x="63" y="48"/>
                      <a:pt x="63" y="48"/>
                    </a:cubicBezTo>
                    <a:cubicBezTo>
                      <a:pt x="63" y="48"/>
                      <a:pt x="63" y="48"/>
                      <a:pt x="64" y="48"/>
                    </a:cubicBezTo>
                    <a:cubicBezTo>
                      <a:pt x="65" y="48"/>
                      <a:pt x="65" y="48"/>
                      <a:pt x="65" y="48"/>
                    </a:cubicBezTo>
                    <a:cubicBezTo>
                      <a:pt x="65" y="49"/>
                      <a:pt x="65" y="49"/>
                      <a:pt x="65" y="49"/>
                    </a:cubicBezTo>
                    <a:cubicBezTo>
                      <a:pt x="65" y="49"/>
                      <a:pt x="65" y="49"/>
                      <a:pt x="65" y="49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2" name="Freeform 19"/>
              <p:cNvSpPr/>
              <p:nvPr/>
            </p:nvSpPr>
            <p:spPr bwMode="auto">
              <a:xfrm>
                <a:off x="1181949" y="2094893"/>
                <a:ext cx="1837431" cy="3870467"/>
              </a:xfrm>
              <a:custGeom>
                <a:avLst/>
                <a:gdLst>
                  <a:gd name="T0" fmla="*/ 97 w 169"/>
                  <a:gd name="T1" fmla="*/ 351 h 355"/>
                  <a:gd name="T2" fmla="*/ 88 w 169"/>
                  <a:gd name="T3" fmla="*/ 341 h 355"/>
                  <a:gd name="T4" fmla="*/ 77 w 169"/>
                  <a:gd name="T5" fmla="*/ 327 h 355"/>
                  <a:gd name="T6" fmla="*/ 70 w 169"/>
                  <a:gd name="T7" fmla="*/ 307 h 355"/>
                  <a:gd name="T8" fmla="*/ 66 w 169"/>
                  <a:gd name="T9" fmla="*/ 276 h 355"/>
                  <a:gd name="T10" fmla="*/ 62 w 169"/>
                  <a:gd name="T11" fmla="*/ 268 h 355"/>
                  <a:gd name="T12" fmla="*/ 55 w 169"/>
                  <a:gd name="T13" fmla="*/ 256 h 355"/>
                  <a:gd name="T14" fmla="*/ 43 w 169"/>
                  <a:gd name="T15" fmla="*/ 245 h 355"/>
                  <a:gd name="T16" fmla="*/ 38 w 169"/>
                  <a:gd name="T17" fmla="*/ 229 h 355"/>
                  <a:gd name="T18" fmla="*/ 32 w 169"/>
                  <a:gd name="T19" fmla="*/ 218 h 355"/>
                  <a:gd name="T20" fmla="*/ 28 w 169"/>
                  <a:gd name="T21" fmla="*/ 197 h 355"/>
                  <a:gd name="T22" fmla="*/ 32 w 169"/>
                  <a:gd name="T23" fmla="*/ 183 h 355"/>
                  <a:gd name="T24" fmla="*/ 29 w 169"/>
                  <a:gd name="T25" fmla="*/ 162 h 355"/>
                  <a:gd name="T26" fmla="*/ 21 w 169"/>
                  <a:gd name="T27" fmla="*/ 152 h 355"/>
                  <a:gd name="T28" fmla="*/ 14 w 169"/>
                  <a:gd name="T29" fmla="*/ 143 h 355"/>
                  <a:gd name="T30" fmla="*/ 6 w 169"/>
                  <a:gd name="T31" fmla="*/ 136 h 355"/>
                  <a:gd name="T32" fmla="*/ 3 w 169"/>
                  <a:gd name="T33" fmla="*/ 104 h 355"/>
                  <a:gd name="T34" fmla="*/ 105 w 169"/>
                  <a:gd name="T35" fmla="*/ 0 h 355"/>
                  <a:gd name="T36" fmla="*/ 101 w 169"/>
                  <a:gd name="T37" fmla="*/ 12 h 355"/>
                  <a:gd name="T38" fmla="*/ 94 w 169"/>
                  <a:gd name="T39" fmla="*/ 18 h 355"/>
                  <a:gd name="T40" fmla="*/ 92 w 169"/>
                  <a:gd name="T41" fmla="*/ 29 h 355"/>
                  <a:gd name="T42" fmla="*/ 102 w 169"/>
                  <a:gd name="T43" fmla="*/ 15 h 355"/>
                  <a:gd name="T44" fmla="*/ 121 w 169"/>
                  <a:gd name="T45" fmla="*/ 15 h 355"/>
                  <a:gd name="T46" fmla="*/ 128 w 169"/>
                  <a:gd name="T47" fmla="*/ 30 h 355"/>
                  <a:gd name="T48" fmla="*/ 117 w 169"/>
                  <a:gd name="T49" fmla="*/ 33 h 355"/>
                  <a:gd name="T50" fmla="*/ 96 w 169"/>
                  <a:gd name="T51" fmla="*/ 39 h 355"/>
                  <a:gd name="T52" fmla="*/ 98 w 169"/>
                  <a:gd name="T53" fmla="*/ 44 h 355"/>
                  <a:gd name="T54" fmla="*/ 89 w 169"/>
                  <a:gd name="T55" fmla="*/ 49 h 355"/>
                  <a:gd name="T56" fmla="*/ 80 w 169"/>
                  <a:gd name="T57" fmla="*/ 58 h 355"/>
                  <a:gd name="T58" fmla="*/ 67 w 169"/>
                  <a:gd name="T59" fmla="*/ 73 h 355"/>
                  <a:gd name="T60" fmla="*/ 56 w 169"/>
                  <a:gd name="T61" fmla="*/ 84 h 355"/>
                  <a:gd name="T62" fmla="*/ 49 w 169"/>
                  <a:gd name="T63" fmla="*/ 93 h 355"/>
                  <a:gd name="T64" fmla="*/ 41 w 169"/>
                  <a:gd name="T65" fmla="*/ 101 h 355"/>
                  <a:gd name="T66" fmla="*/ 27 w 169"/>
                  <a:gd name="T67" fmla="*/ 91 h 355"/>
                  <a:gd name="T68" fmla="*/ 17 w 169"/>
                  <a:gd name="T69" fmla="*/ 103 h 355"/>
                  <a:gd name="T70" fmla="*/ 13 w 169"/>
                  <a:gd name="T71" fmla="*/ 116 h 355"/>
                  <a:gd name="T72" fmla="*/ 11 w 169"/>
                  <a:gd name="T73" fmla="*/ 122 h 355"/>
                  <a:gd name="T74" fmla="*/ 19 w 169"/>
                  <a:gd name="T75" fmla="*/ 119 h 355"/>
                  <a:gd name="T76" fmla="*/ 22 w 169"/>
                  <a:gd name="T77" fmla="*/ 125 h 355"/>
                  <a:gd name="T78" fmla="*/ 25 w 169"/>
                  <a:gd name="T79" fmla="*/ 133 h 355"/>
                  <a:gd name="T80" fmla="*/ 26 w 169"/>
                  <a:gd name="T81" fmla="*/ 153 h 355"/>
                  <a:gd name="T82" fmla="*/ 38 w 169"/>
                  <a:gd name="T83" fmla="*/ 158 h 355"/>
                  <a:gd name="T84" fmla="*/ 41 w 169"/>
                  <a:gd name="T85" fmla="*/ 151 h 355"/>
                  <a:gd name="T86" fmla="*/ 56 w 169"/>
                  <a:gd name="T87" fmla="*/ 147 h 355"/>
                  <a:gd name="T88" fmla="*/ 77 w 169"/>
                  <a:gd name="T89" fmla="*/ 153 h 355"/>
                  <a:gd name="T90" fmla="*/ 88 w 169"/>
                  <a:gd name="T91" fmla="*/ 162 h 355"/>
                  <a:gd name="T92" fmla="*/ 107 w 169"/>
                  <a:gd name="T93" fmla="*/ 171 h 355"/>
                  <a:gd name="T94" fmla="*/ 116 w 169"/>
                  <a:gd name="T95" fmla="*/ 180 h 355"/>
                  <a:gd name="T96" fmla="*/ 113 w 169"/>
                  <a:gd name="T97" fmla="*/ 192 h 355"/>
                  <a:gd name="T98" fmla="*/ 130 w 169"/>
                  <a:gd name="T99" fmla="*/ 195 h 355"/>
                  <a:gd name="T100" fmla="*/ 150 w 169"/>
                  <a:gd name="T101" fmla="*/ 199 h 355"/>
                  <a:gd name="T102" fmla="*/ 168 w 169"/>
                  <a:gd name="T103" fmla="*/ 207 h 355"/>
                  <a:gd name="T104" fmla="*/ 169 w 169"/>
                  <a:gd name="T105" fmla="*/ 220 h 355"/>
                  <a:gd name="T106" fmla="*/ 159 w 169"/>
                  <a:gd name="T107" fmla="*/ 234 h 355"/>
                  <a:gd name="T108" fmla="*/ 155 w 169"/>
                  <a:gd name="T109" fmla="*/ 257 h 355"/>
                  <a:gd name="T110" fmla="*/ 141 w 169"/>
                  <a:gd name="T111" fmla="*/ 272 h 355"/>
                  <a:gd name="T112" fmla="*/ 124 w 169"/>
                  <a:gd name="T113" fmla="*/ 280 h 355"/>
                  <a:gd name="T114" fmla="*/ 115 w 169"/>
                  <a:gd name="T115" fmla="*/ 306 h 355"/>
                  <a:gd name="T116" fmla="*/ 108 w 169"/>
                  <a:gd name="T117" fmla="*/ 319 h 355"/>
                  <a:gd name="T118" fmla="*/ 98 w 169"/>
                  <a:gd name="T119" fmla="*/ 326 h 355"/>
                  <a:gd name="T120" fmla="*/ 103 w 169"/>
                  <a:gd name="T121" fmla="*/ 343 h 355"/>
                  <a:gd name="T122" fmla="*/ 106 w 169"/>
                  <a:gd name="T123" fmla="*/ 354 h 35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  <a:cxn ang="0">
                    <a:pos x="T76" y="T77"/>
                  </a:cxn>
                  <a:cxn ang="0">
                    <a:pos x="T78" y="T79"/>
                  </a:cxn>
                  <a:cxn ang="0">
                    <a:pos x="T80" y="T81"/>
                  </a:cxn>
                  <a:cxn ang="0">
                    <a:pos x="T82" y="T83"/>
                  </a:cxn>
                  <a:cxn ang="0">
                    <a:pos x="T84" y="T85"/>
                  </a:cxn>
                  <a:cxn ang="0">
                    <a:pos x="T86" y="T87"/>
                  </a:cxn>
                  <a:cxn ang="0">
                    <a:pos x="T88" y="T89"/>
                  </a:cxn>
                  <a:cxn ang="0">
                    <a:pos x="T90" y="T91"/>
                  </a:cxn>
                  <a:cxn ang="0">
                    <a:pos x="T92" y="T93"/>
                  </a:cxn>
                  <a:cxn ang="0">
                    <a:pos x="T94" y="T95"/>
                  </a:cxn>
                  <a:cxn ang="0">
                    <a:pos x="T96" y="T97"/>
                  </a:cxn>
                  <a:cxn ang="0">
                    <a:pos x="T98" y="T99"/>
                  </a:cxn>
                  <a:cxn ang="0">
                    <a:pos x="T100" y="T101"/>
                  </a:cxn>
                  <a:cxn ang="0">
                    <a:pos x="T102" y="T103"/>
                  </a:cxn>
                  <a:cxn ang="0">
                    <a:pos x="T104" y="T105"/>
                  </a:cxn>
                  <a:cxn ang="0">
                    <a:pos x="T106" y="T107"/>
                  </a:cxn>
                  <a:cxn ang="0">
                    <a:pos x="T108" y="T109"/>
                  </a:cxn>
                  <a:cxn ang="0">
                    <a:pos x="T110" y="T111"/>
                  </a:cxn>
                  <a:cxn ang="0">
                    <a:pos x="T112" y="T113"/>
                  </a:cxn>
                  <a:cxn ang="0">
                    <a:pos x="T114" y="T115"/>
                  </a:cxn>
                  <a:cxn ang="0">
                    <a:pos x="T116" y="T117"/>
                  </a:cxn>
                  <a:cxn ang="0">
                    <a:pos x="T118" y="T119"/>
                  </a:cxn>
                  <a:cxn ang="0">
                    <a:pos x="T120" y="T121"/>
                  </a:cxn>
                  <a:cxn ang="0">
                    <a:pos x="T122" y="T123"/>
                  </a:cxn>
                </a:cxnLst>
                <a:rect l="0" t="0" r="r" b="b"/>
                <a:pathLst>
                  <a:path w="169" h="355">
                    <a:moveTo>
                      <a:pt x="104" y="355"/>
                    </a:moveTo>
                    <a:cubicBezTo>
                      <a:pt x="103" y="355"/>
                      <a:pt x="102" y="355"/>
                      <a:pt x="102" y="354"/>
                    </a:cubicBezTo>
                    <a:cubicBezTo>
                      <a:pt x="102" y="354"/>
                      <a:pt x="102" y="354"/>
                      <a:pt x="102" y="354"/>
                    </a:cubicBezTo>
                    <a:cubicBezTo>
                      <a:pt x="100" y="354"/>
                      <a:pt x="100" y="354"/>
                      <a:pt x="100" y="354"/>
                    </a:cubicBezTo>
                    <a:cubicBezTo>
                      <a:pt x="101" y="353"/>
                      <a:pt x="101" y="353"/>
                      <a:pt x="101" y="353"/>
                    </a:cubicBezTo>
                    <a:cubicBezTo>
                      <a:pt x="101" y="353"/>
                      <a:pt x="101" y="353"/>
                      <a:pt x="101" y="353"/>
                    </a:cubicBezTo>
                    <a:cubicBezTo>
                      <a:pt x="101" y="353"/>
                      <a:pt x="101" y="353"/>
                      <a:pt x="101" y="353"/>
                    </a:cubicBezTo>
                    <a:cubicBezTo>
                      <a:pt x="101" y="353"/>
                      <a:pt x="100" y="353"/>
                      <a:pt x="99" y="353"/>
                    </a:cubicBezTo>
                    <a:cubicBezTo>
                      <a:pt x="99" y="353"/>
                      <a:pt x="99" y="353"/>
                      <a:pt x="99" y="353"/>
                    </a:cubicBezTo>
                    <a:cubicBezTo>
                      <a:pt x="98" y="353"/>
                      <a:pt x="98" y="353"/>
                      <a:pt x="98" y="353"/>
                    </a:cubicBezTo>
                    <a:cubicBezTo>
                      <a:pt x="97" y="353"/>
                      <a:pt x="97" y="353"/>
                      <a:pt x="97" y="353"/>
                    </a:cubicBezTo>
                    <a:cubicBezTo>
                      <a:pt x="97" y="351"/>
                      <a:pt x="97" y="351"/>
                      <a:pt x="97" y="351"/>
                    </a:cubicBezTo>
                    <a:cubicBezTo>
                      <a:pt x="97" y="351"/>
                      <a:pt x="97" y="351"/>
                      <a:pt x="97" y="351"/>
                    </a:cubicBezTo>
                    <a:cubicBezTo>
                      <a:pt x="97" y="351"/>
                      <a:pt x="97" y="351"/>
                      <a:pt x="97" y="351"/>
                    </a:cubicBezTo>
                    <a:cubicBezTo>
                      <a:pt x="97" y="351"/>
                      <a:pt x="97" y="351"/>
                      <a:pt x="97" y="351"/>
                    </a:cubicBezTo>
                    <a:cubicBezTo>
                      <a:pt x="96" y="351"/>
                      <a:pt x="96" y="351"/>
                      <a:pt x="96" y="351"/>
                    </a:cubicBezTo>
                    <a:cubicBezTo>
                      <a:pt x="95" y="351"/>
                      <a:pt x="95" y="351"/>
                      <a:pt x="94" y="350"/>
                    </a:cubicBezTo>
                    <a:cubicBezTo>
                      <a:pt x="93" y="349"/>
                      <a:pt x="93" y="349"/>
                      <a:pt x="93" y="349"/>
                    </a:cubicBezTo>
                    <a:cubicBezTo>
                      <a:pt x="92" y="349"/>
                      <a:pt x="92" y="348"/>
                      <a:pt x="91" y="348"/>
                    </a:cubicBezTo>
                    <a:cubicBezTo>
                      <a:pt x="91" y="348"/>
                      <a:pt x="91" y="348"/>
                      <a:pt x="91" y="347"/>
                    </a:cubicBezTo>
                    <a:cubicBezTo>
                      <a:pt x="91" y="347"/>
                      <a:pt x="91" y="346"/>
                      <a:pt x="90" y="346"/>
                    </a:cubicBezTo>
                    <a:cubicBezTo>
                      <a:pt x="90" y="346"/>
                      <a:pt x="89" y="346"/>
                      <a:pt x="89" y="345"/>
                    </a:cubicBezTo>
                    <a:cubicBezTo>
                      <a:pt x="88" y="345"/>
                      <a:pt x="88" y="344"/>
                      <a:pt x="88" y="344"/>
                    </a:cubicBezTo>
                    <a:cubicBezTo>
                      <a:pt x="88" y="344"/>
                      <a:pt x="88" y="343"/>
                      <a:pt x="88" y="343"/>
                    </a:cubicBezTo>
                    <a:cubicBezTo>
                      <a:pt x="88" y="343"/>
                      <a:pt x="88" y="343"/>
                      <a:pt x="88" y="343"/>
                    </a:cubicBezTo>
                    <a:cubicBezTo>
                      <a:pt x="88" y="343"/>
                      <a:pt x="88" y="342"/>
                      <a:pt x="88" y="342"/>
                    </a:cubicBezTo>
                    <a:cubicBezTo>
                      <a:pt x="88" y="342"/>
                      <a:pt x="88" y="342"/>
                      <a:pt x="88" y="342"/>
                    </a:cubicBezTo>
                    <a:cubicBezTo>
                      <a:pt x="88" y="341"/>
                      <a:pt x="88" y="341"/>
                      <a:pt x="88" y="341"/>
                    </a:cubicBezTo>
                    <a:cubicBezTo>
                      <a:pt x="88" y="340"/>
                      <a:pt x="87" y="339"/>
                      <a:pt x="86" y="338"/>
                    </a:cubicBezTo>
                    <a:cubicBezTo>
                      <a:pt x="85" y="338"/>
                      <a:pt x="85" y="337"/>
                      <a:pt x="84" y="337"/>
                    </a:cubicBezTo>
                    <a:cubicBezTo>
                      <a:pt x="83" y="336"/>
                      <a:pt x="83" y="334"/>
                      <a:pt x="83" y="333"/>
                    </a:cubicBezTo>
                    <a:cubicBezTo>
                      <a:pt x="83" y="333"/>
                      <a:pt x="83" y="333"/>
                      <a:pt x="83" y="333"/>
                    </a:cubicBezTo>
                    <a:cubicBezTo>
                      <a:pt x="82" y="333"/>
                      <a:pt x="82" y="333"/>
                      <a:pt x="82" y="333"/>
                    </a:cubicBezTo>
                    <a:cubicBezTo>
                      <a:pt x="82" y="333"/>
                      <a:pt x="81" y="333"/>
                      <a:pt x="81" y="331"/>
                    </a:cubicBezTo>
                    <a:cubicBezTo>
                      <a:pt x="81" y="331"/>
                      <a:pt x="80" y="331"/>
                      <a:pt x="80" y="330"/>
                    </a:cubicBezTo>
                    <a:cubicBezTo>
                      <a:pt x="80" y="330"/>
                      <a:pt x="79" y="329"/>
                      <a:pt x="79" y="328"/>
                    </a:cubicBezTo>
                    <a:cubicBezTo>
                      <a:pt x="79" y="328"/>
                      <a:pt x="79" y="328"/>
                      <a:pt x="79" y="328"/>
                    </a:cubicBezTo>
                    <a:cubicBezTo>
                      <a:pt x="79" y="328"/>
                      <a:pt x="79" y="328"/>
                      <a:pt x="79" y="328"/>
                    </a:cubicBezTo>
                    <a:cubicBezTo>
                      <a:pt x="79" y="328"/>
                      <a:pt x="79" y="328"/>
                      <a:pt x="79" y="328"/>
                    </a:cubicBezTo>
                    <a:cubicBezTo>
                      <a:pt x="79" y="328"/>
                      <a:pt x="79" y="328"/>
                      <a:pt x="79" y="328"/>
                    </a:cubicBezTo>
                    <a:cubicBezTo>
                      <a:pt x="79" y="328"/>
                      <a:pt x="79" y="328"/>
                      <a:pt x="78" y="328"/>
                    </a:cubicBezTo>
                    <a:cubicBezTo>
                      <a:pt x="77" y="327"/>
                      <a:pt x="77" y="327"/>
                      <a:pt x="77" y="327"/>
                    </a:cubicBezTo>
                    <a:cubicBezTo>
                      <a:pt x="77" y="326"/>
                      <a:pt x="77" y="326"/>
                      <a:pt x="77" y="326"/>
                    </a:cubicBezTo>
                    <a:cubicBezTo>
                      <a:pt x="77" y="325"/>
                      <a:pt x="76" y="325"/>
                      <a:pt x="75" y="324"/>
                    </a:cubicBezTo>
                    <a:cubicBezTo>
                      <a:pt x="75" y="323"/>
                      <a:pt x="75" y="323"/>
                      <a:pt x="75" y="323"/>
                    </a:cubicBezTo>
                    <a:cubicBezTo>
                      <a:pt x="72" y="322"/>
                      <a:pt x="71" y="320"/>
                      <a:pt x="72" y="318"/>
                    </a:cubicBezTo>
                    <a:cubicBezTo>
                      <a:pt x="72" y="317"/>
                      <a:pt x="72" y="317"/>
                      <a:pt x="72" y="316"/>
                    </a:cubicBezTo>
                    <a:cubicBezTo>
                      <a:pt x="72" y="316"/>
                      <a:pt x="72" y="315"/>
                      <a:pt x="72" y="315"/>
                    </a:cubicBezTo>
                    <a:cubicBezTo>
                      <a:pt x="72" y="314"/>
                      <a:pt x="72" y="314"/>
                      <a:pt x="72" y="313"/>
                    </a:cubicBezTo>
                    <a:cubicBezTo>
                      <a:pt x="72" y="313"/>
                      <a:pt x="72" y="312"/>
                      <a:pt x="72" y="312"/>
                    </a:cubicBezTo>
                    <a:cubicBezTo>
                      <a:pt x="72" y="310"/>
                      <a:pt x="72" y="310"/>
                      <a:pt x="72" y="310"/>
                    </a:cubicBezTo>
                    <a:cubicBezTo>
                      <a:pt x="72" y="310"/>
                      <a:pt x="72" y="310"/>
                      <a:pt x="71" y="310"/>
                    </a:cubicBezTo>
                    <a:cubicBezTo>
                      <a:pt x="71" y="310"/>
                      <a:pt x="71" y="310"/>
                      <a:pt x="71" y="310"/>
                    </a:cubicBezTo>
                    <a:cubicBezTo>
                      <a:pt x="70" y="310"/>
                      <a:pt x="70" y="310"/>
                      <a:pt x="70" y="310"/>
                    </a:cubicBezTo>
                    <a:cubicBezTo>
                      <a:pt x="70" y="308"/>
                      <a:pt x="70" y="308"/>
                      <a:pt x="70" y="308"/>
                    </a:cubicBezTo>
                    <a:cubicBezTo>
                      <a:pt x="70" y="308"/>
                      <a:pt x="70" y="307"/>
                      <a:pt x="70" y="307"/>
                    </a:cubicBezTo>
                    <a:cubicBezTo>
                      <a:pt x="70" y="305"/>
                      <a:pt x="70" y="304"/>
                      <a:pt x="70" y="303"/>
                    </a:cubicBezTo>
                    <a:cubicBezTo>
                      <a:pt x="70" y="302"/>
                      <a:pt x="70" y="301"/>
                      <a:pt x="69" y="301"/>
                    </a:cubicBezTo>
                    <a:cubicBezTo>
                      <a:pt x="69" y="301"/>
                      <a:pt x="69" y="301"/>
                      <a:pt x="69" y="301"/>
                    </a:cubicBezTo>
                    <a:cubicBezTo>
                      <a:pt x="69" y="300"/>
                      <a:pt x="68" y="300"/>
                      <a:pt x="68" y="299"/>
                    </a:cubicBezTo>
                    <a:cubicBezTo>
                      <a:pt x="68" y="297"/>
                      <a:pt x="68" y="297"/>
                      <a:pt x="68" y="297"/>
                    </a:cubicBezTo>
                    <a:cubicBezTo>
                      <a:pt x="68" y="297"/>
                      <a:pt x="68" y="297"/>
                      <a:pt x="68" y="297"/>
                    </a:cubicBezTo>
                    <a:cubicBezTo>
                      <a:pt x="68" y="297"/>
                      <a:pt x="68" y="297"/>
                      <a:pt x="68" y="297"/>
                    </a:cubicBezTo>
                    <a:cubicBezTo>
                      <a:pt x="68" y="297"/>
                      <a:pt x="68" y="297"/>
                      <a:pt x="68" y="297"/>
                    </a:cubicBezTo>
                    <a:cubicBezTo>
                      <a:pt x="66" y="297"/>
                      <a:pt x="66" y="297"/>
                      <a:pt x="66" y="297"/>
                    </a:cubicBezTo>
                    <a:cubicBezTo>
                      <a:pt x="66" y="296"/>
                      <a:pt x="66" y="296"/>
                      <a:pt x="66" y="296"/>
                    </a:cubicBezTo>
                    <a:cubicBezTo>
                      <a:pt x="66" y="282"/>
                      <a:pt x="66" y="282"/>
                      <a:pt x="66" y="282"/>
                    </a:cubicBezTo>
                    <a:cubicBezTo>
                      <a:pt x="66" y="281"/>
                      <a:pt x="66" y="280"/>
                      <a:pt x="66" y="280"/>
                    </a:cubicBezTo>
                    <a:cubicBezTo>
                      <a:pt x="66" y="279"/>
                      <a:pt x="66" y="278"/>
                      <a:pt x="66" y="278"/>
                    </a:cubicBezTo>
                    <a:cubicBezTo>
                      <a:pt x="66" y="277"/>
                      <a:pt x="66" y="276"/>
                      <a:pt x="66" y="276"/>
                    </a:cubicBezTo>
                    <a:cubicBezTo>
                      <a:pt x="66" y="276"/>
                      <a:pt x="66" y="275"/>
                      <a:pt x="66" y="275"/>
                    </a:cubicBezTo>
                    <a:cubicBezTo>
                      <a:pt x="65" y="275"/>
                      <a:pt x="65" y="275"/>
                      <a:pt x="65" y="275"/>
                    </a:cubicBezTo>
                    <a:cubicBezTo>
                      <a:pt x="65" y="274"/>
                      <a:pt x="65" y="274"/>
                      <a:pt x="65" y="274"/>
                    </a:cubicBezTo>
                    <a:cubicBezTo>
                      <a:pt x="65" y="274"/>
                      <a:pt x="65" y="274"/>
                      <a:pt x="65" y="273"/>
                    </a:cubicBezTo>
                    <a:cubicBezTo>
                      <a:pt x="65" y="273"/>
                      <a:pt x="65" y="272"/>
                      <a:pt x="65" y="272"/>
                    </a:cubicBezTo>
                    <a:cubicBezTo>
                      <a:pt x="65" y="272"/>
                      <a:pt x="65" y="272"/>
                      <a:pt x="65" y="272"/>
                    </a:cubicBezTo>
                    <a:cubicBezTo>
                      <a:pt x="64" y="272"/>
                      <a:pt x="64" y="272"/>
                      <a:pt x="64" y="272"/>
                    </a:cubicBezTo>
                    <a:cubicBezTo>
                      <a:pt x="64" y="272"/>
                      <a:pt x="63" y="272"/>
                      <a:pt x="63" y="271"/>
                    </a:cubicBezTo>
                    <a:cubicBezTo>
                      <a:pt x="63" y="271"/>
                      <a:pt x="63" y="270"/>
                      <a:pt x="63" y="270"/>
                    </a:cubicBezTo>
                    <a:cubicBezTo>
                      <a:pt x="63" y="270"/>
                      <a:pt x="63" y="270"/>
                      <a:pt x="63" y="270"/>
                    </a:cubicBezTo>
                    <a:cubicBezTo>
                      <a:pt x="63" y="269"/>
                      <a:pt x="63" y="269"/>
                      <a:pt x="63" y="269"/>
                    </a:cubicBezTo>
                    <a:cubicBezTo>
                      <a:pt x="63" y="269"/>
                      <a:pt x="63" y="269"/>
                      <a:pt x="63" y="268"/>
                    </a:cubicBezTo>
                    <a:cubicBezTo>
                      <a:pt x="63" y="268"/>
                      <a:pt x="63" y="268"/>
                      <a:pt x="63" y="268"/>
                    </a:cubicBezTo>
                    <a:cubicBezTo>
                      <a:pt x="63" y="268"/>
                      <a:pt x="63" y="268"/>
                      <a:pt x="62" y="268"/>
                    </a:cubicBezTo>
                    <a:cubicBezTo>
                      <a:pt x="61" y="268"/>
                      <a:pt x="61" y="266"/>
                      <a:pt x="61" y="266"/>
                    </a:cubicBezTo>
                    <a:cubicBezTo>
                      <a:pt x="61" y="266"/>
                      <a:pt x="61" y="266"/>
                      <a:pt x="61" y="265"/>
                    </a:cubicBezTo>
                    <a:cubicBezTo>
                      <a:pt x="61" y="265"/>
                      <a:pt x="61" y="264"/>
                      <a:pt x="61" y="264"/>
                    </a:cubicBezTo>
                    <a:cubicBezTo>
                      <a:pt x="61" y="263"/>
                      <a:pt x="61" y="262"/>
                      <a:pt x="61" y="261"/>
                    </a:cubicBezTo>
                    <a:cubicBezTo>
                      <a:pt x="61" y="260"/>
                      <a:pt x="61" y="259"/>
                      <a:pt x="61" y="258"/>
                    </a:cubicBezTo>
                    <a:cubicBezTo>
                      <a:pt x="61" y="258"/>
                      <a:pt x="61" y="258"/>
                      <a:pt x="61" y="258"/>
                    </a:cubicBezTo>
                    <a:cubicBezTo>
                      <a:pt x="61" y="257"/>
                      <a:pt x="61" y="257"/>
                      <a:pt x="60" y="257"/>
                    </a:cubicBezTo>
                    <a:cubicBezTo>
                      <a:pt x="60" y="257"/>
                      <a:pt x="60" y="257"/>
                      <a:pt x="60" y="257"/>
                    </a:cubicBezTo>
                    <a:cubicBezTo>
                      <a:pt x="60" y="257"/>
                      <a:pt x="60" y="258"/>
                      <a:pt x="60" y="258"/>
                    </a:cubicBezTo>
                    <a:cubicBezTo>
                      <a:pt x="59" y="258"/>
                      <a:pt x="59" y="258"/>
                      <a:pt x="59" y="258"/>
                    </a:cubicBezTo>
                    <a:cubicBezTo>
                      <a:pt x="59" y="258"/>
                      <a:pt x="59" y="258"/>
                      <a:pt x="59" y="258"/>
                    </a:cubicBezTo>
                    <a:cubicBezTo>
                      <a:pt x="58" y="258"/>
                      <a:pt x="58" y="257"/>
                      <a:pt x="57" y="256"/>
                    </a:cubicBezTo>
                    <a:cubicBezTo>
                      <a:pt x="57" y="256"/>
                      <a:pt x="57" y="256"/>
                      <a:pt x="56" y="256"/>
                    </a:cubicBezTo>
                    <a:cubicBezTo>
                      <a:pt x="56" y="256"/>
                      <a:pt x="55" y="256"/>
                      <a:pt x="55" y="256"/>
                    </a:cubicBezTo>
                    <a:cubicBezTo>
                      <a:pt x="55" y="256"/>
                      <a:pt x="55" y="256"/>
                      <a:pt x="55" y="256"/>
                    </a:cubicBezTo>
                    <a:cubicBezTo>
                      <a:pt x="54" y="256"/>
                      <a:pt x="54" y="256"/>
                      <a:pt x="54" y="256"/>
                    </a:cubicBezTo>
                    <a:cubicBezTo>
                      <a:pt x="54" y="256"/>
                      <a:pt x="54" y="256"/>
                      <a:pt x="54" y="256"/>
                    </a:cubicBezTo>
                    <a:cubicBezTo>
                      <a:pt x="54" y="256"/>
                      <a:pt x="54" y="256"/>
                      <a:pt x="54" y="256"/>
                    </a:cubicBezTo>
                    <a:cubicBezTo>
                      <a:pt x="53" y="256"/>
                      <a:pt x="52" y="255"/>
                      <a:pt x="52" y="254"/>
                    </a:cubicBezTo>
                    <a:cubicBezTo>
                      <a:pt x="52" y="251"/>
                      <a:pt x="52" y="251"/>
                      <a:pt x="52" y="251"/>
                    </a:cubicBezTo>
                    <a:cubicBezTo>
                      <a:pt x="52" y="251"/>
                      <a:pt x="52" y="251"/>
                      <a:pt x="52" y="251"/>
                    </a:cubicBezTo>
                    <a:cubicBezTo>
                      <a:pt x="52" y="251"/>
                      <a:pt x="52" y="251"/>
                      <a:pt x="52" y="250"/>
                    </a:cubicBezTo>
                    <a:cubicBezTo>
                      <a:pt x="52" y="250"/>
                      <a:pt x="52" y="250"/>
                      <a:pt x="51" y="250"/>
                    </a:cubicBezTo>
                    <a:cubicBezTo>
                      <a:pt x="45" y="250"/>
                      <a:pt x="45" y="250"/>
                      <a:pt x="45" y="250"/>
                    </a:cubicBezTo>
                    <a:cubicBezTo>
                      <a:pt x="45" y="249"/>
                      <a:pt x="45" y="249"/>
                      <a:pt x="45" y="249"/>
                    </a:cubicBezTo>
                    <a:cubicBezTo>
                      <a:pt x="45" y="248"/>
                      <a:pt x="45" y="247"/>
                      <a:pt x="44" y="247"/>
                    </a:cubicBezTo>
                    <a:cubicBezTo>
                      <a:pt x="44" y="247"/>
                      <a:pt x="44" y="247"/>
                      <a:pt x="44" y="247"/>
                    </a:cubicBezTo>
                    <a:cubicBezTo>
                      <a:pt x="44" y="247"/>
                      <a:pt x="43" y="246"/>
                      <a:pt x="43" y="245"/>
                    </a:cubicBezTo>
                    <a:cubicBezTo>
                      <a:pt x="43" y="245"/>
                      <a:pt x="43" y="245"/>
                      <a:pt x="43" y="245"/>
                    </a:cubicBezTo>
                    <a:cubicBezTo>
                      <a:pt x="43" y="244"/>
                      <a:pt x="43" y="244"/>
                      <a:pt x="43" y="243"/>
                    </a:cubicBezTo>
                    <a:cubicBezTo>
                      <a:pt x="42" y="242"/>
                      <a:pt x="42" y="242"/>
                      <a:pt x="41" y="242"/>
                    </a:cubicBezTo>
                    <a:cubicBezTo>
                      <a:pt x="41" y="241"/>
                      <a:pt x="41" y="241"/>
                      <a:pt x="40" y="241"/>
                    </a:cubicBezTo>
                    <a:cubicBezTo>
                      <a:pt x="39" y="241"/>
                      <a:pt x="39" y="241"/>
                      <a:pt x="39" y="241"/>
                    </a:cubicBezTo>
                    <a:cubicBezTo>
                      <a:pt x="39" y="239"/>
                      <a:pt x="39" y="239"/>
                      <a:pt x="39" y="239"/>
                    </a:cubicBezTo>
                    <a:cubicBezTo>
                      <a:pt x="39" y="239"/>
                      <a:pt x="39" y="238"/>
                      <a:pt x="39" y="238"/>
                    </a:cubicBezTo>
                    <a:cubicBezTo>
                      <a:pt x="39" y="238"/>
                      <a:pt x="39" y="238"/>
                      <a:pt x="39" y="238"/>
                    </a:cubicBezTo>
                    <a:cubicBezTo>
                      <a:pt x="39" y="237"/>
                      <a:pt x="39" y="236"/>
                      <a:pt x="40" y="235"/>
                    </a:cubicBezTo>
                    <a:cubicBezTo>
                      <a:pt x="40" y="234"/>
                      <a:pt x="40" y="231"/>
                      <a:pt x="39" y="231"/>
                    </a:cubicBezTo>
                    <a:cubicBezTo>
                      <a:pt x="39" y="231"/>
                      <a:pt x="39" y="231"/>
                      <a:pt x="39" y="231"/>
                    </a:cubicBezTo>
                    <a:cubicBezTo>
                      <a:pt x="39" y="231"/>
                      <a:pt x="39" y="231"/>
                      <a:pt x="39" y="231"/>
                    </a:cubicBezTo>
                    <a:cubicBezTo>
                      <a:pt x="38" y="231"/>
                      <a:pt x="38" y="231"/>
                      <a:pt x="38" y="231"/>
                    </a:cubicBezTo>
                    <a:cubicBezTo>
                      <a:pt x="38" y="229"/>
                      <a:pt x="38" y="229"/>
                      <a:pt x="38" y="229"/>
                    </a:cubicBezTo>
                    <a:cubicBezTo>
                      <a:pt x="38" y="229"/>
                      <a:pt x="38" y="229"/>
                      <a:pt x="38" y="229"/>
                    </a:cubicBezTo>
                    <a:cubicBezTo>
                      <a:pt x="38" y="228"/>
                      <a:pt x="38" y="227"/>
                      <a:pt x="38" y="227"/>
                    </a:cubicBezTo>
                    <a:cubicBezTo>
                      <a:pt x="38" y="227"/>
                      <a:pt x="37" y="227"/>
                      <a:pt x="37" y="227"/>
                    </a:cubicBezTo>
                    <a:cubicBezTo>
                      <a:pt x="37" y="227"/>
                      <a:pt x="36" y="227"/>
                      <a:pt x="36" y="226"/>
                    </a:cubicBezTo>
                    <a:cubicBezTo>
                      <a:pt x="36" y="226"/>
                      <a:pt x="36" y="225"/>
                      <a:pt x="36" y="225"/>
                    </a:cubicBezTo>
                    <a:cubicBezTo>
                      <a:pt x="36" y="225"/>
                      <a:pt x="36" y="225"/>
                      <a:pt x="36" y="225"/>
                    </a:cubicBezTo>
                    <a:cubicBezTo>
                      <a:pt x="36" y="225"/>
                      <a:pt x="36" y="224"/>
                      <a:pt x="36" y="224"/>
                    </a:cubicBezTo>
                    <a:cubicBezTo>
                      <a:pt x="36" y="224"/>
                      <a:pt x="36" y="224"/>
                      <a:pt x="36" y="224"/>
                    </a:cubicBezTo>
                    <a:cubicBezTo>
                      <a:pt x="36" y="224"/>
                      <a:pt x="36" y="223"/>
                      <a:pt x="36" y="223"/>
                    </a:cubicBezTo>
                    <a:cubicBezTo>
                      <a:pt x="36" y="223"/>
                      <a:pt x="36" y="223"/>
                      <a:pt x="35" y="223"/>
                    </a:cubicBezTo>
                    <a:cubicBezTo>
                      <a:pt x="35" y="223"/>
                      <a:pt x="34" y="223"/>
                      <a:pt x="34" y="222"/>
                    </a:cubicBezTo>
                    <a:cubicBezTo>
                      <a:pt x="34" y="222"/>
                      <a:pt x="34" y="222"/>
                      <a:pt x="34" y="221"/>
                    </a:cubicBezTo>
                    <a:cubicBezTo>
                      <a:pt x="33" y="221"/>
                      <a:pt x="33" y="220"/>
                      <a:pt x="32" y="219"/>
                    </a:cubicBezTo>
                    <a:cubicBezTo>
                      <a:pt x="32" y="219"/>
                      <a:pt x="32" y="218"/>
                      <a:pt x="32" y="218"/>
                    </a:cubicBezTo>
                    <a:cubicBezTo>
                      <a:pt x="31" y="217"/>
                      <a:pt x="31" y="217"/>
                      <a:pt x="31" y="216"/>
                    </a:cubicBezTo>
                    <a:cubicBezTo>
                      <a:pt x="30" y="214"/>
                      <a:pt x="29" y="213"/>
                      <a:pt x="28" y="212"/>
                    </a:cubicBezTo>
                    <a:cubicBezTo>
                      <a:pt x="27" y="211"/>
                      <a:pt x="27" y="211"/>
                      <a:pt x="26" y="211"/>
                    </a:cubicBezTo>
                    <a:cubicBezTo>
                      <a:pt x="25" y="210"/>
                      <a:pt x="25" y="209"/>
                      <a:pt x="25" y="208"/>
                    </a:cubicBezTo>
                    <a:cubicBezTo>
                      <a:pt x="25" y="208"/>
                      <a:pt x="25" y="208"/>
                      <a:pt x="25" y="207"/>
                    </a:cubicBezTo>
                    <a:cubicBezTo>
                      <a:pt x="25" y="201"/>
                      <a:pt x="25" y="201"/>
                      <a:pt x="25" y="201"/>
                    </a:cubicBezTo>
                    <a:cubicBezTo>
                      <a:pt x="27" y="201"/>
                      <a:pt x="27" y="201"/>
                      <a:pt x="27" y="201"/>
                    </a:cubicBezTo>
                    <a:cubicBezTo>
                      <a:pt x="27" y="201"/>
                      <a:pt x="27" y="201"/>
                      <a:pt x="27" y="201"/>
                    </a:cubicBezTo>
                    <a:cubicBezTo>
                      <a:pt x="27" y="201"/>
                      <a:pt x="27" y="201"/>
                      <a:pt x="27" y="201"/>
                    </a:cubicBezTo>
                    <a:cubicBezTo>
                      <a:pt x="27" y="201"/>
                      <a:pt x="27" y="200"/>
                      <a:pt x="27" y="200"/>
                    </a:cubicBezTo>
                    <a:cubicBezTo>
                      <a:pt x="27" y="200"/>
                      <a:pt x="27" y="200"/>
                      <a:pt x="27" y="200"/>
                    </a:cubicBezTo>
                    <a:cubicBezTo>
                      <a:pt x="27" y="199"/>
                      <a:pt x="27" y="198"/>
                      <a:pt x="28" y="198"/>
                    </a:cubicBezTo>
                    <a:cubicBezTo>
                      <a:pt x="28" y="198"/>
                      <a:pt x="28" y="198"/>
                      <a:pt x="28" y="198"/>
                    </a:cubicBezTo>
                    <a:cubicBezTo>
                      <a:pt x="28" y="197"/>
                      <a:pt x="28" y="197"/>
                      <a:pt x="28" y="197"/>
                    </a:cubicBezTo>
                    <a:cubicBezTo>
                      <a:pt x="28" y="197"/>
                      <a:pt x="28" y="197"/>
                      <a:pt x="28" y="196"/>
                    </a:cubicBezTo>
                    <a:cubicBezTo>
                      <a:pt x="27" y="196"/>
                      <a:pt x="27" y="195"/>
                      <a:pt x="27" y="193"/>
                    </a:cubicBezTo>
                    <a:cubicBezTo>
                      <a:pt x="27" y="193"/>
                      <a:pt x="27" y="193"/>
                      <a:pt x="27" y="193"/>
                    </a:cubicBezTo>
                    <a:cubicBezTo>
                      <a:pt x="27" y="188"/>
                      <a:pt x="27" y="188"/>
                      <a:pt x="27" y="188"/>
                    </a:cubicBezTo>
                    <a:cubicBezTo>
                      <a:pt x="28" y="189"/>
                      <a:pt x="28" y="189"/>
                      <a:pt x="28" y="189"/>
                    </a:cubicBezTo>
                    <a:cubicBezTo>
                      <a:pt x="28" y="189"/>
                      <a:pt x="28" y="189"/>
                      <a:pt x="29" y="189"/>
                    </a:cubicBezTo>
                    <a:cubicBezTo>
                      <a:pt x="29" y="189"/>
                      <a:pt x="29" y="188"/>
                      <a:pt x="29" y="188"/>
                    </a:cubicBezTo>
                    <a:cubicBezTo>
                      <a:pt x="29" y="188"/>
                      <a:pt x="29" y="187"/>
                      <a:pt x="29" y="187"/>
                    </a:cubicBezTo>
                    <a:cubicBezTo>
                      <a:pt x="29" y="187"/>
                      <a:pt x="30" y="186"/>
                      <a:pt x="30" y="186"/>
                    </a:cubicBezTo>
                    <a:cubicBezTo>
                      <a:pt x="30" y="185"/>
                      <a:pt x="31" y="185"/>
                      <a:pt x="30" y="185"/>
                    </a:cubicBezTo>
                    <a:cubicBezTo>
                      <a:pt x="30" y="183"/>
                      <a:pt x="30" y="183"/>
                      <a:pt x="30" y="183"/>
                    </a:cubicBezTo>
                    <a:cubicBezTo>
                      <a:pt x="32" y="183"/>
                      <a:pt x="32" y="183"/>
                      <a:pt x="32" y="183"/>
                    </a:cubicBezTo>
                    <a:cubicBezTo>
                      <a:pt x="32" y="183"/>
                      <a:pt x="32" y="183"/>
                      <a:pt x="32" y="183"/>
                    </a:cubicBezTo>
                    <a:cubicBezTo>
                      <a:pt x="32" y="183"/>
                      <a:pt x="32" y="183"/>
                      <a:pt x="32" y="183"/>
                    </a:cubicBezTo>
                    <a:cubicBezTo>
                      <a:pt x="32" y="183"/>
                      <a:pt x="32" y="183"/>
                      <a:pt x="32" y="183"/>
                    </a:cubicBezTo>
                    <a:cubicBezTo>
                      <a:pt x="32" y="176"/>
                      <a:pt x="32" y="176"/>
                      <a:pt x="32" y="176"/>
                    </a:cubicBezTo>
                    <a:cubicBezTo>
                      <a:pt x="34" y="176"/>
                      <a:pt x="34" y="176"/>
                      <a:pt x="34" y="176"/>
                    </a:cubicBezTo>
                    <a:cubicBezTo>
                      <a:pt x="34" y="176"/>
                      <a:pt x="35" y="175"/>
                      <a:pt x="35" y="174"/>
                    </a:cubicBezTo>
                    <a:cubicBezTo>
                      <a:pt x="35" y="172"/>
                      <a:pt x="34" y="171"/>
                      <a:pt x="34" y="171"/>
                    </a:cubicBezTo>
                    <a:cubicBezTo>
                      <a:pt x="32" y="172"/>
                      <a:pt x="32" y="172"/>
                      <a:pt x="32" y="172"/>
                    </a:cubicBezTo>
                    <a:cubicBezTo>
                      <a:pt x="32" y="170"/>
                      <a:pt x="32" y="170"/>
                      <a:pt x="32" y="170"/>
                    </a:cubicBezTo>
                    <a:cubicBezTo>
                      <a:pt x="32" y="170"/>
                      <a:pt x="32" y="169"/>
                      <a:pt x="32" y="169"/>
                    </a:cubicBezTo>
                    <a:cubicBezTo>
                      <a:pt x="32" y="168"/>
                      <a:pt x="33" y="167"/>
                      <a:pt x="32" y="166"/>
                    </a:cubicBezTo>
                    <a:cubicBezTo>
                      <a:pt x="32" y="166"/>
                      <a:pt x="32" y="166"/>
                      <a:pt x="32" y="166"/>
                    </a:cubicBezTo>
                    <a:cubicBezTo>
                      <a:pt x="31" y="166"/>
                      <a:pt x="30" y="165"/>
                      <a:pt x="30" y="164"/>
                    </a:cubicBezTo>
                    <a:cubicBezTo>
                      <a:pt x="30" y="162"/>
                      <a:pt x="30" y="162"/>
                      <a:pt x="30" y="162"/>
                    </a:cubicBezTo>
                    <a:cubicBezTo>
                      <a:pt x="30" y="162"/>
                      <a:pt x="30" y="162"/>
                      <a:pt x="30" y="162"/>
                    </a:cubicBezTo>
                    <a:cubicBezTo>
                      <a:pt x="29" y="162"/>
                      <a:pt x="29" y="162"/>
                      <a:pt x="29" y="162"/>
                    </a:cubicBezTo>
                    <a:cubicBezTo>
                      <a:pt x="29" y="162"/>
                      <a:pt x="29" y="162"/>
                      <a:pt x="29" y="162"/>
                    </a:cubicBezTo>
                    <a:cubicBezTo>
                      <a:pt x="23" y="162"/>
                      <a:pt x="23" y="162"/>
                      <a:pt x="23" y="162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3" y="161"/>
                      <a:pt x="23" y="161"/>
                      <a:pt x="23" y="161"/>
                    </a:cubicBezTo>
                    <a:cubicBezTo>
                      <a:pt x="22" y="161"/>
                      <a:pt x="22" y="160"/>
                      <a:pt x="22" y="159"/>
                    </a:cubicBezTo>
                    <a:cubicBezTo>
                      <a:pt x="22" y="158"/>
                      <a:pt x="22" y="158"/>
                      <a:pt x="22" y="158"/>
                    </a:cubicBezTo>
                    <a:cubicBezTo>
                      <a:pt x="22" y="157"/>
                      <a:pt x="22" y="157"/>
                      <a:pt x="22" y="157"/>
                    </a:cubicBezTo>
                    <a:cubicBezTo>
                      <a:pt x="22" y="157"/>
                      <a:pt x="22" y="157"/>
                      <a:pt x="22" y="157"/>
                    </a:cubicBezTo>
                    <a:cubicBezTo>
                      <a:pt x="22" y="156"/>
                      <a:pt x="22" y="156"/>
                      <a:pt x="22" y="155"/>
                    </a:cubicBezTo>
                    <a:cubicBezTo>
                      <a:pt x="22" y="154"/>
                      <a:pt x="22" y="153"/>
                      <a:pt x="21" y="152"/>
                    </a:cubicBezTo>
                    <a:cubicBezTo>
                      <a:pt x="21" y="152"/>
                      <a:pt x="21" y="152"/>
                      <a:pt x="21" y="152"/>
                    </a:cubicBezTo>
                    <a:cubicBezTo>
                      <a:pt x="20" y="151"/>
                      <a:pt x="20" y="151"/>
                      <a:pt x="20" y="151"/>
                    </a:cubicBezTo>
                    <a:cubicBezTo>
                      <a:pt x="20" y="151"/>
                      <a:pt x="20" y="151"/>
                      <a:pt x="20" y="151"/>
                    </a:cubicBezTo>
                    <a:cubicBezTo>
                      <a:pt x="20" y="150"/>
                      <a:pt x="19" y="150"/>
                      <a:pt x="19" y="150"/>
                    </a:cubicBezTo>
                    <a:cubicBezTo>
                      <a:pt x="19" y="150"/>
                      <a:pt x="19" y="149"/>
                      <a:pt x="19" y="149"/>
                    </a:cubicBezTo>
                    <a:cubicBezTo>
                      <a:pt x="18" y="148"/>
                      <a:pt x="18" y="148"/>
                      <a:pt x="18" y="147"/>
                    </a:cubicBezTo>
                    <a:cubicBezTo>
                      <a:pt x="18" y="147"/>
                      <a:pt x="18" y="147"/>
                      <a:pt x="18" y="146"/>
                    </a:cubicBezTo>
                    <a:cubicBezTo>
                      <a:pt x="18" y="146"/>
                      <a:pt x="17" y="146"/>
                      <a:pt x="17" y="146"/>
                    </a:cubicBezTo>
                    <a:cubicBezTo>
                      <a:pt x="16" y="146"/>
                      <a:pt x="16" y="146"/>
                      <a:pt x="16" y="146"/>
                    </a:cubicBezTo>
                    <a:cubicBezTo>
                      <a:pt x="16" y="145"/>
                      <a:pt x="16" y="145"/>
                      <a:pt x="16" y="145"/>
                    </a:cubicBezTo>
                    <a:cubicBezTo>
                      <a:pt x="16" y="145"/>
                      <a:pt x="16" y="145"/>
                      <a:pt x="16" y="145"/>
                    </a:cubicBezTo>
                    <a:cubicBezTo>
                      <a:pt x="16" y="145"/>
                      <a:pt x="16" y="145"/>
                      <a:pt x="16" y="145"/>
                    </a:cubicBezTo>
                    <a:cubicBezTo>
                      <a:pt x="16" y="145"/>
                      <a:pt x="16" y="144"/>
                      <a:pt x="15" y="144"/>
                    </a:cubicBezTo>
                    <a:cubicBezTo>
                      <a:pt x="14" y="144"/>
                      <a:pt x="14" y="144"/>
                      <a:pt x="14" y="144"/>
                    </a:cubicBezTo>
                    <a:cubicBezTo>
                      <a:pt x="14" y="143"/>
                      <a:pt x="14" y="143"/>
                      <a:pt x="14" y="143"/>
                    </a:cubicBezTo>
                    <a:cubicBezTo>
                      <a:pt x="14" y="143"/>
                      <a:pt x="14" y="143"/>
                      <a:pt x="14" y="143"/>
                    </a:cubicBezTo>
                    <a:cubicBezTo>
                      <a:pt x="14" y="143"/>
                      <a:pt x="14" y="143"/>
                      <a:pt x="14" y="143"/>
                    </a:cubicBezTo>
                    <a:cubicBezTo>
                      <a:pt x="14" y="143"/>
                      <a:pt x="14" y="143"/>
                      <a:pt x="13" y="143"/>
                    </a:cubicBezTo>
                    <a:cubicBezTo>
                      <a:pt x="13" y="143"/>
                      <a:pt x="13" y="143"/>
                      <a:pt x="12" y="143"/>
                    </a:cubicBezTo>
                    <a:cubicBezTo>
                      <a:pt x="12" y="143"/>
                      <a:pt x="12" y="143"/>
                      <a:pt x="12" y="143"/>
                    </a:cubicBezTo>
                    <a:cubicBezTo>
                      <a:pt x="11" y="143"/>
                      <a:pt x="11" y="143"/>
                      <a:pt x="11" y="143"/>
                    </a:cubicBezTo>
                    <a:cubicBezTo>
                      <a:pt x="11" y="142"/>
                      <a:pt x="11" y="142"/>
                      <a:pt x="11" y="142"/>
                    </a:cubicBezTo>
                    <a:cubicBezTo>
                      <a:pt x="10" y="141"/>
                      <a:pt x="10" y="140"/>
                      <a:pt x="9" y="139"/>
                    </a:cubicBezTo>
                    <a:cubicBezTo>
                      <a:pt x="8" y="139"/>
                      <a:pt x="8" y="139"/>
                      <a:pt x="8" y="139"/>
                    </a:cubicBezTo>
                    <a:cubicBezTo>
                      <a:pt x="7" y="139"/>
                      <a:pt x="7" y="138"/>
                      <a:pt x="7" y="137"/>
                    </a:cubicBezTo>
                    <a:cubicBezTo>
                      <a:pt x="7" y="137"/>
                      <a:pt x="7" y="137"/>
                      <a:pt x="7" y="137"/>
                    </a:cubicBezTo>
                    <a:cubicBezTo>
                      <a:pt x="7" y="137"/>
                      <a:pt x="7" y="137"/>
                      <a:pt x="7" y="136"/>
                    </a:cubicBezTo>
                    <a:cubicBezTo>
                      <a:pt x="7" y="136"/>
                      <a:pt x="7" y="136"/>
                      <a:pt x="7" y="136"/>
                    </a:cubicBezTo>
                    <a:cubicBezTo>
                      <a:pt x="7" y="136"/>
                      <a:pt x="6" y="136"/>
                      <a:pt x="6" y="136"/>
                    </a:cubicBezTo>
                    <a:cubicBezTo>
                      <a:pt x="5" y="135"/>
                      <a:pt x="4" y="135"/>
                      <a:pt x="3" y="135"/>
                    </a:cubicBezTo>
                    <a:cubicBezTo>
                      <a:pt x="3" y="135"/>
                      <a:pt x="3" y="134"/>
                      <a:pt x="3" y="134"/>
                    </a:cubicBezTo>
                    <a:cubicBezTo>
                      <a:pt x="2" y="134"/>
                      <a:pt x="2" y="134"/>
                      <a:pt x="2" y="134"/>
                    </a:cubicBezTo>
                    <a:cubicBezTo>
                      <a:pt x="2" y="134"/>
                      <a:pt x="2" y="134"/>
                      <a:pt x="2" y="134"/>
                    </a:cubicBezTo>
                    <a:cubicBezTo>
                      <a:pt x="0" y="134"/>
                      <a:pt x="0" y="133"/>
                      <a:pt x="0" y="132"/>
                    </a:cubicBezTo>
                    <a:cubicBezTo>
                      <a:pt x="0" y="108"/>
                      <a:pt x="0" y="108"/>
                      <a:pt x="0" y="108"/>
                    </a:cubicBezTo>
                    <a:cubicBezTo>
                      <a:pt x="1" y="108"/>
                      <a:pt x="1" y="108"/>
                      <a:pt x="1" y="108"/>
                    </a:cubicBezTo>
                    <a:cubicBezTo>
                      <a:pt x="2" y="108"/>
                      <a:pt x="2" y="108"/>
                      <a:pt x="2" y="108"/>
                    </a:cubicBezTo>
                    <a:cubicBezTo>
                      <a:pt x="2" y="108"/>
                      <a:pt x="2" y="107"/>
                      <a:pt x="2" y="106"/>
                    </a:cubicBezTo>
                    <a:cubicBezTo>
                      <a:pt x="2" y="106"/>
                      <a:pt x="2" y="106"/>
                      <a:pt x="2" y="106"/>
                    </a:cubicBezTo>
                    <a:cubicBezTo>
                      <a:pt x="2" y="104"/>
                      <a:pt x="2" y="104"/>
                      <a:pt x="2" y="104"/>
                    </a:cubicBezTo>
                    <a:cubicBezTo>
                      <a:pt x="3" y="104"/>
                      <a:pt x="3" y="104"/>
                      <a:pt x="3" y="104"/>
                    </a:cubicBezTo>
                    <a:cubicBezTo>
                      <a:pt x="3" y="104"/>
                      <a:pt x="3" y="104"/>
                      <a:pt x="3" y="104"/>
                    </a:cubicBezTo>
                    <a:cubicBezTo>
                      <a:pt x="3" y="104"/>
                      <a:pt x="3" y="104"/>
                      <a:pt x="3" y="104"/>
                    </a:cubicBezTo>
                    <a:cubicBezTo>
                      <a:pt x="3" y="104"/>
                      <a:pt x="4" y="104"/>
                      <a:pt x="4" y="103"/>
                    </a:cubicBezTo>
                    <a:cubicBezTo>
                      <a:pt x="4" y="101"/>
                      <a:pt x="4" y="101"/>
                      <a:pt x="4" y="101"/>
                    </a:cubicBezTo>
                    <a:cubicBezTo>
                      <a:pt x="4" y="99"/>
                      <a:pt x="4" y="99"/>
                      <a:pt x="5" y="99"/>
                    </a:cubicBezTo>
                    <a:cubicBezTo>
                      <a:pt x="5" y="99"/>
                      <a:pt x="5" y="99"/>
                      <a:pt x="5" y="99"/>
                    </a:cubicBezTo>
                    <a:cubicBezTo>
                      <a:pt x="5" y="99"/>
                      <a:pt x="5" y="98"/>
                      <a:pt x="5" y="98"/>
                    </a:cubicBezTo>
                    <a:cubicBezTo>
                      <a:pt x="5" y="98"/>
                      <a:pt x="5" y="98"/>
                      <a:pt x="4" y="98"/>
                    </a:cubicBezTo>
                    <a:cubicBezTo>
                      <a:pt x="4" y="98"/>
                      <a:pt x="4" y="98"/>
                      <a:pt x="4" y="98"/>
                    </a:cubicBezTo>
                    <a:cubicBezTo>
                      <a:pt x="3" y="98"/>
                      <a:pt x="3" y="98"/>
                      <a:pt x="3" y="98"/>
                    </a:cubicBezTo>
                    <a:cubicBezTo>
                      <a:pt x="1" y="98"/>
                      <a:pt x="1" y="98"/>
                      <a:pt x="1" y="98"/>
                    </a:cubicBezTo>
                    <a:cubicBezTo>
                      <a:pt x="2" y="96"/>
                      <a:pt x="2" y="96"/>
                      <a:pt x="2" y="96"/>
                    </a:cubicBezTo>
                    <a:cubicBezTo>
                      <a:pt x="7" y="88"/>
                      <a:pt x="12" y="79"/>
                      <a:pt x="17" y="72"/>
                    </a:cubicBezTo>
                    <a:cubicBezTo>
                      <a:pt x="32" y="53"/>
                      <a:pt x="49" y="35"/>
                      <a:pt x="70" y="21"/>
                    </a:cubicBezTo>
                    <a:cubicBezTo>
                      <a:pt x="80" y="14"/>
                      <a:pt x="91" y="7"/>
                      <a:pt x="102" y="1"/>
                    </a:cubicBezTo>
                    <a:cubicBezTo>
                      <a:pt x="103" y="0"/>
                      <a:pt x="104" y="0"/>
                      <a:pt x="105" y="0"/>
                    </a:cubicBezTo>
                    <a:cubicBezTo>
                      <a:pt x="108" y="0"/>
                      <a:pt x="108" y="0"/>
                      <a:pt x="108" y="0"/>
                    </a:cubicBezTo>
                    <a:cubicBezTo>
                      <a:pt x="109" y="0"/>
                      <a:pt x="111" y="0"/>
                      <a:pt x="112" y="3"/>
                    </a:cubicBezTo>
                    <a:cubicBezTo>
                      <a:pt x="112" y="4"/>
                      <a:pt x="111" y="5"/>
                      <a:pt x="111" y="6"/>
                    </a:cubicBezTo>
                    <a:cubicBezTo>
                      <a:pt x="110" y="7"/>
                      <a:pt x="110" y="7"/>
                      <a:pt x="110" y="8"/>
                    </a:cubicBezTo>
                    <a:cubicBezTo>
                      <a:pt x="109" y="8"/>
                      <a:pt x="109" y="8"/>
                      <a:pt x="109" y="8"/>
                    </a:cubicBezTo>
                    <a:cubicBezTo>
                      <a:pt x="109" y="8"/>
                      <a:pt x="109" y="8"/>
                      <a:pt x="109" y="8"/>
                    </a:cubicBezTo>
                    <a:cubicBezTo>
                      <a:pt x="109" y="8"/>
                      <a:pt x="108" y="8"/>
                      <a:pt x="108" y="8"/>
                    </a:cubicBezTo>
                    <a:cubicBezTo>
                      <a:pt x="108" y="8"/>
                      <a:pt x="108" y="8"/>
                      <a:pt x="108" y="8"/>
                    </a:cubicBezTo>
                    <a:cubicBezTo>
                      <a:pt x="108" y="8"/>
                      <a:pt x="108" y="8"/>
                      <a:pt x="108" y="8"/>
                    </a:cubicBezTo>
                    <a:cubicBezTo>
                      <a:pt x="108" y="9"/>
                      <a:pt x="108" y="10"/>
                      <a:pt x="107" y="10"/>
                    </a:cubicBezTo>
                    <a:cubicBezTo>
                      <a:pt x="104" y="10"/>
                      <a:pt x="104" y="10"/>
                      <a:pt x="104" y="10"/>
                    </a:cubicBezTo>
                    <a:cubicBezTo>
                      <a:pt x="104" y="10"/>
                      <a:pt x="103" y="10"/>
                      <a:pt x="103" y="10"/>
                    </a:cubicBezTo>
                    <a:cubicBezTo>
                      <a:pt x="103" y="10"/>
                      <a:pt x="103" y="10"/>
                      <a:pt x="103" y="10"/>
                    </a:cubicBezTo>
                    <a:cubicBezTo>
                      <a:pt x="103" y="11"/>
                      <a:pt x="102" y="12"/>
                      <a:pt x="101" y="12"/>
                    </a:cubicBezTo>
                    <a:cubicBezTo>
                      <a:pt x="101" y="12"/>
                      <a:pt x="101" y="12"/>
                      <a:pt x="101" y="12"/>
                    </a:cubicBezTo>
                    <a:cubicBezTo>
                      <a:pt x="100" y="12"/>
                      <a:pt x="100" y="12"/>
                      <a:pt x="100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2"/>
                      <a:pt x="96" y="12"/>
                      <a:pt x="96" y="12"/>
                    </a:cubicBezTo>
                    <a:cubicBezTo>
                      <a:pt x="96" y="14"/>
                      <a:pt x="96" y="14"/>
                      <a:pt x="96" y="14"/>
                    </a:cubicBezTo>
                    <a:cubicBezTo>
                      <a:pt x="94" y="13"/>
                      <a:pt x="94" y="13"/>
                      <a:pt x="94" y="13"/>
                    </a:cubicBezTo>
                    <a:cubicBezTo>
                      <a:pt x="94" y="13"/>
                      <a:pt x="94" y="13"/>
                      <a:pt x="94" y="13"/>
                    </a:cubicBezTo>
                    <a:cubicBezTo>
                      <a:pt x="94" y="14"/>
                      <a:pt x="94" y="14"/>
                      <a:pt x="94" y="15"/>
                    </a:cubicBezTo>
                    <a:cubicBezTo>
                      <a:pt x="94" y="17"/>
                      <a:pt x="94" y="17"/>
                      <a:pt x="94" y="17"/>
                    </a:cubicBezTo>
                    <a:cubicBezTo>
                      <a:pt x="94" y="17"/>
                      <a:pt x="94" y="17"/>
                      <a:pt x="94" y="17"/>
                    </a:cubicBezTo>
                    <a:cubicBezTo>
                      <a:pt x="94" y="17"/>
                      <a:pt x="94" y="18"/>
                      <a:pt x="94" y="18"/>
                    </a:cubicBezTo>
                    <a:cubicBezTo>
                      <a:pt x="93" y="19"/>
                      <a:pt x="92" y="19"/>
                      <a:pt x="92" y="19"/>
                    </a:cubicBezTo>
                    <a:cubicBezTo>
                      <a:pt x="92" y="19"/>
                      <a:pt x="92" y="19"/>
                      <a:pt x="92" y="19"/>
                    </a:cubicBezTo>
                    <a:cubicBezTo>
                      <a:pt x="92" y="21"/>
                      <a:pt x="92" y="21"/>
                      <a:pt x="92" y="21"/>
                    </a:cubicBezTo>
                    <a:cubicBezTo>
                      <a:pt x="91" y="21"/>
                      <a:pt x="91" y="21"/>
                      <a:pt x="91" y="21"/>
                    </a:cubicBezTo>
                    <a:cubicBezTo>
                      <a:pt x="91" y="21"/>
                      <a:pt x="91" y="21"/>
                      <a:pt x="90" y="21"/>
                    </a:cubicBezTo>
                    <a:cubicBezTo>
                      <a:pt x="90" y="21"/>
                      <a:pt x="90" y="22"/>
                      <a:pt x="90" y="22"/>
                    </a:cubicBezTo>
                    <a:cubicBezTo>
                      <a:pt x="90" y="23"/>
                      <a:pt x="90" y="23"/>
                      <a:pt x="90" y="23"/>
                    </a:cubicBezTo>
                    <a:cubicBezTo>
                      <a:pt x="90" y="23"/>
                      <a:pt x="91" y="23"/>
                      <a:pt x="91" y="24"/>
                    </a:cubicBezTo>
                    <a:cubicBezTo>
                      <a:pt x="91" y="25"/>
                      <a:pt x="92" y="26"/>
                      <a:pt x="91" y="27"/>
                    </a:cubicBezTo>
                    <a:cubicBezTo>
                      <a:pt x="91" y="28"/>
                      <a:pt x="91" y="28"/>
                      <a:pt x="91" y="28"/>
                    </a:cubicBezTo>
                    <a:cubicBezTo>
                      <a:pt x="90" y="29"/>
                      <a:pt x="90" y="29"/>
                      <a:pt x="90" y="29"/>
                    </a:cubicBezTo>
                    <a:cubicBezTo>
                      <a:pt x="90" y="29"/>
                      <a:pt x="90" y="29"/>
                      <a:pt x="91" y="29"/>
                    </a:cubicBezTo>
                    <a:cubicBezTo>
                      <a:pt x="91" y="29"/>
                      <a:pt x="91" y="29"/>
                      <a:pt x="91" y="29"/>
                    </a:cubicBezTo>
                    <a:cubicBezTo>
                      <a:pt x="91" y="29"/>
                      <a:pt x="91" y="29"/>
                      <a:pt x="92" y="29"/>
                    </a:cubicBezTo>
                    <a:cubicBezTo>
                      <a:pt x="92" y="29"/>
                      <a:pt x="92" y="29"/>
                      <a:pt x="92" y="29"/>
                    </a:cubicBezTo>
                    <a:cubicBezTo>
                      <a:pt x="92" y="28"/>
                      <a:pt x="92" y="27"/>
                      <a:pt x="93" y="27"/>
                    </a:cubicBezTo>
                    <a:cubicBezTo>
                      <a:pt x="94" y="27"/>
                      <a:pt x="94" y="26"/>
                      <a:pt x="95" y="26"/>
                    </a:cubicBezTo>
                    <a:cubicBezTo>
                      <a:pt x="95" y="25"/>
                      <a:pt x="95" y="25"/>
                      <a:pt x="96" y="25"/>
                    </a:cubicBezTo>
                    <a:cubicBezTo>
                      <a:pt x="97" y="24"/>
                      <a:pt x="98" y="24"/>
                      <a:pt x="99" y="24"/>
                    </a:cubicBezTo>
                    <a:cubicBezTo>
                      <a:pt x="99" y="24"/>
                      <a:pt x="99" y="24"/>
                      <a:pt x="99" y="24"/>
                    </a:cubicBezTo>
                    <a:cubicBezTo>
                      <a:pt x="99" y="24"/>
                      <a:pt x="100" y="24"/>
                      <a:pt x="100" y="23"/>
                    </a:cubicBezTo>
                    <a:cubicBezTo>
                      <a:pt x="100" y="23"/>
                      <a:pt x="101" y="23"/>
                      <a:pt x="101" y="22"/>
                    </a:cubicBezTo>
                    <a:cubicBezTo>
                      <a:pt x="101" y="22"/>
                      <a:pt x="101" y="22"/>
                      <a:pt x="101" y="22"/>
                    </a:cubicBezTo>
                    <a:cubicBezTo>
                      <a:pt x="100" y="21"/>
                      <a:pt x="101" y="20"/>
                      <a:pt x="102" y="20"/>
                    </a:cubicBezTo>
                    <a:cubicBezTo>
                      <a:pt x="102" y="20"/>
                      <a:pt x="102" y="20"/>
                      <a:pt x="102" y="20"/>
                    </a:cubicBezTo>
                    <a:cubicBezTo>
                      <a:pt x="103" y="19"/>
                      <a:pt x="102" y="18"/>
                      <a:pt x="102" y="16"/>
                    </a:cubicBezTo>
                    <a:cubicBezTo>
                      <a:pt x="102" y="16"/>
                      <a:pt x="102" y="16"/>
                      <a:pt x="102" y="16"/>
                    </a:cubicBezTo>
                    <a:cubicBezTo>
                      <a:pt x="102" y="15"/>
                      <a:pt x="102" y="15"/>
                      <a:pt x="102" y="15"/>
                    </a:cubicBezTo>
                    <a:cubicBezTo>
                      <a:pt x="107" y="15"/>
                      <a:pt x="107" y="15"/>
                      <a:pt x="107" y="15"/>
                    </a:cubicBezTo>
                    <a:cubicBezTo>
                      <a:pt x="107" y="15"/>
                      <a:pt x="107" y="15"/>
                      <a:pt x="107" y="15"/>
                    </a:cubicBezTo>
                    <a:cubicBezTo>
                      <a:pt x="108" y="15"/>
                      <a:pt x="108" y="15"/>
                      <a:pt x="108" y="15"/>
                    </a:cubicBezTo>
                    <a:cubicBezTo>
                      <a:pt x="109" y="15"/>
                      <a:pt x="109" y="15"/>
                      <a:pt x="109" y="14"/>
                    </a:cubicBezTo>
                    <a:cubicBezTo>
                      <a:pt x="110" y="14"/>
                      <a:pt x="111" y="13"/>
                      <a:pt x="111" y="12"/>
                    </a:cubicBezTo>
                    <a:cubicBezTo>
                      <a:pt x="111" y="11"/>
                      <a:pt x="112" y="11"/>
                      <a:pt x="113" y="11"/>
                    </a:cubicBezTo>
                    <a:cubicBezTo>
                      <a:pt x="121" y="11"/>
                      <a:pt x="121" y="11"/>
                      <a:pt x="121" y="11"/>
                    </a:cubicBezTo>
                    <a:cubicBezTo>
                      <a:pt x="121" y="11"/>
                      <a:pt x="121" y="11"/>
                      <a:pt x="121" y="11"/>
                    </a:cubicBezTo>
                    <a:cubicBezTo>
                      <a:pt x="121" y="11"/>
                      <a:pt x="121" y="11"/>
                      <a:pt x="121" y="11"/>
                    </a:cubicBezTo>
                    <a:cubicBezTo>
                      <a:pt x="122" y="11"/>
                      <a:pt x="123" y="11"/>
                      <a:pt x="123" y="13"/>
                    </a:cubicBezTo>
                    <a:cubicBezTo>
                      <a:pt x="123" y="15"/>
                      <a:pt x="123" y="15"/>
                      <a:pt x="123" y="15"/>
                    </a:cubicBezTo>
                    <a:cubicBezTo>
                      <a:pt x="121" y="15"/>
                      <a:pt x="121" y="15"/>
                      <a:pt x="121" y="15"/>
                    </a:cubicBezTo>
                    <a:cubicBezTo>
                      <a:pt x="121" y="15"/>
                      <a:pt x="121" y="15"/>
                      <a:pt x="121" y="15"/>
                    </a:cubicBezTo>
                    <a:cubicBezTo>
                      <a:pt x="121" y="15"/>
                      <a:pt x="121" y="15"/>
                      <a:pt x="121" y="15"/>
                    </a:cubicBezTo>
                    <a:cubicBezTo>
                      <a:pt x="121" y="15"/>
                      <a:pt x="121" y="15"/>
                      <a:pt x="121" y="16"/>
                    </a:cubicBezTo>
                    <a:cubicBezTo>
                      <a:pt x="121" y="16"/>
                      <a:pt x="121" y="16"/>
                      <a:pt x="122" y="16"/>
                    </a:cubicBezTo>
                    <a:cubicBezTo>
                      <a:pt x="122" y="16"/>
                      <a:pt x="122" y="16"/>
                      <a:pt x="122" y="16"/>
                    </a:cubicBezTo>
                    <a:cubicBezTo>
                      <a:pt x="123" y="16"/>
                      <a:pt x="123" y="16"/>
                      <a:pt x="123" y="16"/>
                    </a:cubicBezTo>
                    <a:cubicBezTo>
                      <a:pt x="124" y="16"/>
                      <a:pt x="124" y="16"/>
                      <a:pt x="124" y="16"/>
                    </a:cubicBezTo>
                    <a:cubicBezTo>
                      <a:pt x="124" y="16"/>
                      <a:pt x="124" y="16"/>
                      <a:pt x="125" y="16"/>
                    </a:cubicBezTo>
                    <a:cubicBezTo>
                      <a:pt x="125" y="15"/>
                      <a:pt x="126" y="15"/>
                      <a:pt x="127" y="15"/>
                    </a:cubicBezTo>
                    <a:cubicBezTo>
                      <a:pt x="128" y="14"/>
                      <a:pt x="128" y="14"/>
                      <a:pt x="128" y="14"/>
                    </a:cubicBezTo>
                    <a:cubicBezTo>
                      <a:pt x="128" y="21"/>
                      <a:pt x="128" y="21"/>
                      <a:pt x="128" y="21"/>
                    </a:cubicBezTo>
                    <a:cubicBezTo>
                      <a:pt x="128" y="21"/>
                      <a:pt x="128" y="22"/>
                      <a:pt x="129" y="23"/>
                    </a:cubicBezTo>
                    <a:cubicBezTo>
                      <a:pt x="129" y="23"/>
                      <a:pt x="129" y="23"/>
                      <a:pt x="129" y="23"/>
                    </a:cubicBezTo>
                    <a:cubicBezTo>
                      <a:pt x="129" y="24"/>
                      <a:pt x="130" y="25"/>
                      <a:pt x="130" y="26"/>
                    </a:cubicBezTo>
                    <a:cubicBezTo>
                      <a:pt x="130" y="27"/>
                      <a:pt x="130" y="27"/>
                      <a:pt x="130" y="28"/>
                    </a:cubicBezTo>
                    <a:cubicBezTo>
                      <a:pt x="130" y="28"/>
                      <a:pt x="130" y="30"/>
                      <a:pt x="128" y="30"/>
                    </a:cubicBezTo>
                    <a:cubicBezTo>
                      <a:pt x="128" y="30"/>
                      <a:pt x="127" y="30"/>
                      <a:pt x="127" y="30"/>
                    </a:cubicBezTo>
                    <a:cubicBezTo>
                      <a:pt x="127" y="30"/>
                      <a:pt x="127" y="30"/>
                      <a:pt x="127" y="30"/>
                    </a:cubicBezTo>
                    <a:cubicBezTo>
                      <a:pt x="127" y="30"/>
                      <a:pt x="127" y="30"/>
                      <a:pt x="126" y="30"/>
                    </a:cubicBezTo>
                    <a:cubicBezTo>
                      <a:pt x="126" y="30"/>
                      <a:pt x="125" y="30"/>
                      <a:pt x="125" y="29"/>
                    </a:cubicBezTo>
                    <a:cubicBezTo>
                      <a:pt x="124" y="29"/>
                      <a:pt x="124" y="29"/>
                      <a:pt x="123" y="29"/>
                    </a:cubicBezTo>
                    <a:cubicBezTo>
                      <a:pt x="122" y="29"/>
                      <a:pt x="122" y="30"/>
                      <a:pt x="121" y="30"/>
                    </a:cubicBezTo>
                    <a:cubicBezTo>
                      <a:pt x="121" y="30"/>
                      <a:pt x="121" y="30"/>
                      <a:pt x="121" y="30"/>
                    </a:cubicBezTo>
                    <a:cubicBezTo>
                      <a:pt x="121" y="30"/>
                      <a:pt x="121" y="30"/>
                      <a:pt x="121" y="30"/>
                    </a:cubicBezTo>
                    <a:cubicBezTo>
                      <a:pt x="121" y="31"/>
                      <a:pt x="120" y="31"/>
                      <a:pt x="119" y="31"/>
                    </a:cubicBezTo>
                    <a:cubicBezTo>
                      <a:pt x="119" y="31"/>
                      <a:pt x="119" y="31"/>
                      <a:pt x="119" y="31"/>
                    </a:cubicBezTo>
                    <a:cubicBezTo>
                      <a:pt x="119" y="31"/>
                      <a:pt x="119" y="32"/>
                      <a:pt x="119" y="32"/>
                    </a:cubicBezTo>
                    <a:cubicBezTo>
                      <a:pt x="119" y="33"/>
                      <a:pt x="119" y="33"/>
                      <a:pt x="119" y="33"/>
                    </a:cubicBezTo>
                    <a:cubicBezTo>
                      <a:pt x="118" y="33"/>
                      <a:pt x="118" y="33"/>
                      <a:pt x="118" y="33"/>
                    </a:cubicBezTo>
                    <a:cubicBezTo>
                      <a:pt x="118" y="33"/>
                      <a:pt x="117" y="33"/>
                      <a:pt x="117" y="33"/>
                    </a:cubicBezTo>
                    <a:cubicBezTo>
                      <a:pt x="117" y="33"/>
                      <a:pt x="117" y="34"/>
                      <a:pt x="117" y="34"/>
                    </a:cubicBezTo>
                    <a:cubicBezTo>
                      <a:pt x="117" y="35"/>
                      <a:pt x="117" y="35"/>
                      <a:pt x="117" y="35"/>
                    </a:cubicBezTo>
                    <a:cubicBezTo>
                      <a:pt x="103" y="35"/>
                      <a:pt x="103" y="35"/>
                      <a:pt x="103" y="35"/>
                    </a:cubicBezTo>
                    <a:cubicBezTo>
                      <a:pt x="103" y="35"/>
                      <a:pt x="103" y="35"/>
                      <a:pt x="103" y="35"/>
                    </a:cubicBezTo>
                    <a:cubicBezTo>
                      <a:pt x="102" y="35"/>
                      <a:pt x="102" y="35"/>
                      <a:pt x="102" y="35"/>
                    </a:cubicBezTo>
                    <a:cubicBezTo>
                      <a:pt x="101" y="35"/>
                      <a:pt x="101" y="35"/>
                      <a:pt x="101" y="35"/>
                    </a:cubicBezTo>
                    <a:cubicBezTo>
                      <a:pt x="101" y="35"/>
                      <a:pt x="101" y="37"/>
                      <a:pt x="101" y="37"/>
                    </a:cubicBezTo>
                    <a:cubicBezTo>
                      <a:pt x="100" y="37"/>
                      <a:pt x="100" y="37"/>
                      <a:pt x="100" y="37"/>
                    </a:cubicBezTo>
                    <a:cubicBezTo>
                      <a:pt x="100" y="37"/>
                      <a:pt x="99" y="37"/>
                      <a:pt x="99" y="37"/>
                    </a:cubicBezTo>
                    <a:cubicBezTo>
                      <a:pt x="99" y="37"/>
                      <a:pt x="98" y="37"/>
                      <a:pt x="98" y="37"/>
                    </a:cubicBezTo>
                    <a:cubicBezTo>
                      <a:pt x="98" y="37"/>
                      <a:pt x="98" y="37"/>
                      <a:pt x="98" y="37"/>
                    </a:cubicBezTo>
                    <a:cubicBezTo>
                      <a:pt x="98" y="37"/>
                      <a:pt x="97" y="38"/>
                      <a:pt x="97" y="38"/>
                    </a:cubicBezTo>
                    <a:cubicBezTo>
                      <a:pt x="96" y="39"/>
                      <a:pt x="96" y="39"/>
                      <a:pt x="96" y="39"/>
                    </a:cubicBezTo>
                    <a:cubicBezTo>
                      <a:pt x="96" y="39"/>
                      <a:pt x="96" y="39"/>
                      <a:pt x="96" y="39"/>
                    </a:cubicBezTo>
                    <a:cubicBezTo>
                      <a:pt x="96" y="39"/>
                      <a:pt x="96" y="39"/>
                      <a:pt x="96" y="39"/>
                    </a:cubicBezTo>
                    <a:cubicBezTo>
                      <a:pt x="96" y="39"/>
                      <a:pt x="96" y="39"/>
                      <a:pt x="96" y="40"/>
                    </a:cubicBezTo>
                    <a:cubicBezTo>
                      <a:pt x="97" y="40"/>
                      <a:pt x="97" y="40"/>
                      <a:pt x="97" y="40"/>
                    </a:cubicBezTo>
                    <a:cubicBezTo>
                      <a:pt x="98" y="40"/>
                      <a:pt x="98" y="40"/>
                      <a:pt x="99" y="39"/>
                    </a:cubicBezTo>
                    <a:cubicBezTo>
                      <a:pt x="99" y="39"/>
                      <a:pt x="99" y="39"/>
                      <a:pt x="99" y="39"/>
                    </a:cubicBezTo>
                    <a:cubicBezTo>
                      <a:pt x="99" y="38"/>
                      <a:pt x="99" y="38"/>
                      <a:pt x="100" y="38"/>
                    </a:cubicBezTo>
                    <a:cubicBezTo>
                      <a:pt x="105" y="38"/>
                      <a:pt x="105" y="38"/>
                      <a:pt x="105" y="38"/>
                    </a:cubicBezTo>
                    <a:cubicBezTo>
                      <a:pt x="105" y="39"/>
                      <a:pt x="105" y="39"/>
                      <a:pt x="105" y="39"/>
                    </a:cubicBezTo>
                    <a:cubicBezTo>
                      <a:pt x="105" y="40"/>
                      <a:pt x="104" y="41"/>
                      <a:pt x="103" y="42"/>
                    </a:cubicBezTo>
                    <a:cubicBezTo>
                      <a:pt x="103" y="42"/>
                      <a:pt x="103" y="43"/>
                      <a:pt x="103" y="43"/>
                    </a:cubicBezTo>
                    <a:cubicBezTo>
                      <a:pt x="103" y="43"/>
                      <a:pt x="102" y="44"/>
                      <a:pt x="101" y="44"/>
                    </a:cubicBezTo>
                    <a:cubicBezTo>
                      <a:pt x="101" y="44"/>
                      <a:pt x="101" y="44"/>
                      <a:pt x="101" y="44"/>
                    </a:cubicBezTo>
                    <a:cubicBezTo>
                      <a:pt x="99" y="44"/>
                      <a:pt x="99" y="44"/>
                      <a:pt x="99" y="44"/>
                    </a:cubicBezTo>
                    <a:cubicBezTo>
                      <a:pt x="98" y="44"/>
                      <a:pt x="98" y="44"/>
                      <a:pt x="98" y="44"/>
                    </a:cubicBezTo>
                    <a:cubicBezTo>
                      <a:pt x="98" y="44"/>
                      <a:pt x="98" y="44"/>
                      <a:pt x="98" y="44"/>
                    </a:cubicBezTo>
                    <a:cubicBezTo>
                      <a:pt x="98" y="44"/>
                      <a:pt x="98" y="44"/>
                      <a:pt x="98" y="44"/>
                    </a:cubicBezTo>
                    <a:cubicBezTo>
                      <a:pt x="98" y="44"/>
                      <a:pt x="98" y="44"/>
                      <a:pt x="98" y="44"/>
                    </a:cubicBezTo>
                    <a:cubicBezTo>
                      <a:pt x="97" y="45"/>
                      <a:pt x="97" y="46"/>
                      <a:pt x="96" y="46"/>
                    </a:cubicBezTo>
                    <a:cubicBezTo>
                      <a:pt x="95" y="46"/>
                      <a:pt x="95" y="46"/>
                      <a:pt x="95" y="46"/>
                    </a:cubicBezTo>
                    <a:cubicBezTo>
                      <a:pt x="94" y="46"/>
                      <a:pt x="94" y="46"/>
                      <a:pt x="94" y="46"/>
                    </a:cubicBezTo>
                    <a:cubicBezTo>
                      <a:pt x="94" y="46"/>
                      <a:pt x="94" y="46"/>
                      <a:pt x="94" y="46"/>
                    </a:cubicBezTo>
                    <a:cubicBezTo>
                      <a:pt x="94" y="46"/>
                      <a:pt x="94" y="47"/>
                      <a:pt x="94" y="47"/>
                    </a:cubicBezTo>
                    <a:cubicBezTo>
                      <a:pt x="93" y="47"/>
                      <a:pt x="93" y="47"/>
                      <a:pt x="93" y="47"/>
                    </a:cubicBezTo>
                    <a:cubicBezTo>
                      <a:pt x="92" y="47"/>
                      <a:pt x="92" y="47"/>
                      <a:pt x="92" y="47"/>
                    </a:cubicBezTo>
                    <a:cubicBezTo>
                      <a:pt x="91" y="47"/>
                      <a:pt x="91" y="47"/>
                      <a:pt x="91" y="47"/>
                    </a:cubicBezTo>
                    <a:cubicBezTo>
                      <a:pt x="90" y="47"/>
                      <a:pt x="90" y="47"/>
                      <a:pt x="90" y="47"/>
                    </a:cubicBezTo>
                    <a:cubicBezTo>
                      <a:pt x="90" y="47"/>
                      <a:pt x="90" y="49"/>
                      <a:pt x="90" y="49"/>
                    </a:cubicBezTo>
                    <a:cubicBezTo>
                      <a:pt x="89" y="49"/>
                      <a:pt x="89" y="49"/>
                      <a:pt x="89" y="49"/>
                    </a:cubicBezTo>
                    <a:cubicBezTo>
                      <a:pt x="89" y="49"/>
                      <a:pt x="89" y="49"/>
                      <a:pt x="89" y="49"/>
                    </a:cubicBezTo>
                    <a:cubicBezTo>
                      <a:pt x="89" y="49"/>
                      <a:pt x="89" y="49"/>
                      <a:pt x="89" y="49"/>
                    </a:cubicBezTo>
                    <a:cubicBezTo>
                      <a:pt x="89" y="49"/>
                      <a:pt x="89" y="49"/>
                      <a:pt x="89" y="50"/>
                    </a:cubicBezTo>
                    <a:cubicBezTo>
                      <a:pt x="88" y="51"/>
                      <a:pt x="88" y="51"/>
                      <a:pt x="88" y="51"/>
                    </a:cubicBezTo>
                    <a:cubicBezTo>
                      <a:pt x="87" y="51"/>
                      <a:pt x="87" y="51"/>
                      <a:pt x="87" y="51"/>
                    </a:cubicBezTo>
                    <a:cubicBezTo>
                      <a:pt x="87" y="51"/>
                      <a:pt x="87" y="51"/>
                      <a:pt x="87" y="52"/>
                    </a:cubicBezTo>
                    <a:cubicBezTo>
                      <a:pt x="87" y="52"/>
                      <a:pt x="87" y="52"/>
                      <a:pt x="87" y="53"/>
                    </a:cubicBezTo>
                    <a:cubicBezTo>
                      <a:pt x="87" y="54"/>
                      <a:pt x="87" y="55"/>
                      <a:pt x="86" y="56"/>
                    </a:cubicBezTo>
                    <a:cubicBezTo>
                      <a:pt x="86" y="56"/>
                      <a:pt x="86" y="56"/>
                      <a:pt x="86" y="56"/>
                    </a:cubicBezTo>
                    <a:cubicBezTo>
                      <a:pt x="85" y="57"/>
                      <a:pt x="85" y="57"/>
                      <a:pt x="85" y="57"/>
                    </a:cubicBezTo>
                    <a:cubicBezTo>
                      <a:pt x="85" y="57"/>
                      <a:pt x="85" y="57"/>
                      <a:pt x="85" y="57"/>
                    </a:cubicBezTo>
                    <a:cubicBezTo>
                      <a:pt x="85" y="57"/>
                      <a:pt x="85" y="58"/>
                      <a:pt x="83" y="58"/>
                    </a:cubicBezTo>
                    <a:cubicBezTo>
                      <a:pt x="81" y="58"/>
                      <a:pt x="81" y="58"/>
                      <a:pt x="81" y="58"/>
                    </a:cubicBezTo>
                    <a:cubicBezTo>
                      <a:pt x="80" y="58"/>
                      <a:pt x="80" y="58"/>
                      <a:pt x="80" y="58"/>
                    </a:cubicBezTo>
                    <a:cubicBezTo>
                      <a:pt x="80" y="58"/>
                      <a:pt x="80" y="58"/>
                      <a:pt x="80" y="58"/>
                    </a:cubicBezTo>
                    <a:cubicBezTo>
                      <a:pt x="80" y="58"/>
                      <a:pt x="80" y="58"/>
                      <a:pt x="80" y="58"/>
                    </a:cubicBezTo>
                    <a:cubicBezTo>
                      <a:pt x="80" y="58"/>
                      <a:pt x="80" y="59"/>
                      <a:pt x="80" y="59"/>
                    </a:cubicBezTo>
                    <a:cubicBezTo>
                      <a:pt x="80" y="59"/>
                      <a:pt x="79" y="60"/>
                      <a:pt x="78" y="60"/>
                    </a:cubicBezTo>
                    <a:cubicBezTo>
                      <a:pt x="77" y="60"/>
                      <a:pt x="77" y="60"/>
                      <a:pt x="77" y="60"/>
                    </a:cubicBezTo>
                    <a:cubicBezTo>
                      <a:pt x="77" y="60"/>
                      <a:pt x="77" y="60"/>
                      <a:pt x="77" y="60"/>
                    </a:cubicBezTo>
                    <a:cubicBezTo>
                      <a:pt x="75" y="61"/>
                      <a:pt x="73" y="63"/>
                      <a:pt x="71" y="65"/>
                    </a:cubicBezTo>
                    <a:cubicBezTo>
                      <a:pt x="71" y="65"/>
                      <a:pt x="71" y="66"/>
                      <a:pt x="71" y="66"/>
                    </a:cubicBezTo>
                    <a:cubicBezTo>
                      <a:pt x="71" y="69"/>
                      <a:pt x="71" y="69"/>
                      <a:pt x="71" y="69"/>
                    </a:cubicBezTo>
                    <a:cubicBezTo>
                      <a:pt x="71" y="69"/>
                      <a:pt x="71" y="69"/>
                      <a:pt x="71" y="69"/>
                    </a:cubicBezTo>
                    <a:cubicBezTo>
                      <a:pt x="71" y="70"/>
                      <a:pt x="70" y="71"/>
                      <a:pt x="69" y="71"/>
                    </a:cubicBezTo>
                    <a:cubicBezTo>
                      <a:pt x="69" y="71"/>
                      <a:pt x="69" y="71"/>
                      <a:pt x="69" y="71"/>
                    </a:cubicBezTo>
                    <a:cubicBezTo>
                      <a:pt x="68" y="71"/>
                      <a:pt x="68" y="72"/>
                      <a:pt x="68" y="72"/>
                    </a:cubicBezTo>
                    <a:cubicBezTo>
                      <a:pt x="68" y="72"/>
                      <a:pt x="67" y="73"/>
                      <a:pt x="67" y="73"/>
                    </a:cubicBezTo>
                    <a:cubicBezTo>
                      <a:pt x="67" y="73"/>
                      <a:pt x="67" y="73"/>
                      <a:pt x="67" y="73"/>
                    </a:cubicBezTo>
                    <a:cubicBezTo>
                      <a:pt x="67" y="74"/>
                      <a:pt x="66" y="74"/>
                      <a:pt x="65" y="74"/>
                    </a:cubicBezTo>
                    <a:cubicBezTo>
                      <a:pt x="64" y="74"/>
                      <a:pt x="64" y="74"/>
                      <a:pt x="64" y="74"/>
                    </a:cubicBezTo>
                    <a:cubicBezTo>
                      <a:pt x="63" y="75"/>
                      <a:pt x="62" y="75"/>
                      <a:pt x="62" y="76"/>
                    </a:cubicBezTo>
                    <a:cubicBezTo>
                      <a:pt x="61" y="77"/>
                      <a:pt x="60" y="78"/>
                      <a:pt x="60" y="79"/>
                    </a:cubicBezTo>
                    <a:cubicBezTo>
                      <a:pt x="60" y="79"/>
                      <a:pt x="59" y="80"/>
                      <a:pt x="58" y="80"/>
                    </a:cubicBezTo>
                    <a:cubicBezTo>
                      <a:pt x="57" y="80"/>
                      <a:pt x="57" y="80"/>
                      <a:pt x="57" y="80"/>
                    </a:cubicBezTo>
                    <a:cubicBezTo>
                      <a:pt x="57" y="80"/>
                      <a:pt x="56" y="80"/>
                      <a:pt x="56" y="80"/>
                    </a:cubicBezTo>
                    <a:cubicBezTo>
                      <a:pt x="54" y="80"/>
                      <a:pt x="54" y="80"/>
                      <a:pt x="54" y="80"/>
                    </a:cubicBezTo>
                    <a:cubicBezTo>
                      <a:pt x="54" y="80"/>
                      <a:pt x="54" y="80"/>
                      <a:pt x="54" y="80"/>
                    </a:cubicBezTo>
                    <a:cubicBezTo>
                      <a:pt x="54" y="80"/>
                      <a:pt x="54" y="80"/>
                      <a:pt x="55" y="81"/>
                    </a:cubicBezTo>
                    <a:cubicBezTo>
                      <a:pt x="55" y="81"/>
                      <a:pt x="55" y="81"/>
                      <a:pt x="55" y="81"/>
                    </a:cubicBezTo>
                    <a:cubicBezTo>
                      <a:pt x="56" y="81"/>
                      <a:pt x="56" y="83"/>
                      <a:pt x="56" y="84"/>
                    </a:cubicBezTo>
                    <a:cubicBezTo>
                      <a:pt x="56" y="84"/>
                      <a:pt x="56" y="84"/>
                      <a:pt x="56" y="84"/>
                    </a:cubicBezTo>
                    <a:cubicBezTo>
                      <a:pt x="56" y="85"/>
                      <a:pt x="56" y="85"/>
                      <a:pt x="56" y="85"/>
                    </a:cubicBezTo>
                    <a:cubicBezTo>
                      <a:pt x="55" y="85"/>
                      <a:pt x="55" y="85"/>
                      <a:pt x="55" y="85"/>
                    </a:cubicBezTo>
                    <a:cubicBezTo>
                      <a:pt x="55" y="85"/>
                      <a:pt x="54" y="85"/>
                      <a:pt x="54" y="85"/>
                    </a:cubicBezTo>
                    <a:cubicBezTo>
                      <a:pt x="54" y="85"/>
                      <a:pt x="53" y="85"/>
                      <a:pt x="53" y="85"/>
                    </a:cubicBezTo>
                    <a:cubicBezTo>
                      <a:pt x="53" y="86"/>
                      <a:pt x="53" y="86"/>
                      <a:pt x="53" y="86"/>
                    </a:cubicBezTo>
                    <a:cubicBezTo>
                      <a:pt x="52" y="86"/>
                      <a:pt x="52" y="87"/>
                      <a:pt x="51" y="87"/>
                    </a:cubicBezTo>
                    <a:cubicBezTo>
                      <a:pt x="50" y="87"/>
                      <a:pt x="50" y="87"/>
                      <a:pt x="50" y="87"/>
                    </a:cubicBezTo>
                    <a:cubicBezTo>
                      <a:pt x="50" y="87"/>
                      <a:pt x="50" y="87"/>
                      <a:pt x="50" y="87"/>
                    </a:cubicBezTo>
                    <a:cubicBezTo>
                      <a:pt x="50" y="87"/>
                      <a:pt x="50" y="87"/>
                      <a:pt x="50" y="87"/>
                    </a:cubicBezTo>
                    <a:cubicBezTo>
                      <a:pt x="49" y="87"/>
                      <a:pt x="49" y="87"/>
                      <a:pt x="49" y="87"/>
                    </a:cubicBezTo>
                    <a:cubicBezTo>
                      <a:pt x="49" y="87"/>
                      <a:pt x="49" y="87"/>
                      <a:pt x="49" y="87"/>
                    </a:cubicBezTo>
                    <a:cubicBezTo>
                      <a:pt x="49" y="87"/>
                      <a:pt x="49" y="88"/>
                      <a:pt x="49" y="90"/>
                    </a:cubicBezTo>
                    <a:cubicBezTo>
                      <a:pt x="49" y="91"/>
                      <a:pt x="49" y="91"/>
                      <a:pt x="49" y="91"/>
                    </a:cubicBezTo>
                    <a:cubicBezTo>
                      <a:pt x="49" y="93"/>
                      <a:pt x="49" y="93"/>
                      <a:pt x="49" y="93"/>
                    </a:cubicBezTo>
                    <a:cubicBezTo>
                      <a:pt x="48" y="92"/>
                      <a:pt x="48" y="92"/>
                      <a:pt x="48" y="92"/>
                    </a:cubicBezTo>
                    <a:cubicBezTo>
                      <a:pt x="47" y="92"/>
                      <a:pt x="47" y="92"/>
                      <a:pt x="47" y="92"/>
                    </a:cubicBezTo>
                    <a:cubicBezTo>
                      <a:pt x="47" y="93"/>
                      <a:pt x="47" y="94"/>
                      <a:pt x="47" y="94"/>
                    </a:cubicBezTo>
                    <a:cubicBezTo>
                      <a:pt x="47" y="94"/>
                      <a:pt x="47" y="95"/>
                      <a:pt x="47" y="95"/>
                    </a:cubicBezTo>
                    <a:cubicBezTo>
                      <a:pt x="47" y="96"/>
                      <a:pt x="47" y="96"/>
                      <a:pt x="47" y="96"/>
                    </a:cubicBezTo>
                    <a:cubicBezTo>
                      <a:pt x="46" y="96"/>
                      <a:pt x="46" y="96"/>
                      <a:pt x="46" y="96"/>
                    </a:cubicBezTo>
                    <a:cubicBezTo>
                      <a:pt x="46" y="96"/>
                      <a:pt x="46" y="96"/>
                      <a:pt x="46" y="96"/>
                    </a:cubicBezTo>
                    <a:cubicBezTo>
                      <a:pt x="45" y="96"/>
                      <a:pt x="45" y="97"/>
                      <a:pt x="45" y="98"/>
                    </a:cubicBezTo>
                    <a:cubicBezTo>
                      <a:pt x="45" y="100"/>
                      <a:pt x="45" y="103"/>
                      <a:pt x="43" y="103"/>
                    </a:cubicBezTo>
                    <a:cubicBezTo>
                      <a:pt x="41" y="103"/>
                      <a:pt x="41" y="103"/>
                      <a:pt x="41" y="103"/>
                    </a:cubicBezTo>
                    <a:cubicBezTo>
                      <a:pt x="41" y="102"/>
                      <a:pt x="41" y="102"/>
                      <a:pt x="41" y="102"/>
                    </a:cubicBezTo>
                    <a:cubicBezTo>
                      <a:pt x="41" y="102"/>
                      <a:pt x="41" y="102"/>
                      <a:pt x="41" y="101"/>
                    </a:cubicBezTo>
                    <a:cubicBezTo>
                      <a:pt x="41" y="101"/>
                      <a:pt x="41" y="101"/>
                      <a:pt x="41" y="101"/>
                    </a:cubicBezTo>
                    <a:cubicBezTo>
                      <a:pt x="41" y="101"/>
                      <a:pt x="41" y="101"/>
                      <a:pt x="41" y="101"/>
                    </a:cubicBezTo>
                    <a:cubicBezTo>
                      <a:pt x="40" y="101"/>
                      <a:pt x="39" y="101"/>
                      <a:pt x="39" y="100"/>
                    </a:cubicBezTo>
                    <a:cubicBezTo>
                      <a:pt x="39" y="97"/>
                      <a:pt x="39" y="97"/>
                      <a:pt x="39" y="97"/>
                    </a:cubicBezTo>
                    <a:cubicBezTo>
                      <a:pt x="40" y="97"/>
                      <a:pt x="40" y="97"/>
                      <a:pt x="40" y="97"/>
                    </a:cubicBezTo>
                    <a:cubicBezTo>
                      <a:pt x="41" y="97"/>
                      <a:pt x="41" y="97"/>
                      <a:pt x="41" y="97"/>
                    </a:cubicBezTo>
                    <a:cubicBezTo>
                      <a:pt x="42" y="96"/>
                      <a:pt x="42" y="94"/>
                      <a:pt x="41" y="92"/>
                    </a:cubicBezTo>
                    <a:cubicBezTo>
                      <a:pt x="41" y="91"/>
                      <a:pt x="41" y="89"/>
                      <a:pt x="40" y="89"/>
                    </a:cubicBezTo>
                    <a:cubicBezTo>
                      <a:pt x="40" y="89"/>
                      <a:pt x="39" y="89"/>
                      <a:pt x="39" y="89"/>
                    </a:cubicBezTo>
                    <a:cubicBezTo>
                      <a:pt x="39" y="89"/>
                      <a:pt x="39" y="89"/>
                      <a:pt x="38" y="89"/>
                    </a:cubicBezTo>
                    <a:cubicBezTo>
                      <a:pt x="38" y="89"/>
                      <a:pt x="38" y="89"/>
                      <a:pt x="38" y="89"/>
                    </a:cubicBezTo>
                    <a:cubicBezTo>
                      <a:pt x="37" y="89"/>
                      <a:pt x="35" y="90"/>
                      <a:pt x="35" y="90"/>
                    </a:cubicBezTo>
                    <a:cubicBezTo>
                      <a:pt x="34" y="90"/>
                      <a:pt x="34" y="90"/>
                      <a:pt x="34" y="90"/>
                    </a:cubicBezTo>
                    <a:cubicBezTo>
                      <a:pt x="33" y="91"/>
                      <a:pt x="32" y="92"/>
                      <a:pt x="30" y="92"/>
                    </a:cubicBezTo>
                    <a:cubicBezTo>
                      <a:pt x="30" y="92"/>
                      <a:pt x="30" y="92"/>
                      <a:pt x="30" y="92"/>
                    </a:cubicBezTo>
                    <a:cubicBezTo>
                      <a:pt x="29" y="92"/>
                      <a:pt x="28" y="91"/>
                      <a:pt x="27" y="91"/>
                    </a:cubicBezTo>
                    <a:cubicBezTo>
                      <a:pt x="27" y="91"/>
                      <a:pt x="27" y="91"/>
                      <a:pt x="27" y="91"/>
                    </a:cubicBezTo>
                    <a:cubicBezTo>
                      <a:pt x="26" y="91"/>
                      <a:pt x="26" y="91"/>
                      <a:pt x="26" y="91"/>
                    </a:cubicBezTo>
                    <a:cubicBezTo>
                      <a:pt x="26" y="91"/>
                      <a:pt x="26" y="91"/>
                      <a:pt x="26" y="91"/>
                    </a:cubicBezTo>
                    <a:cubicBezTo>
                      <a:pt x="26" y="92"/>
                      <a:pt x="26" y="92"/>
                      <a:pt x="26" y="92"/>
                    </a:cubicBezTo>
                    <a:cubicBezTo>
                      <a:pt x="25" y="94"/>
                      <a:pt x="24" y="95"/>
                      <a:pt x="23" y="96"/>
                    </a:cubicBezTo>
                    <a:cubicBezTo>
                      <a:pt x="22" y="96"/>
                      <a:pt x="21" y="97"/>
                      <a:pt x="21" y="97"/>
                    </a:cubicBezTo>
                    <a:cubicBezTo>
                      <a:pt x="21" y="97"/>
                      <a:pt x="20" y="98"/>
                      <a:pt x="20" y="98"/>
                    </a:cubicBezTo>
                    <a:cubicBezTo>
                      <a:pt x="20" y="99"/>
                      <a:pt x="20" y="100"/>
                      <a:pt x="19" y="100"/>
                    </a:cubicBezTo>
                    <a:cubicBezTo>
                      <a:pt x="19" y="100"/>
                      <a:pt x="19" y="99"/>
                      <a:pt x="19" y="99"/>
                    </a:cubicBezTo>
                    <a:cubicBezTo>
                      <a:pt x="19" y="99"/>
                      <a:pt x="19" y="99"/>
                      <a:pt x="19" y="99"/>
                    </a:cubicBezTo>
                    <a:cubicBezTo>
                      <a:pt x="18" y="100"/>
                      <a:pt x="18" y="101"/>
                      <a:pt x="18" y="101"/>
                    </a:cubicBezTo>
                    <a:cubicBezTo>
                      <a:pt x="18" y="102"/>
                      <a:pt x="19" y="102"/>
                      <a:pt x="19" y="102"/>
                    </a:cubicBezTo>
                    <a:cubicBezTo>
                      <a:pt x="19" y="103"/>
                      <a:pt x="19" y="103"/>
                      <a:pt x="19" y="103"/>
                    </a:cubicBezTo>
                    <a:cubicBezTo>
                      <a:pt x="17" y="103"/>
                      <a:pt x="17" y="103"/>
                      <a:pt x="17" y="103"/>
                    </a:cubicBezTo>
                    <a:cubicBezTo>
                      <a:pt x="17" y="103"/>
                      <a:pt x="17" y="103"/>
                      <a:pt x="17" y="103"/>
                    </a:cubicBezTo>
                    <a:cubicBezTo>
                      <a:pt x="17" y="103"/>
                      <a:pt x="17" y="105"/>
                      <a:pt x="17" y="105"/>
                    </a:cubicBezTo>
                    <a:cubicBezTo>
                      <a:pt x="17" y="105"/>
                      <a:pt x="17" y="105"/>
                      <a:pt x="17" y="106"/>
                    </a:cubicBezTo>
                    <a:cubicBezTo>
                      <a:pt x="17" y="107"/>
                      <a:pt x="17" y="107"/>
                      <a:pt x="17" y="107"/>
                    </a:cubicBezTo>
                    <a:cubicBezTo>
                      <a:pt x="15" y="107"/>
                      <a:pt x="15" y="107"/>
                      <a:pt x="15" y="107"/>
                    </a:cubicBezTo>
                    <a:cubicBezTo>
                      <a:pt x="15" y="107"/>
                      <a:pt x="15" y="107"/>
                      <a:pt x="15" y="107"/>
                    </a:cubicBezTo>
                    <a:cubicBezTo>
                      <a:pt x="15" y="107"/>
                      <a:pt x="15" y="108"/>
                      <a:pt x="15" y="110"/>
                    </a:cubicBezTo>
                    <a:cubicBezTo>
                      <a:pt x="15" y="110"/>
                      <a:pt x="15" y="111"/>
                      <a:pt x="15" y="111"/>
                    </a:cubicBezTo>
                    <a:cubicBezTo>
                      <a:pt x="15" y="112"/>
                      <a:pt x="15" y="112"/>
                      <a:pt x="15" y="112"/>
                    </a:cubicBezTo>
                    <a:cubicBezTo>
                      <a:pt x="13" y="112"/>
                      <a:pt x="13" y="112"/>
                      <a:pt x="13" y="112"/>
                    </a:cubicBezTo>
                    <a:cubicBezTo>
                      <a:pt x="13" y="112"/>
                      <a:pt x="13" y="112"/>
                      <a:pt x="13" y="112"/>
                    </a:cubicBezTo>
                    <a:cubicBezTo>
                      <a:pt x="13" y="112"/>
                      <a:pt x="13" y="114"/>
                      <a:pt x="13" y="114"/>
                    </a:cubicBezTo>
                    <a:cubicBezTo>
                      <a:pt x="13" y="114"/>
                      <a:pt x="13" y="114"/>
                      <a:pt x="13" y="115"/>
                    </a:cubicBezTo>
                    <a:cubicBezTo>
                      <a:pt x="13" y="116"/>
                      <a:pt x="13" y="116"/>
                      <a:pt x="13" y="116"/>
                    </a:cubicBezTo>
                    <a:cubicBezTo>
                      <a:pt x="12" y="116"/>
                      <a:pt x="12" y="116"/>
                      <a:pt x="12" y="116"/>
                    </a:cubicBezTo>
                    <a:cubicBezTo>
                      <a:pt x="12" y="116"/>
                      <a:pt x="12" y="116"/>
                      <a:pt x="11" y="116"/>
                    </a:cubicBezTo>
                    <a:cubicBezTo>
                      <a:pt x="11" y="116"/>
                      <a:pt x="11" y="116"/>
                      <a:pt x="11" y="116"/>
                    </a:cubicBezTo>
                    <a:cubicBezTo>
                      <a:pt x="11" y="116"/>
                      <a:pt x="11" y="116"/>
                      <a:pt x="11" y="116"/>
                    </a:cubicBezTo>
                    <a:cubicBezTo>
                      <a:pt x="11" y="118"/>
                      <a:pt x="11" y="118"/>
                      <a:pt x="11" y="118"/>
                    </a:cubicBezTo>
                    <a:cubicBezTo>
                      <a:pt x="10" y="117"/>
                      <a:pt x="10" y="117"/>
                      <a:pt x="10" y="117"/>
                    </a:cubicBezTo>
                    <a:cubicBezTo>
                      <a:pt x="10" y="117"/>
                      <a:pt x="10" y="117"/>
                      <a:pt x="10" y="117"/>
                    </a:cubicBezTo>
                    <a:cubicBezTo>
                      <a:pt x="10" y="117"/>
                      <a:pt x="10" y="117"/>
                      <a:pt x="10" y="117"/>
                    </a:cubicBezTo>
                    <a:cubicBezTo>
                      <a:pt x="10" y="117"/>
                      <a:pt x="10" y="118"/>
                      <a:pt x="10" y="119"/>
                    </a:cubicBezTo>
                    <a:cubicBezTo>
                      <a:pt x="10" y="119"/>
                      <a:pt x="10" y="119"/>
                      <a:pt x="9" y="119"/>
                    </a:cubicBezTo>
                    <a:cubicBezTo>
                      <a:pt x="9" y="120"/>
                      <a:pt x="9" y="120"/>
                      <a:pt x="10" y="120"/>
                    </a:cubicBezTo>
                    <a:cubicBezTo>
                      <a:pt x="10" y="120"/>
                      <a:pt x="10" y="120"/>
                      <a:pt x="10" y="120"/>
                    </a:cubicBezTo>
                    <a:cubicBezTo>
                      <a:pt x="10" y="120"/>
                      <a:pt x="10" y="120"/>
                      <a:pt x="10" y="120"/>
                    </a:cubicBezTo>
                    <a:cubicBezTo>
                      <a:pt x="11" y="121"/>
                      <a:pt x="11" y="121"/>
                      <a:pt x="11" y="122"/>
                    </a:cubicBezTo>
                    <a:cubicBezTo>
                      <a:pt x="11" y="123"/>
                      <a:pt x="11" y="123"/>
                      <a:pt x="11" y="123"/>
                    </a:cubicBezTo>
                    <a:cubicBezTo>
                      <a:pt x="11" y="124"/>
                      <a:pt x="11" y="124"/>
                      <a:pt x="11" y="124"/>
                    </a:cubicBezTo>
                    <a:cubicBezTo>
                      <a:pt x="11" y="125"/>
                      <a:pt x="11" y="125"/>
                      <a:pt x="11" y="125"/>
                    </a:cubicBezTo>
                    <a:cubicBezTo>
                      <a:pt x="12" y="125"/>
                      <a:pt x="13" y="124"/>
                      <a:pt x="14" y="123"/>
                    </a:cubicBezTo>
                    <a:cubicBezTo>
                      <a:pt x="14" y="123"/>
                      <a:pt x="15" y="123"/>
                      <a:pt x="15" y="122"/>
                    </a:cubicBezTo>
                    <a:cubicBezTo>
                      <a:pt x="15" y="122"/>
                      <a:pt x="15" y="122"/>
                      <a:pt x="15" y="122"/>
                    </a:cubicBezTo>
                    <a:cubicBezTo>
                      <a:pt x="16" y="122"/>
                      <a:pt x="16" y="121"/>
                      <a:pt x="17" y="121"/>
                    </a:cubicBezTo>
                    <a:cubicBezTo>
                      <a:pt x="17" y="120"/>
                      <a:pt x="17" y="120"/>
                      <a:pt x="17" y="120"/>
                    </a:cubicBezTo>
                    <a:cubicBezTo>
                      <a:pt x="18" y="121"/>
                      <a:pt x="18" y="121"/>
                      <a:pt x="18" y="121"/>
                    </a:cubicBezTo>
                    <a:cubicBezTo>
                      <a:pt x="18" y="121"/>
                      <a:pt x="18" y="121"/>
                      <a:pt x="18" y="121"/>
                    </a:cubicBezTo>
                    <a:cubicBezTo>
                      <a:pt x="18" y="121"/>
                      <a:pt x="18" y="121"/>
                      <a:pt x="18" y="121"/>
                    </a:cubicBezTo>
                    <a:cubicBezTo>
                      <a:pt x="18" y="121"/>
                      <a:pt x="18" y="120"/>
                      <a:pt x="18" y="120"/>
                    </a:cubicBezTo>
                    <a:cubicBezTo>
                      <a:pt x="18" y="118"/>
                      <a:pt x="18" y="118"/>
                      <a:pt x="18" y="118"/>
                    </a:cubicBezTo>
                    <a:cubicBezTo>
                      <a:pt x="19" y="119"/>
                      <a:pt x="19" y="119"/>
                      <a:pt x="19" y="119"/>
                    </a:cubicBezTo>
                    <a:cubicBezTo>
                      <a:pt x="19" y="119"/>
                      <a:pt x="20" y="119"/>
                      <a:pt x="20" y="119"/>
                    </a:cubicBezTo>
                    <a:cubicBezTo>
                      <a:pt x="20" y="119"/>
                      <a:pt x="20" y="119"/>
                      <a:pt x="20" y="119"/>
                    </a:cubicBezTo>
                    <a:cubicBezTo>
                      <a:pt x="20" y="119"/>
                      <a:pt x="20" y="119"/>
                      <a:pt x="20" y="118"/>
                    </a:cubicBezTo>
                    <a:cubicBezTo>
                      <a:pt x="20" y="117"/>
                      <a:pt x="21" y="116"/>
                      <a:pt x="22" y="115"/>
                    </a:cubicBezTo>
                    <a:cubicBezTo>
                      <a:pt x="23" y="115"/>
                      <a:pt x="24" y="115"/>
                      <a:pt x="24" y="115"/>
                    </a:cubicBezTo>
                    <a:cubicBezTo>
                      <a:pt x="25" y="115"/>
                      <a:pt x="25" y="115"/>
                      <a:pt x="26" y="115"/>
                    </a:cubicBezTo>
                    <a:cubicBezTo>
                      <a:pt x="27" y="115"/>
                      <a:pt x="27" y="115"/>
                      <a:pt x="27" y="115"/>
                    </a:cubicBezTo>
                    <a:cubicBezTo>
                      <a:pt x="27" y="116"/>
                      <a:pt x="27" y="116"/>
                      <a:pt x="27" y="116"/>
                    </a:cubicBezTo>
                    <a:cubicBezTo>
                      <a:pt x="27" y="117"/>
                      <a:pt x="27" y="117"/>
                      <a:pt x="27" y="117"/>
                    </a:cubicBezTo>
                    <a:cubicBezTo>
                      <a:pt x="28" y="118"/>
                      <a:pt x="28" y="120"/>
                      <a:pt x="27" y="121"/>
                    </a:cubicBezTo>
                    <a:cubicBezTo>
                      <a:pt x="27" y="124"/>
                      <a:pt x="25" y="125"/>
                      <a:pt x="24" y="125"/>
                    </a:cubicBezTo>
                    <a:cubicBezTo>
                      <a:pt x="23" y="125"/>
                      <a:pt x="23" y="125"/>
                      <a:pt x="23" y="125"/>
                    </a:cubicBezTo>
                    <a:cubicBezTo>
                      <a:pt x="23" y="125"/>
                      <a:pt x="22" y="125"/>
                      <a:pt x="22" y="125"/>
                    </a:cubicBezTo>
                    <a:cubicBezTo>
                      <a:pt x="22" y="125"/>
                      <a:pt x="22" y="125"/>
                      <a:pt x="22" y="125"/>
                    </a:cubicBezTo>
                    <a:cubicBezTo>
                      <a:pt x="22" y="125"/>
                      <a:pt x="22" y="125"/>
                      <a:pt x="22" y="125"/>
                    </a:cubicBezTo>
                    <a:cubicBezTo>
                      <a:pt x="22" y="126"/>
                      <a:pt x="22" y="127"/>
                      <a:pt x="22" y="128"/>
                    </a:cubicBezTo>
                    <a:cubicBezTo>
                      <a:pt x="22" y="128"/>
                      <a:pt x="22" y="128"/>
                      <a:pt x="22" y="129"/>
                    </a:cubicBezTo>
                    <a:cubicBezTo>
                      <a:pt x="22" y="130"/>
                      <a:pt x="22" y="130"/>
                      <a:pt x="22" y="130"/>
                    </a:cubicBezTo>
                    <a:cubicBezTo>
                      <a:pt x="21" y="130"/>
                      <a:pt x="21" y="130"/>
                      <a:pt x="21" y="130"/>
                    </a:cubicBezTo>
                    <a:cubicBezTo>
                      <a:pt x="21" y="130"/>
                      <a:pt x="21" y="130"/>
                      <a:pt x="20" y="130"/>
                    </a:cubicBezTo>
                    <a:cubicBezTo>
                      <a:pt x="20" y="130"/>
                      <a:pt x="20" y="131"/>
                      <a:pt x="20" y="132"/>
                    </a:cubicBezTo>
                    <a:cubicBezTo>
                      <a:pt x="20" y="132"/>
                      <a:pt x="20" y="132"/>
                      <a:pt x="20" y="132"/>
                    </a:cubicBezTo>
                    <a:cubicBezTo>
                      <a:pt x="20" y="133"/>
                      <a:pt x="21" y="133"/>
                      <a:pt x="22" y="133"/>
                    </a:cubicBezTo>
                    <a:cubicBezTo>
                      <a:pt x="22" y="133"/>
                      <a:pt x="22" y="133"/>
                      <a:pt x="23" y="133"/>
                    </a:cubicBezTo>
                    <a:cubicBezTo>
                      <a:pt x="23" y="133"/>
                      <a:pt x="24" y="133"/>
                      <a:pt x="24" y="133"/>
                    </a:cubicBezTo>
                    <a:cubicBezTo>
                      <a:pt x="24" y="133"/>
                      <a:pt x="24" y="133"/>
                      <a:pt x="24" y="133"/>
                    </a:cubicBezTo>
                    <a:cubicBezTo>
                      <a:pt x="24" y="133"/>
                      <a:pt x="24" y="133"/>
                      <a:pt x="24" y="133"/>
                    </a:cubicBezTo>
                    <a:cubicBezTo>
                      <a:pt x="25" y="133"/>
                      <a:pt x="25" y="133"/>
                      <a:pt x="25" y="133"/>
                    </a:cubicBezTo>
                    <a:cubicBezTo>
                      <a:pt x="27" y="133"/>
                      <a:pt x="27" y="134"/>
                      <a:pt x="28" y="134"/>
                    </a:cubicBezTo>
                    <a:cubicBezTo>
                      <a:pt x="28" y="135"/>
                      <a:pt x="28" y="136"/>
                      <a:pt x="28" y="137"/>
                    </a:cubicBezTo>
                    <a:cubicBezTo>
                      <a:pt x="28" y="137"/>
                      <a:pt x="28" y="138"/>
                      <a:pt x="28" y="139"/>
                    </a:cubicBezTo>
                    <a:cubicBezTo>
                      <a:pt x="28" y="140"/>
                      <a:pt x="28" y="140"/>
                      <a:pt x="28" y="140"/>
                    </a:cubicBezTo>
                    <a:cubicBezTo>
                      <a:pt x="29" y="140"/>
                      <a:pt x="29" y="140"/>
                      <a:pt x="29" y="140"/>
                    </a:cubicBezTo>
                    <a:cubicBezTo>
                      <a:pt x="29" y="141"/>
                      <a:pt x="29" y="141"/>
                      <a:pt x="29" y="141"/>
                    </a:cubicBezTo>
                    <a:cubicBezTo>
                      <a:pt x="29" y="142"/>
                      <a:pt x="30" y="143"/>
                      <a:pt x="29" y="145"/>
                    </a:cubicBezTo>
                    <a:cubicBezTo>
                      <a:pt x="28" y="146"/>
                      <a:pt x="27" y="147"/>
                      <a:pt x="25" y="147"/>
                    </a:cubicBezTo>
                    <a:cubicBezTo>
                      <a:pt x="25" y="147"/>
                      <a:pt x="25" y="147"/>
                      <a:pt x="24" y="147"/>
                    </a:cubicBezTo>
                    <a:cubicBezTo>
                      <a:pt x="24" y="147"/>
                      <a:pt x="24" y="147"/>
                      <a:pt x="24" y="147"/>
                    </a:cubicBezTo>
                    <a:cubicBezTo>
                      <a:pt x="24" y="148"/>
                      <a:pt x="24" y="148"/>
                      <a:pt x="24" y="149"/>
                    </a:cubicBezTo>
                    <a:cubicBezTo>
                      <a:pt x="24" y="149"/>
                      <a:pt x="24" y="150"/>
                      <a:pt x="25" y="150"/>
                    </a:cubicBezTo>
                    <a:cubicBezTo>
                      <a:pt x="25" y="150"/>
                      <a:pt x="25" y="151"/>
                      <a:pt x="25" y="151"/>
                    </a:cubicBezTo>
                    <a:cubicBezTo>
                      <a:pt x="25" y="151"/>
                      <a:pt x="26" y="152"/>
                      <a:pt x="26" y="153"/>
                    </a:cubicBezTo>
                    <a:cubicBezTo>
                      <a:pt x="26" y="153"/>
                      <a:pt x="26" y="153"/>
                      <a:pt x="26" y="153"/>
                    </a:cubicBezTo>
                    <a:cubicBezTo>
                      <a:pt x="26" y="153"/>
                      <a:pt x="27" y="153"/>
                      <a:pt x="28" y="154"/>
                    </a:cubicBezTo>
                    <a:cubicBezTo>
                      <a:pt x="28" y="155"/>
                      <a:pt x="28" y="155"/>
                      <a:pt x="28" y="155"/>
                    </a:cubicBezTo>
                    <a:cubicBezTo>
                      <a:pt x="28" y="155"/>
                      <a:pt x="28" y="155"/>
                      <a:pt x="28" y="155"/>
                    </a:cubicBezTo>
                    <a:cubicBezTo>
                      <a:pt x="28" y="155"/>
                      <a:pt x="28" y="155"/>
                      <a:pt x="28" y="155"/>
                    </a:cubicBezTo>
                    <a:cubicBezTo>
                      <a:pt x="28" y="155"/>
                      <a:pt x="29" y="155"/>
                      <a:pt x="29" y="155"/>
                    </a:cubicBezTo>
                    <a:cubicBezTo>
                      <a:pt x="29" y="155"/>
                      <a:pt x="30" y="154"/>
                      <a:pt x="32" y="154"/>
                    </a:cubicBezTo>
                    <a:cubicBezTo>
                      <a:pt x="32" y="154"/>
                      <a:pt x="32" y="154"/>
                      <a:pt x="32" y="154"/>
                    </a:cubicBezTo>
                    <a:cubicBezTo>
                      <a:pt x="33" y="153"/>
                      <a:pt x="33" y="153"/>
                      <a:pt x="34" y="153"/>
                    </a:cubicBezTo>
                    <a:cubicBezTo>
                      <a:pt x="34" y="153"/>
                      <a:pt x="35" y="153"/>
                      <a:pt x="36" y="155"/>
                    </a:cubicBezTo>
                    <a:cubicBezTo>
                      <a:pt x="36" y="155"/>
                      <a:pt x="36" y="155"/>
                      <a:pt x="36" y="156"/>
                    </a:cubicBezTo>
                    <a:cubicBezTo>
                      <a:pt x="37" y="156"/>
                      <a:pt x="37" y="156"/>
                      <a:pt x="37" y="156"/>
                    </a:cubicBezTo>
                    <a:cubicBezTo>
                      <a:pt x="37" y="156"/>
                      <a:pt x="37" y="156"/>
                      <a:pt x="37" y="156"/>
                    </a:cubicBezTo>
                    <a:cubicBezTo>
                      <a:pt x="37" y="157"/>
                      <a:pt x="38" y="157"/>
                      <a:pt x="38" y="158"/>
                    </a:cubicBezTo>
                    <a:cubicBezTo>
                      <a:pt x="38" y="158"/>
                      <a:pt x="38" y="158"/>
                      <a:pt x="38" y="158"/>
                    </a:cubicBezTo>
                    <a:cubicBezTo>
                      <a:pt x="38" y="158"/>
                      <a:pt x="38" y="158"/>
                      <a:pt x="38" y="158"/>
                    </a:cubicBezTo>
                    <a:cubicBezTo>
                      <a:pt x="39" y="158"/>
                      <a:pt x="39" y="158"/>
                      <a:pt x="39" y="158"/>
                    </a:cubicBezTo>
                    <a:cubicBezTo>
                      <a:pt x="39" y="158"/>
                      <a:pt x="40" y="158"/>
                      <a:pt x="40" y="158"/>
                    </a:cubicBezTo>
                    <a:cubicBezTo>
                      <a:pt x="40" y="158"/>
                      <a:pt x="40" y="158"/>
                      <a:pt x="41" y="158"/>
                    </a:cubicBezTo>
                    <a:cubicBezTo>
                      <a:pt x="41" y="158"/>
                      <a:pt x="42" y="157"/>
                      <a:pt x="42" y="157"/>
                    </a:cubicBezTo>
                    <a:cubicBezTo>
                      <a:pt x="42" y="157"/>
                      <a:pt x="41" y="157"/>
                      <a:pt x="41" y="157"/>
                    </a:cubicBezTo>
                    <a:cubicBezTo>
                      <a:pt x="41" y="156"/>
                      <a:pt x="41" y="156"/>
                      <a:pt x="41" y="156"/>
                    </a:cubicBezTo>
                    <a:cubicBezTo>
                      <a:pt x="41" y="156"/>
                      <a:pt x="41" y="155"/>
                      <a:pt x="41" y="155"/>
                    </a:cubicBezTo>
                    <a:cubicBezTo>
                      <a:pt x="41" y="155"/>
                      <a:pt x="41" y="155"/>
                      <a:pt x="41" y="154"/>
                    </a:cubicBezTo>
                    <a:cubicBezTo>
                      <a:pt x="40" y="154"/>
                      <a:pt x="40" y="153"/>
                      <a:pt x="40" y="152"/>
                    </a:cubicBezTo>
                    <a:cubicBezTo>
                      <a:pt x="39" y="151"/>
                      <a:pt x="39" y="151"/>
                      <a:pt x="39" y="151"/>
                    </a:cubicBezTo>
                    <a:cubicBezTo>
                      <a:pt x="41" y="151"/>
                      <a:pt x="41" y="151"/>
                      <a:pt x="41" y="151"/>
                    </a:cubicBezTo>
                    <a:cubicBezTo>
                      <a:pt x="41" y="151"/>
                      <a:pt x="41" y="151"/>
                      <a:pt x="41" y="151"/>
                    </a:cubicBezTo>
                    <a:cubicBezTo>
                      <a:pt x="42" y="151"/>
                      <a:pt x="42" y="151"/>
                      <a:pt x="43" y="151"/>
                    </a:cubicBezTo>
                    <a:cubicBezTo>
                      <a:pt x="44" y="151"/>
                      <a:pt x="45" y="151"/>
                      <a:pt x="45" y="150"/>
                    </a:cubicBezTo>
                    <a:cubicBezTo>
                      <a:pt x="45" y="149"/>
                      <a:pt x="46" y="149"/>
                      <a:pt x="46" y="149"/>
                    </a:cubicBezTo>
                    <a:cubicBezTo>
                      <a:pt x="47" y="149"/>
                      <a:pt x="47" y="149"/>
                      <a:pt x="47" y="149"/>
                    </a:cubicBezTo>
                    <a:cubicBezTo>
                      <a:pt x="48" y="149"/>
                      <a:pt x="48" y="149"/>
                      <a:pt x="48" y="149"/>
                    </a:cubicBezTo>
                    <a:cubicBezTo>
                      <a:pt x="48" y="149"/>
                      <a:pt x="49" y="149"/>
                      <a:pt x="49" y="149"/>
                    </a:cubicBezTo>
                    <a:cubicBezTo>
                      <a:pt x="49" y="149"/>
                      <a:pt x="49" y="149"/>
                      <a:pt x="48" y="149"/>
                    </a:cubicBezTo>
                    <a:cubicBezTo>
                      <a:pt x="48" y="147"/>
                      <a:pt x="48" y="147"/>
                      <a:pt x="48" y="147"/>
                    </a:cubicBezTo>
                    <a:cubicBezTo>
                      <a:pt x="50" y="147"/>
                      <a:pt x="50" y="147"/>
                      <a:pt x="50" y="147"/>
                    </a:cubicBezTo>
                    <a:cubicBezTo>
                      <a:pt x="51" y="147"/>
                      <a:pt x="53" y="147"/>
                      <a:pt x="54" y="149"/>
                    </a:cubicBezTo>
                    <a:cubicBezTo>
                      <a:pt x="54" y="149"/>
                      <a:pt x="54" y="149"/>
                      <a:pt x="54" y="149"/>
                    </a:cubicBezTo>
                    <a:cubicBezTo>
                      <a:pt x="54" y="148"/>
                      <a:pt x="54" y="147"/>
                      <a:pt x="55" y="147"/>
                    </a:cubicBezTo>
                    <a:cubicBezTo>
                      <a:pt x="55" y="147"/>
                      <a:pt x="55" y="147"/>
                      <a:pt x="55" y="147"/>
                    </a:cubicBezTo>
                    <a:cubicBezTo>
                      <a:pt x="56" y="147"/>
                      <a:pt x="56" y="147"/>
                      <a:pt x="56" y="147"/>
                    </a:cubicBezTo>
                    <a:cubicBezTo>
                      <a:pt x="57" y="147"/>
                      <a:pt x="57" y="147"/>
                      <a:pt x="57" y="147"/>
                    </a:cubicBezTo>
                    <a:cubicBezTo>
                      <a:pt x="58" y="148"/>
                      <a:pt x="59" y="148"/>
                      <a:pt x="60" y="148"/>
                    </a:cubicBezTo>
                    <a:cubicBezTo>
                      <a:pt x="61" y="149"/>
                      <a:pt x="62" y="149"/>
                      <a:pt x="63" y="150"/>
                    </a:cubicBezTo>
                    <a:cubicBezTo>
                      <a:pt x="63" y="150"/>
                      <a:pt x="64" y="151"/>
                      <a:pt x="65" y="151"/>
                    </a:cubicBezTo>
                    <a:cubicBezTo>
                      <a:pt x="66" y="151"/>
                      <a:pt x="67" y="152"/>
                      <a:pt x="68" y="152"/>
                    </a:cubicBezTo>
                    <a:cubicBezTo>
                      <a:pt x="69" y="152"/>
                      <a:pt x="70" y="151"/>
                      <a:pt x="71" y="151"/>
                    </a:cubicBezTo>
                    <a:cubicBezTo>
                      <a:pt x="73" y="151"/>
                      <a:pt x="73" y="151"/>
                      <a:pt x="73" y="151"/>
                    </a:cubicBezTo>
                    <a:cubicBezTo>
                      <a:pt x="72" y="153"/>
                      <a:pt x="72" y="153"/>
                      <a:pt x="72" y="153"/>
                    </a:cubicBezTo>
                    <a:cubicBezTo>
                      <a:pt x="72" y="153"/>
                      <a:pt x="73" y="154"/>
                      <a:pt x="74" y="155"/>
                    </a:cubicBezTo>
                    <a:cubicBezTo>
                      <a:pt x="75" y="155"/>
                      <a:pt x="75" y="155"/>
                      <a:pt x="75" y="155"/>
                    </a:cubicBezTo>
                    <a:cubicBezTo>
                      <a:pt x="75" y="155"/>
                      <a:pt x="75" y="155"/>
                      <a:pt x="75" y="155"/>
                    </a:cubicBezTo>
                    <a:cubicBezTo>
                      <a:pt x="75" y="155"/>
                      <a:pt x="75" y="155"/>
                      <a:pt x="75" y="154"/>
                    </a:cubicBezTo>
                    <a:cubicBezTo>
                      <a:pt x="75" y="154"/>
                      <a:pt x="75" y="154"/>
                      <a:pt x="75" y="154"/>
                    </a:cubicBezTo>
                    <a:cubicBezTo>
                      <a:pt x="75" y="153"/>
                      <a:pt x="76" y="153"/>
                      <a:pt x="77" y="153"/>
                    </a:cubicBezTo>
                    <a:cubicBezTo>
                      <a:pt x="80" y="153"/>
                      <a:pt x="80" y="153"/>
                      <a:pt x="80" y="153"/>
                    </a:cubicBezTo>
                    <a:cubicBezTo>
                      <a:pt x="80" y="154"/>
                      <a:pt x="80" y="154"/>
                      <a:pt x="80" y="154"/>
                    </a:cubicBezTo>
                    <a:cubicBezTo>
                      <a:pt x="79" y="154"/>
                      <a:pt x="79" y="154"/>
                      <a:pt x="79" y="154"/>
                    </a:cubicBezTo>
                    <a:cubicBezTo>
                      <a:pt x="79" y="154"/>
                      <a:pt x="79" y="154"/>
                      <a:pt x="79" y="154"/>
                    </a:cubicBezTo>
                    <a:cubicBezTo>
                      <a:pt x="80" y="154"/>
                      <a:pt x="80" y="155"/>
                      <a:pt x="80" y="155"/>
                    </a:cubicBezTo>
                    <a:cubicBezTo>
                      <a:pt x="83" y="155"/>
                      <a:pt x="83" y="155"/>
                      <a:pt x="83" y="155"/>
                    </a:cubicBezTo>
                    <a:cubicBezTo>
                      <a:pt x="81" y="157"/>
                      <a:pt x="81" y="157"/>
                      <a:pt x="81" y="157"/>
                    </a:cubicBezTo>
                    <a:cubicBezTo>
                      <a:pt x="80" y="157"/>
                      <a:pt x="80" y="158"/>
                      <a:pt x="80" y="158"/>
                    </a:cubicBezTo>
                    <a:cubicBezTo>
                      <a:pt x="80" y="158"/>
                      <a:pt x="81" y="158"/>
                      <a:pt x="82" y="158"/>
                    </a:cubicBezTo>
                    <a:cubicBezTo>
                      <a:pt x="83" y="158"/>
                      <a:pt x="83" y="158"/>
                      <a:pt x="83" y="158"/>
                    </a:cubicBezTo>
                    <a:cubicBezTo>
                      <a:pt x="84" y="158"/>
                      <a:pt x="84" y="158"/>
                      <a:pt x="85" y="158"/>
                    </a:cubicBezTo>
                    <a:cubicBezTo>
                      <a:pt x="86" y="158"/>
                      <a:pt x="87" y="159"/>
                      <a:pt x="88" y="160"/>
                    </a:cubicBezTo>
                    <a:cubicBezTo>
                      <a:pt x="88" y="160"/>
                      <a:pt x="88" y="161"/>
                      <a:pt x="88" y="161"/>
                    </a:cubicBezTo>
                    <a:cubicBezTo>
                      <a:pt x="88" y="162"/>
                      <a:pt x="88" y="162"/>
                      <a:pt x="88" y="162"/>
                    </a:cubicBezTo>
                    <a:cubicBezTo>
                      <a:pt x="89" y="162"/>
                      <a:pt x="89" y="162"/>
                      <a:pt x="89" y="162"/>
                    </a:cubicBezTo>
                    <a:cubicBezTo>
                      <a:pt x="90" y="162"/>
                      <a:pt x="90" y="163"/>
                      <a:pt x="91" y="164"/>
                    </a:cubicBezTo>
                    <a:cubicBezTo>
                      <a:pt x="91" y="164"/>
                      <a:pt x="91" y="164"/>
                      <a:pt x="91" y="164"/>
                    </a:cubicBezTo>
                    <a:cubicBezTo>
                      <a:pt x="91" y="165"/>
                      <a:pt x="91" y="165"/>
                      <a:pt x="92" y="165"/>
                    </a:cubicBezTo>
                    <a:cubicBezTo>
                      <a:pt x="92" y="165"/>
                      <a:pt x="93" y="166"/>
                      <a:pt x="94" y="166"/>
                    </a:cubicBezTo>
                    <a:cubicBezTo>
                      <a:pt x="95" y="166"/>
                      <a:pt x="95" y="165"/>
                      <a:pt x="96" y="165"/>
                    </a:cubicBezTo>
                    <a:cubicBezTo>
                      <a:pt x="97" y="165"/>
                      <a:pt x="97" y="165"/>
                      <a:pt x="97" y="165"/>
                    </a:cubicBezTo>
                    <a:cubicBezTo>
                      <a:pt x="97" y="167"/>
                      <a:pt x="97" y="167"/>
                      <a:pt x="97" y="167"/>
                    </a:cubicBezTo>
                    <a:cubicBezTo>
                      <a:pt x="97" y="167"/>
                      <a:pt x="98" y="167"/>
                      <a:pt x="101" y="167"/>
                    </a:cubicBezTo>
                    <a:cubicBezTo>
                      <a:pt x="101" y="167"/>
                      <a:pt x="101" y="167"/>
                      <a:pt x="101" y="167"/>
                    </a:cubicBezTo>
                    <a:cubicBezTo>
                      <a:pt x="102" y="167"/>
                      <a:pt x="103" y="168"/>
                      <a:pt x="104" y="169"/>
                    </a:cubicBezTo>
                    <a:cubicBezTo>
                      <a:pt x="104" y="169"/>
                      <a:pt x="104" y="169"/>
                      <a:pt x="104" y="170"/>
                    </a:cubicBezTo>
                    <a:cubicBezTo>
                      <a:pt x="105" y="170"/>
                      <a:pt x="105" y="170"/>
                      <a:pt x="106" y="171"/>
                    </a:cubicBezTo>
                    <a:cubicBezTo>
                      <a:pt x="106" y="171"/>
                      <a:pt x="106" y="171"/>
                      <a:pt x="107" y="171"/>
                    </a:cubicBezTo>
                    <a:cubicBezTo>
                      <a:pt x="107" y="172"/>
                      <a:pt x="108" y="172"/>
                      <a:pt x="109" y="174"/>
                    </a:cubicBezTo>
                    <a:cubicBezTo>
                      <a:pt x="110" y="174"/>
                      <a:pt x="110" y="175"/>
                      <a:pt x="110" y="175"/>
                    </a:cubicBezTo>
                    <a:cubicBezTo>
                      <a:pt x="110" y="175"/>
                      <a:pt x="110" y="175"/>
                      <a:pt x="110" y="175"/>
                    </a:cubicBezTo>
                    <a:cubicBezTo>
                      <a:pt x="110" y="176"/>
                      <a:pt x="110" y="176"/>
                      <a:pt x="110" y="176"/>
                    </a:cubicBezTo>
                    <a:cubicBezTo>
                      <a:pt x="110" y="176"/>
                      <a:pt x="110" y="176"/>
                      <a:pt x="110" y="176"/>
                    </a:cubicBezTo>
                    <a:cubicBezTo>
                      <a:pt x="110" y="176"/>
                      <a:pt x="110" y="176"/>
                      <a:pt x="110" y="176"/>
                    </a:cubicBezTo>
                    <a:cubicBezTo>
                      <a:pt x="111" y="177"/>
                      <a:pt x="112" y="178"/>
                      <a:pt x="113" y="179"/>
                    </a:cubicBezTo>
                    <a:cubicBezTo>
                      <a:pt x="113" y="179"/>
                      <a:pt x="113" y="179"/>
                      <a:pt x="113" y="180"/>
                    </a:cubicBezTo>
                    <a:cubicBezTo>
                      <a:pt x="113" y="180"/>
                      <a:pt x="113" y="180"/>
                      <a:pt x="113" y="180"/>
                    </a:cubicBezTo>
                    <a:cubicBezTo>
                      <a:pt x="113" y="180"/>
                      <a:pt x="114" y="180"/>
                      <a:pt x="114" y="180"/>
                    </a:cubicBezTo>
                    <a:cubicBezTo>
                      <a:pt x="114" y="180"/>
                      <a:pt x="114" y="180"/>
                      <a:pt x="114" y="180"/>
                    </a:cubicBezTo>
                    <a:cubicBezTo>
                      <a:pt x="115" y="180"/>
                      <a:pt x="115" y="180"/>
                      <a:pt x="115" y="180"/>
                    </a:cubicBezTo>
                    <a:cubicBezTo>
                      <a:pt x="115" y="180"/>
                      <a:pt x="115" y="180"/>
                      <a:pt x="115" y="180"/>
                    </a:cubicBezTo>
                    <a:cubicBezTo>
                      <a:pt x="115" y="180"/>
                      <a:pt x="115" y="180"/>
                      <a:pt x="116" y="180"/>
                    </a:cubicBezTo>
                    <a:cubicBezTo>
                      <a:pt x="117" y="181"/>
                      <a:pt x="119" y="182"/>
                      <a:pt x="120" y="183"/>
                    </a:cubicBezTo>
                    <a:cubicBezTo>
                      <a:pt x="120" y="184"/>
                      <a:pt x="121" y="185"/>
                      <a:pt x="121" y="187"/>
                    </a:cubicBezTo>
                    <a:cubicBezTo>
                      <a:pt x="121" y="187"/>
                      <a:pt x="121" y="187"/>
                      <a:pt x="121" y="188"/>
                    </a:cubicBezTo>
                    <a:cubicBezTo>
                      <a:pt x="121" y="188"/>
                      <a:pt x="121" y="189"/>
                      <a:pt x="121" y="189"/>
                    </a:cubicBezTo>
                    <a:cubicBezTo>
                      <a:pt x="120" y="189"/>
                      <a:pt x="120" y="189"/>
                      <a:pt x="119" y="189"/>
                    </a:cubicBezTo>
                    <a:cubicBezTo>
                      <a:pt x="119" y="189"/>
                      <a:pt x="119" y="189"/>
                      <a:pt x="119" y="189"/>
                    </a:cubicBezTo>
                    <a:cubicBezTo>
                      <a:pt x="115" y="189"/>
                      <a:pt x="115" y="189"/>
                      <a:pt x="115" y="189"/>
                    </a:cubicBezTo>
                    <a:cubicBezTo>
                      <a:pt x="115" y="189"/>
                      <a:pt x="115" y="190"/>
                      <a:pt x="115" y="190"/>
                    </a:cubicBezTo>
                    <a:cubicBezTo>
                      <a:pt x="114" y="191"/>
                      <a:pt x="113" y="191"/>
                      <a:pt x="113" y="191"/>
                    </a:cubicBezTo>
                    <a:cubicBezTo>
                      <a:pt x="112" y="191"/>
                      <a:pt x="112" y="191"/>
                      <a:pt x="112" y="191"/>
                    </a:cubicBezTo>
                    <a:cubicBezTo>
                      <a:pt x="112" y="191"/>
                      <a:pt x="112" y="191"/>
                      <a:pt x="112" y="191"/>
                    </a:cubicBezTo>
                    <a:cubicBezTo>
                      <a:pt x="112" y="191"/>
                      <a:pt x="112" y="191"/>
                      <a:pt x="112" y="191"/>
                    </a:cubicBezTo>
                    <a:cubicBezTo>
                      <a:pt x="112" y="191"/>
                      <a:pt x="112" y="191"/>
                      <a:pt x="112" y="192"/>
                    </a:cubicBezTo>
                    <a:cubicBezTo>
                      <a:pt x="112" y="192"/>
                      <a:pt x="112" y="192"/>
                      <a:pt x="113" y="192"/>
                    </a:cubicBezTo>
                    <a:cubicBezTo>
                      <a:pt x="113" y="192"/>
                      <a:pt x="113" y="192"/>
                      <a:pt x="114" y="192"/>
                    </a:cubicBezTo>
                    <a:cubicBezTo>
                      <a:pt x="114" y="192"/>
                      <a:pt x="115" y="192"/>
                      <a:pt x="115" y="192"/>
                    </a:cubicBezTo>
                    <a:cubicBezTo>
                      <a:pt x="116" y="192"/>
                      <a:pt x="116" y="192"/>
                      <a:pt x="116" y="192"/>
                    </a:cubicBezTo>
                    <a:cubicBezTo>
                      <a:pt x="116" y="192"/>
                      <a:pt x="117" y="192"/>
                      <a:pt x="118" y="192"/>
                    </a:cubicBezTo>
                    <a:cubicBezTo>
                      <a:pt x="120" y="192"/>
                      <a:pt x="120" y="192"/>
                      <a:pt x="120" y="192"/>
                    </a:cubicBezTo>
                    <a:cubicBezTo>
                      <a:pt x="126" y="192"/>
                      <a:pt x="126" y="192"/>
                      <a:pt x="126" y="192"/>
                    </a:cubicBezTo>
                    <a:cubicBezTo>
                      <a:pt x="126" y="192"/>
                      <a:pt x="126" y="192"/>
                      <a:pt x="126" y="192"/>
                    </a:cubicBezTo>
                    <a:cubicBezTo>
                      <a:pt x="126" y="192"/>
                      <a:pt x="126" y="192"/>
                      <a:pt x="126" y="192"/>
                    </a:cubicBezTo>
                    <a:cubicBezTo>
                      <a:pt x="127" y="192"/>
                      <a:pt x="128" y="193"/>
                      <a:pt x="128" y="194"/>
                    </a:cubicBezTo>
                    <a:cubicBezTo>
                      <a:pt x="128" y="194"/>
                      <a:pt x="128" y="194"/>
                      <a:pt x="128" y="194"/>
                    </a:cubicBezTo>
                    <a:cubicBezTo>
                      <a:pt x="128" y="194"/>
                      <a:pt x="128" y="194"/>
                      <a:pt x="128" y="194"/>
                    </a:cubicBezTo>
                    <a:cubicBezTo>
                      <a:pt x="128" y="194"/>
                      <a:pt x="128" y="194"/>
                      <a:pt x="128" y="194"/>
                    </a:cubicBezTo>
                    <a:cubicBezTo>
                      <a:pt x="129" y="194"/>
                      <a:pt x="130" y="195"/>
                      <a:pt x="130" y="195"/>
                    </a:cubicBezTo>
                    <a:cubicBezTo>
                      <a:pt x="130" y="195"/>
                      <a:pt x="130" y="195"/>
                      <a:pt x="130" y="195"/>
                    </a:cubicBezTo>
                    <a:cubicBezTo>
                      <a:pt x="130" y="196"/>
                      <a:pt x="130" y="196"/>
                      <a:pt x="131" y="196"/>
                    </a:cubicBezTo>
                    <a:cubicBezTo>
                      <a:pt x="131" y="196"/>
                      <a:pt x="132" y="196"/>
                      <a:pt x="132" y="196"/>
                    </a:cubicBezTo>
                    <a:cubicBezTo>
                      <a:pt x="133" y="196"/>
                      <a:pt x="133" y="196"/>
                      <a:pt x="134" y="196"/>
                    </a:cubicBezTo>
                    <a:cubicBezTo>
                      <a:pt x="135" y="196"/>
                      <a:pt x="135" y="197"/>
                      <a:pt x="135" y="198"/>
                    </a:cubicBezTo>
                    <a:cubicBezTo>
                      <a:pt x="135" y="198"/>
                      <a:pt x="136" y="198"/>
                      <a:pt x="136" y="198"/>
                    </a:cubicBezTo>
                    <a:cubicBezTo>
                      <a:pt x="138" y="198"/>
                      <a:pt x="138" y="198"/>
                      <a:pt x="138" y="198"/>
                    </a:cubicBezTo>
                    <a:cubicBezTo>
                      <a:pt x="138" y="198"/>
                      <a:pt x="138" y="198"/>
                      <a:pt x="138" y="198"/>
                    </a:cubicBezTo>
                    <a:cubicBezTo>
                      <a:pt x="139" y="198"/>
                      <a:pt x="140" y="198"/>
                      <a:pt x="141" y="198"/>
                    </a:cubicBezTo>
                    <a:cubicBezTo>
                      <a:pt x="142" y="198"/>
                      <a:pt x="144" y="198"/>
                      <a:pt x="144" y="199"/>
                    </a:cubicBezTo>
                    <a:cubicBezTo>
                      <a:pt x="144" y="199"/>
                      <a:pt x="145" y="199"/>
                      <a:pt x="145" y="199"/>
                    </a:cubicBezTo>
                    <a:cubicBezTo>
                      <a:pt x="146" y="199"/>
                      <a:pt x="146" y="199"/>
                      <a:pt x="147" y="199"/>
                    </a:cubicBezTo>
                    <a:cubicBezTo>
                      <a:pt x="147" y="199"/>
                      <a:pt x="148" y="199"/>
                      <a:pt x="149" y="199"/>
                    </a:cubicBezTo>
                    <a:cubicBezTo>
                      <a:pt x="149" y="199"/>
                      <a:pt x="149" y="199"/>
                      <a:pt x="149" y="199"/>
                    </a:cubicBezTo>
                    <a:cubicBezTo>
                      <a:pt x="149" y="199"/>
                      <a:pt x="150" y="199"/>
                      <a:pt x="150" y="199"/>
                    </a:cubicBezTo>
                    <a:cubicBezTo>
                      <a:pt x="150" y="199"/>
                      <a:pt x="151" y="199"/>
                      <a:pt x="151" y="199"/>
                    </a:cubicBezTo>
                    <a:cubicBezTo>
                      <a:pt x="151" y="199"/>
                      <a:pt x="151" y="199"/>
                      <a:pt x="151" y="199"/>
                    </a:cubicBezTo>
                    <a:cubicBezTo>
                      <a:pt x="151" y="199"/>
                      <a:pt x="152" y="199"/>
                      <a:pt x="152" y="199"/>
                    </a:cubicBezTo>
                    <a:cubicBezTo>
                      <a:pt x="152" y="199"/>
                      <a:pt x="153" y="200"/>
                      <a:pt x="153" y="201"/>
                    </a:cubicBezTo>
                    <a:cubicBezTo>
                      <a:pt x="153" y="201"/>
                      <a:pt x="153" y="201"/>
                      <a:pt x="153" y="201"/>
                    </a:cubicBezTo>
                    <a:cubicBezTo>
                      <a:pt x="154" y="202"/>
                      <a:pt x="155" y="203"/>
                      <a:pt x="156" y="203"/>
                    </a:cubicBezTo>
                    <a:cubicBezTo>
                      <a:pt x="157" y="203"/>
                      <a:pt x="157" y="203"/>
                      <a:pt x="157" y="203"/>
                    </a:cubicBezTo>
                    <a:cubicBezTo>
                      <a:pt x="157" y="203"/>
                      <a:pt x="158" y="203"/>
                      <a:pt x="159" y="204"/>
                    </a:cubicBezTo>
                    <a:cubicBezTo>
                      <a:pt x="159" y="204"/>
                      <a:pt x="159" y="204"/>
                      <a:pt x="159" y="204"/>
                    </a:cubicBezTo>
                    <a:cubicBezTo>
                      <a:pt x="159" y="205"/>
                      <a:pt x="159" y="205"/>
                      <a:pt x="159" y="205"/>
                    </a:cubicBezTo>
                    <a:cubicBezTo>
                      <a:pt x="160" y="206"/>
                      <a:pt x="161" y="207"/>
                      <a:pt x="163" y="207"/>
                    </a:cubicBezTo>
                    <a:cubicBezTo>
                      <a:pt x="164" y="207"/>
                      <a:pt x="164" y="207"/>
                      <a:pt x="165" y="207"/>
                    </a:cubicBezTo>
                    <a:cubicBezTo>
                      <a:pt x="165" y="207"/>
                      <a:pt x="166" y="207"/>
                      <a:pt x="166" y="207"/>
                    </a:cubicBezTo>
                    <a:cubicBezTo>
                      <a:pt x="168" y="207"/>
                      <a:pt x="168" y="207"/>
                      <a:pt x="168" y="207"/>
                    </a:cubicBezTo>
                    <a:cubicBezTo>
                      <a:pt x="167" y="208"/>
                      <a:pt x="167" y="208"/>
                      <a:pt x="167" y="208"/>
                    </a:cubicBezTo>
                    <a:cubicBezTo>
                      <a:pt x="167" y="208"/>
                      <a:pt x="167" y="208"/>
                      <a:pt x="167" y="208"/>
                    </a:cubicBezTo>
                    <a:cubicBezTo>
                      <a:pt x="167" y="208"/>
                      <a:pt x="167" y="208"/>
                      <a:pt x="167" y="208"/>
                    </a:cubicBezTo>
                    <a:cubicBezTo>
                      <a:pt x="167" y="208"/>
                      <a:pt x="168" y="208"/>
                      <a:pt x="168" y="208"/>
                    </a:cubicBezTo>
                    <a:cubicBezTo>
                      <a:pt x="169" y="209"/>
                      <a:pt x="169" y="209"/>
                      <a:pt x="169" y="209"/>
                    </a:cubicBezTo>
                    <a:cubicBezTo>
                      <a:pt x="169" y="217"/>
                      <a:pt x="169" y="217"/>
                      <a:pt x="169" y="217"/>
                    </a:cubicBezTo>
                    <a:cubicBezTo>
                      <a:pt x="168" y="216"/>
                      <a:pt x="168" y="216"/>
                      <a:pt x="168" y="216"/>
                    </a:cubicBezTo>
                    <a:cubicBezTo>
                      <a:pt x="168" y="216"/>
                      <a:pt x="168" y="216"/>
                      <a:pt x="168" y="216"/>
                    </a:cubicBezTo>
                    <a:cubicBezTo>
                      <a:pt x="168" y="216"/>
                      <a:pt x="168" y="216"/>
                      <a:pt x="168" y="216"/>
                    </a:cubicBezTo>
                    <a:cubicBezTo>
                      <a:pt x="168" y="216"/>
                      <a:pt x="168" y="216"/>
                      <a:pt x="168" y="216"/>
                    </a:cubicBezTo>
                    <a:cubicBezTo>
                      <a:pt x="167" y="218"/>
                      <a:pt x="167" y="219"/>
                      <a:pt x="167" y="219"/>
                    </a:cubicBezTo>
                    <a:cubicBezTo>
                      <a:pt x="168" y="219"/>
                      <a:pt x="168" y="219"/>
                      <a:pt x="168" y="219"/>
                    </a:cubicBezTo>
                    <a:cubicBezTo>
                      <a:pt x="169" y="219"/>
                      <a:pt x="169" y="219"/>
                      <a:pt x="169" y="219"/>
                    </a:cubicBezTo>
                    <a:cubicBezTo>
                      <a:pt x="169" y="220"/>
                      <a:pt x="169" y="220"/>
                      <a:pt x="169" y="220"/>
                    </a:cubicBezTo>
                    <a:cubicBezTo>
                      <a:pt x="169" y="221"/>
                      <a:pt x="169" y="221"/>
                      <a:pt x="169" y="221"/>
                    </a:cubicBezTo>
                    <a:cubicBezTo>
                      <a:pt x="169" y="222"/>
                      <a:pt x="169" y="223"/>
                      <a:pt x="168" y="223"/>
                    </a:cubicBezTo>
                    <a:cubicBezTo>
                      <a:pt x="168" y="224"/>
                      <a:pt x="168" y="224"/>
                      <a:pt x="167" y="224"/>
                    </a:cubicBezTo>
                    <a:cubicBezTo>
                      <a:pt x="166" y="225"/>
                      <a:pt x="164" y="227"/>
                      <a:pt x="163" y="228"/>
                    </a:cubicBezTo>
                    <a:cubicBezTo>
                      <a:pt x="163" y="229"/>
                      <a:pt x="162" y="229"/>
                      <a:pt x="162" y="230"/>
                    </a:cubicBezTo>
                    <a:cubicBezTo>
                      <a:pt x="162" y="231"/>
                      <a:pt x="161" y="231"/>
                      <a:pt x="161" y="231"/>
                    </a:cubicBezTo>
                    <a:cubicBezTo>
                      <a:pt x="161" y="231"/>
                      <a:pt x="160" y="231"/>
                      <a:pt x="160" y="231"/>
                    </a:cubicBezTo>
                    <a:cubicBezTo>
                      <a:pt x="160" y="231"/>
                      <a:pt x="160" y="231"/>
                      <a:pt x="160" y="231"/>
                    </a:cubicBezTo>
                    <a:cubicBezTo>
                      <a:pt x="160" y="231"/>
                      <a:pt x="160" y="231"/>
                      <a:pt x="160" y="231"/>
                    </a:cubicBezTo>
                    <a:cubicBezTo>
                      <a:pt x="160" y="231"/>
                      <a:pt x="160" y="231"/>
                      <a:pt x="160" y="231"/>
                    </a:cubicBezTo>
                    <a:cubicBezTo>
                      <a:pt x="161" y="232"/>
                      <a:pt x="161" y="232"/>
                      <a:pt x="161" y="232"/>
                    </a:cubicBezTo>
                    <a:cubicBezTo>
                      <a:pt x="159" y="232"/>
                      <a:pt x="159" y="232"/>
                      <a:pt x="159" y="232"/>
                    </a:cubicBezTo>
                    <a:cubicBezTo>
                      <a:pt x="159" y="232"/>
                      <a:pt x="159" y="232"/>
                      <a:pt x="159" y="233"/>
                    </a:cubicBezTo>
                    <a:cubicBezTo>
                      <a:pt x="159" y="233"/>
                      <a:pt x="159" y="234"/>
                      <a:pt x="159" y="234"/>
                    </a:cubicBezTo>
                    <a:cubicBezTo>
                      <a:pt x="159" y="234"/>
                      <a:pt x="159" y="234"/>
                      <a:pt x="159" y="235"/>
                    </a:cubicBezTo>
                    <a:cubicBezTo>
                      <a:pt x="158" y="235"/>
                      <a:pt x="158" y="236"/>
                      <a:pt x="157" y="236"/>
                    </a:cubicBezTo>
                    <a:cubicBezTo>
                      <a:pt x="156" y="236"/>
                      <a:pt x="156" y="236"/>
                      <a:pt x="156" y="236"/>
                    </a:cubicBezTo>
                    <a:cubicBezTo>
                      <a:pt x="156" y="236"/>
                      <a:pt x="156" y="236"/>
                      <a:pt x="156" y="236"/>
                    </a:cubicBezTo>
                    <a:cubicBezTo>
                      <a:pt x="153" y="236"/>
                      <a:pt x="153" y="236"/>
                      <a:pt x="153" y="236"/>
                    </a:cubicBezTo>
                    <a:cubicBezTo>
                      <a:pt x="153" y="236"/>
                      <a:pt x="153" y="236"/>
                      <a:pt x="153" y="236"/>
                    </a:cubicBezTo>
                    <a:cubicBezTo>
                      <a:pt x="153" y="236"/>
                      <a:pt x="153" y="237"/>
                      <a:pt x="153" y="237"/>
                    </a:cubicBezTo>
                    <a:cubicBezTo>
                      <a:pt x="153" y="237"/>
                      <a:pt x="153" y="239"/>
                      <a:pt x="153" y="239"/>
                    </a:cubicBezTo>
                    <a:cubicBezTo>
                      <a:pt x="153" y="239"/>
                      <a:pt x="154" y="239"/>
                      <a:pt x="154" y="239"/>
                    </a:cubicBezTo>
                    <a:cubicBezTo>
                      <a:pt x="155" y="239"/>
                      <a:pt x="155" y="239"/>
                      <a:pt x="155" y="239"/>
                    </a:cubicBezTo>
                    <a:cubicBezTo>
                      <a:pt x="155" y="240"/>
                      <a:pt x="155" y="240"/>
                      <a:pt x="155" y="240"/>
                    </a:cubicBezTo>
                    <a:cubicBezTo>
                      <a:pt x="155" y="247"/>
                      <a:pt x="155" y="247"/>
                      <a:pt x="155" y="247"/>
                    </a:cubicBezTo>
                    <a:cubicBezTo>
                      <a:pt x="155" y="248"/>
                      <a:pt x="155" y="249"/>
                      <a:pt x="155" y="250"/>
                    </a:cubicBezTo>
                    <a:cubicBezTo>
                      <a:pt x="155" y="252"/>
                      <a:pt x="155" y="255"/>
                      <a:pt x="155" y="257"/>
                    </a:cubicBezTo>
                    <a:cubicBezTo>
                      <a:pt x="155" y="258"/>
                      <a:pt x="155" y="259"/>
                      <a:pt x="152" y="259"/>
                    </a:cubicBezTo>
                    <a:cubicBezTo>
                      <a:pt x="151" y="259"/>
                      <a:pt x="151" y="260"/>
                      <a:pt x="150" y="260"/>
                    </a:cubicBezTo>
                    <a:cubicBezTo>
                      <a:pt x="150" y="261"/>
                      <a:pt x="149" y="262"/>
                      <a:pt x="149" y="263"/>
                    </a:cubicBezTo>
                    <a:cubicBezTo>
                      <a:pt x="149" y="264"/>
                      <a:pt x="148" y="264"/>
                      <a:pt x="148" y="265"/>
                    </a:cubicBezTo>
                    <a:cubicBezTo>
                      <a:pt x="148" y="266"/>
                      <a:pt x="147" y="266"/>
                      <a:pt x="146" y="266"/>
                    </a:cubicBezTo>
                    <a:cubicBezTo>
                      <a:pt x="146" y="266"/>
                      <a:pt x="146" y="266"/>
                      <a:pt x="146" y="266"/>
                    </a:cubicBezTo>
                    <a:cubicBezTo>
                      <a:pt x="145" y="266"/>
                      <a:pt x="145" y="266"/>
                      <a:pt x="145" y="267"/>
                    </a:cubicBezTo>
                    <a:cubicBezTo>
                      <a:pt x="145" y="267"/>
                      <a:pt x="144" y="267"/>
                      <a:pt x="144" y="267"/>
                    </a:cubicBezTo>
                    <a:cubicBezTo>
                      <a:pt x="144" y="267"/>
                      <a:pt x="143" y="268"/>
                      <a:pt x="143" y="268"/>
                    </a:cubicBezTo>
                    <a:cubicBezTo>
                      <a:pt x="142" y="268"/>
                      <a:pt x="142" y="268"/>
                      <a:pt x="141" y="268"/>
                    </a:cubicBezTo>
                    <a:cubicBezTo>
                      <a:pt x="141" y="268"/>
                      <a:pt x="141" y="268"/>
                      <a:pt x="141" y="268"/>
                    </a:cubicBezTo>
                    <a:cubicBezTo>
                      <a:pt x="140" y="269"/>
                      <a:pt x="141" y="269"/>
                      <a:pt x="141" y="270"/>
                    </a:cubicBezTo>
                    <a:cubicBezTo>
                      <a:pt x="141" y="270"/>
                      <a:pt x="141" y="270"/>
                      <a:pt x="141" y="271"/>
                    </a:cubicBezTo>
                    <a:cubicBezTo>
                      <a:pt x="141" y="272"/>
                      <a:pt x="141" y="272"/>
                      <a:pt x="141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2"/>
                      <a:pt x="139" y="272"/>
                      <a:pt x="139" y="272"/>
                    </a:cubicBezTo>
                    <a:cubicBezTo>
                      <a:pt x="139" y="273"/>
                      <a:pt x="138" y="274"/>
                      <a:pt x="137" y="274"/>
                    </a:cubicBezTo>
                    <a:cubicBezTo>
                      <a:pt x="135" y="274"/>
                      <a:pt x="135" y="274"/>
                      <a:pt x="135" y="274"/>
                    </a:cubicBezTo>
                    <a:cubicBezTo>
                      <a:pt x="135" y="274"/>
                      <a:pt x="134" y="274"/>
                      <a:pt x="133" y="274"/>
                    </a:cubicBezTo>
                    <a:cubicBezTo>
                      <a:pt x="133" y="274"/>
                      <a:pt x="132" y="274"/>
                      <a:pt x="131" y="274"/>
                    </a:cubicBezTo>
                    <a:cubicBezTo>
                      <a:pt x="130" y="274"/>
                      <a:pt x="129" y="274"/>
                      <a:pt x="129" y="274"/>
                    </a:cubicBezTo>
                    <a:cubicBezTo>
                      <a:pt x="127" y="274"/>
                      <a:pt x="127" y="275"/>
                      <a:pt x="126" y="276"/>
                    </a:cubicBezTo>
                    <a:cubicBezTo>
                      <a:pt x="126" y="276"/>
                      <a:pt x="126" y="276"/>
                      <a:pt x="126" y="276"/>
                    </a:cubicBezTo>
                    <a:cubicBezTo>
                      <a:pt x="126" y="277"/>
                      <a:pt x="126" y="278"/>
                      <a:pt x="125" y="278"/>
                    </a:cubicBezTo>
                    <a:cubicBezTo>
                      <a:pt x="125" y="279"/>
                      <a:pt x="124" y="279"/>
                      <a:pt x="124" y="280"/>
                    </a:cubicBezTo>
                    <a:cubicBezTo>
                      <a:pt x="124" y="281"/>
                      <a:pt x="124" y="281"/>
                      <a:pt x="124" y="281"/>
                    </a:cubicBezTo>
                    <a:cubicBezTo>
                      <a:pt x="123" y="281"/>
                      <a:pt x="123" y="281"/>
                      <a:pt x="123" y="281"/>
                    </a:cubicBezTo>
                    <a:cubicBezTo>
                      <a:pt x="123" y="281"/>
                      <a:pt x="123" y="281"/>
                      <a:pt x="123" y="281"/>
                    </a:cubicBezTo>
                    <a:cubicBezTo>
                      <a:pt x="123" y="281"/>
                      <a:pt x="123" y="281"/>
                      <a:pt x="123" y="282"/>
                    </a:cubicBezTo>
                    <a:cubicBezTo>
                      <a:pt x="123" y="292"/>
                      <a:pt x="123" y="292"/>
                      <a:pt x="123" y="292"/>
                    </a:cubicBezTo>
                    <a:cubicBezTo>
                      <a:pt x="123" y="293"/>
                      <a:pt x="123" y="295"/>
                      <a:pt x="122" y="296"/>
                    </a:cubicBezTo>
                    <a:cubicBezTo>
                      <a:pt x="121" y="298"/>
                      <a:pt x="119" y="299"/>
                      <a:pt x="118" y="300"/>
                    </a:cubicBezTo>
                    <a:cubicBezTo>
                      <a:pt x="117" y="300"/>
                      <a:pt x="117" y="300"/>
                      <a:pt x="117" y="300"/>
                    </a:cubicBezTo>
                    <a:cubicBezTo>
                      <a:pt x="117" y="300"/>
                      <a:pt x="116" y="301"/>
                      <a:pt x="116" y="301"/>
                    </a:cubicBezTo>
                    <a:cubicBezTo>
                      <a:pt x="116" y="301"/>
                      <a:pt x="116" y="301"/>
                      <a:pt x="116" y="301"/>
                    </a:cubicBezTo>
                    <a:cubicBezTo>
                      <a:pt x="116" y="301"/>
                      <a:pt x="116" y="301"/>
                      <a:pt x="116" y="301"/>
                    </a:cubicBezTo>
                    <a:cubicBezTo>
                      <a:pt x="115" y="302"/>
                      <a:pt x="115" y="303"/>
                      <a:pt x="115" y="304"/>
                    </a:cubicBezTo>
                    <a:cubicBezTo>
                      <a:pt x="115" y="304"/>
                      <a:pt x="115" y="304"/>
                      <a:pt x="115" y="305"/>
                    </a:cubicBezTo>
                    <a:cubicBezTo>
                      <a:pt x="115" y="306"/>
                      <a:pt x="115" y="306"/>
                      <a:pt x="115" y="306"/>
                    </a:cubicBezTo>
                    <a:cubicBezTo>
                      <a:pt x="114" y="306"/>
                      <a:pt x="114" y="306"/>
                      <a:pt x="114" y="306"/>
                    </a:cubicBezTo>
                    <a:cubicBezTo>
                      <a:pt x="114" y="306"/>
                      <a:pt x="114" y="306"/>
                      <a:pt x="114" y="306"/>
                    </a:cubicBezTo>
                    <a:cubicBezTo>
                      <a:pt x="114" y="306"/>
                      <a:pt x="114" y="306"/>
                      <a:pt x="114" y="306"/>
                    </a:cubicBezTo>
                    <a:cubicBezTo>
                      <a:pt x="114" y="306"/>
                      <a:pt x="114" y="306"/>
                      <a:pt x="114" y="307"/>
                    </a:cubicBezTo>
                    <a:cubicBezTo>
                      <a:pt x="114" y="308"/>
                      <a:pt x="114" y="308"/>
                      <a:pt x="114" y="308"/>
                    </a:cubicBezTo>
                    <a:cubicBezTo>
                      <a:pt x="106" y="308"/>
                      <a:pt x="106" y="308"/>
                      <a:pt x="106" y="308"/>
                    </a:cubicBezTo>
                    <a:cubicBezTo>
                      <a:pt x="106" y="308"/>
                      <a:pt x="107" y="308"/>
                      <a:pt x="107" y="309"/>
                    </a:cubicBezTo>
                    <a:cubicBezTo>
                      <a:pt x="107" y="309"/>
                      <a:pt x="107" y="309"/>
                      <a:pt x="108" y="309"/>
                    </a:cubicBezTo>
                    <a:cubicBezTo>
                      <a:pt x="108" y="309"/>
                      <a:pt x="108" y="309"/>
                      <a:pt x="109" y="309"/>
                    </a:cubicBezTo>
                    <a:cubicBezTo>
                      <a:pt x="110" y="309"/>
                      <a:pt x="110" y="309"/>
                      <a:pt x="110" y="309"/>
                    </a:cubicBezTo>
                    <a:cubicBezTo>
                      <a:pt x="110" y="310"/>
                      <a:pt x="110" y="310"/>
                      <a:pt x="110" y="310"/>
                    </a:cubicBezTo>
                    <a:cubicBezTo>
                      <a:pt x="110" y="311"/>
                      <a:pt x="110" y="311"/>
                      <a:pt x="111" y="312"/>
                    </a:cubicBezTo>
                    <a:cubicBezTo>
                      <a:pt x="112" y="313"/>
                      <a:pt x="113" y="315"/>
                      <a:pt x="112" y="317"/>
                    </a:cubicBezTo>
                    <a:cubicBezTo>
                      <a:pt x="111" y="318"/>
                      <a:pt x="110" y="319"/>
                      <a:pt x="108" y="319"/>
                    </a:cubicBezTo>
                    <a:cubicBezTo>
                      <a:pt x="108" y="319"/>
                      <a:pt x="108" y="319"/>
                      <a:pt x="107" y="319"/>
                    </a:cubicBezTo>
                    <a:cubicBezTo>
                      <a:pt x="107" y="319"/>
                      <a:pt x="107" y="319"/>
                      <a:pt x="107" y="319"/>
                    </a:cubicBezTo>
                    <a:cubicBezTo>
                      <a:pt x="107" y="319"/>
                      <a:pt x="107" y="319"/>
                      <a:pt x="107" y="319"/>
                    </a:cubicBezTo>
                    <a:cubicBezTo>
                      <a:pt x="107" y="319"/>
                      <a:pt x="107" y="319"/>
                      <a:pt x="106" y="319"/>
                    </a:cubicBezTo>
                    <a:cubicBezTo>
                      <a:pt x="106" y="321"/>
                      <a:pt x="106" y="321"/>
                      <a:pt x="106" y="321"/>
                    </a:cubicBezTo>
                    <a:cubicBezTo>
                      <a:pt x="105" y="320"/>
                      <a:pt x="105" y="320"/>
                      <a:pt x="105" y="320"/>
                    </a:cubicBezTo>
                    <a:cubicBezTo>
                      <a:pt x="104" y="320"/>
                      <a:pt x="103" y="320"/>
                      <a:pt x="103" y="320"/>
                    </a:cubicBezTo>
                    <a:cubicBezTo>
                      <a:pt x="102" y="320"/>
                      <a:pt x="102" y="320"/>
                      <a:pt x="102" y="320"/>
                    </a:cubicBezTo>
                    <a:cubicBezTo>
                      <a:pt x="102" y="320"/>
                      <a:pt x="101" y="321"/>
                      <a:pt x="101" y="322"/>
                    </a:cubicBezTo>
                    <a:cubicBezTo>
                      <a:pt x="101" y="322"/>
                      <a:pt x="101" y="322"/>
                      <a:pt x="101" y="322"/>
                    </a:cubicBezTo>
                    <a:cubicBezTo>
                      <a:pt x="101" y="323"/>
                      <a:pt x="101" y="325"/>
                      <a:pt x="99" y="326"/>
                    </a:cubicBezTo>
                    <a:cubicBezTo>
                      <a:pt x="99" y="326"/>
                      <a:pt x="98" y="326"/>
                      <a:pt x="98" y="326"/>
                    </a:cubicBezTo>
                    <a:cubicBezTo>
                      <a:pt x="98" y="326"/>
                      <a:pt x="98" y="326"/>
                      <a:pt x="97" y="326"/>
                    </a:cubicBezTo>
                    <a:cubicBezTo>
                      <a:pt x="97" y="326"/>
                      <a:pt x="97" y="326"/>
                      <a:pt x="98" y="326"/>
                    </a:cubicBezTo>
                    <a:cubicBezTo>
                      <a:pt x="98" y="327"/>
                      <a:pt x="98" y="327"/>
                      <a:pt x="98" y="327"/>
                    </a:cubicBezTo>
                    <a:cubicBezTo>
                      <a:pt x="98" y="327"/>
                      <a:pt x="98" y="327"/>
                      <a:pt x="98" y="327"/>
                    </a:cubicBezTo>
                    <a:cubicBezTo>
                      <a:pt x="99" y="327"/>
                      <a:pt x="99" y="327"/>
                      <a:pt x="99" y="327"/>
                    </a:cubicBezTo>
                    <a:cubicBezTo>
                      <a:pt x="99" y="328"/>
                      <a:pt x="99" y="328"/>
                      <a:pt x="99" y="328"/>
                    </a:cubicBezTo>
                    <a:cubicBezTo>
                      <a:pt x="99" y="328"/>
                      <a:pt x="99" y="328"/>
                      <a:pt x="99" y="329"/>
                    </a:cubicBezTo>
                    <a:cubicBezTo>
                      <a:pt x="99" y="329"/>
                      <a:pt x="100" y="329"/>
                      <a:pt x="100" y="330"/>
                    </a:cubicBezTo>
                    <a:cubicBezTo>
                      <a:pt x="100" y="330"/>
                      <a:pt x="101" y="331"/>
                      <a:pt x="101" y="332"/>
                    </a:cubicBezTo>
                    <a:cubicBezTo>
                      <a:pt x="101" y="333"/>
                      <a:pt x="101" y="333"/>
                      <a:pt x="101" y="334"/>
                    </a:cubicBezTo>
                    <a:cubicBezTo>
                      <a:pt x="101" y="335"/>
                      <a:pt x="101" y="336"/>
                      <a:pt x="101" y="338"/>
                    </a:cubicBezTo>
                    <a:cubicBezTo>
                      <a:pt x="101" y="338"/>
                      <a:pt x="101" y="338"/>
                      <a:pt x="102" y="338"/>
                    </a:cubicBezTo>
                    <a:cubicBezTo>
                      <a:pt x="102" y="338"/>
                      <a:pt x="102" y="338"/>
                      <a:pt x="103" y="338"/>
                    </a:cubicBezTo>
                    <a:cubicBezTo>
                      <a:pt x="103" y="339"/>
                      <a:pt x="103" y="339"/>
                      <a:pt x="103" y="340"/>
                    </a:cubicBezTo>
                    <a:cubicBezTo>
                      <a:pt x="103" y="340"/>
                      <a:pt x="103" y="340"/>
                      <a:pt x="103" y="340"/>
                    </a:cubicBezTo>
                    <a:cubicBezTo>
                      <a:pt x="103" y="343"/>
                      <a:pt x="103" y="343"/>
                      <a:pt x="103" y="343"/>
                    </a:cubicBezTo>
                    <a:cubicBezTo>
                      <a:pt x="103" y="343"/>
                      <a:pt x="103" y="343"/>
                      <a:pt x="103" y="343"/>
                    </a:cubicBezTo>
                    <a:cubicBezTo>
                      <a:pt x="103" y="343"/>
                      <a:pt x="103" y="343"/>
                      <a:pt x="103" y="343"/>
                    </a:cubicBezTo>
                    <a:cubicBezTo>
                      <a:pt x="103" y="343"/>
                      <a:pt x="103" y="343"/>
                      <a:pt x="104" y="343"/>
                    </a:cubicBezTo>
                    <a:cubicBezTo>
                      <a:pt x="104" y="343"/>
                      <a:pt x="105" y="344"/>
                      <a:pt x="106" y="345"/>
                    </a:cubicBezTo>
                    <a:cubicBezTo>
                      <a:pt x="106" y="345"/>
                      <a:pt x="106" y="346"/>
                      <a:pt x="107" y="347"/>
                    </a:cubicBezTo>
                    <a:cubicBezTo>
                      <a:pt x="107" y="347"/>
                      <a:pt x="107" y="348"/>
                      <a:pt x="106" y="348"/>
                    </a:cubicBezTo>
                    <a:cubicBezTo>
                      <a:pt x="106" y="349"/>
                      <a:pt x="106" y="349"/>
                      <a:pt x="106" y="349"/>
                    </a:cubicBezTo>
                    <a:cubicBezTo>
                      <a:pt x="105" y="349"/>
                      <a:pt x="105" y="349"/>
                      <a:pt x="105" y="349"/>
                    </a:cubicBezTo>
                    <a:cubicBezTo>
                      <a:pt x="105" y="349"/>
                      <a:pt x="105" y="349"/>
                      <a:pt x="105" y="349"/>
                    </a:cubicBezTo>
                    <a:cubicBezTo>
                      <a:pt x="105" y="349"/>
                      <a:pt x="104" y="349"/>
                      <a:pt x="104" y="349"/>
                    </a:cubicBezTo>
                    <a:cubicBezTo>
                      <a:pt x="104" y="349"/>
                      <a:pt x="104" y="349"/>
                      <a:pt x="104" y="349"/>
                    </a:cubicBezTo>
                    <a:cubicBezTo>
                      <a:pt x="105" y="350"/>
                      <a:pt x="105" y="350"/>
                      <a:pt x="105" y="350"/>
                    </a:cubicBezTo>
                    <a:cubicBezTo>
                      <a:pt x="106" y="351"/>
                      <a:pt x="106" y="351"/>
                      <a:pt x="106" y="352"/>
                    </a:cubicBezTo>
                    <a:cubicBezTo>
                      <a:pt x="107" y="353"/>
                      <a:pt x="106" y="353"/>
                      <a:pt x="106" y="354"/>
                    </a:cubicBezTo>
                    <a:cubicBezTo>
                      <a:pt x="106" y="354"/>
                      <a:pt x="104" y="355"/>
                      <a:pt x="104" y="355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3" name="Freeform 20"/>
              <p:cNvSpPr/>
              <p:nvPr/>
            </p:nvSpPr>
            <p:spPr bwMode="auto">
              <a:xfrm>
                <a:off x="5104438" y="4743874"/>
                <a:ext cx="174795" cy="316296"/>
              </a:xfrm>
              <a:custGeom>
                <a:avLst/>
                <a:gdLst>
                  <a:gd name="T0" fmla="*/ 3 w 16"/>
                  <a:gd name="T1" fmla="*/ 29 h 29"/>
                  <a:gd name="T2" fmla="*/ 1 w 16"/>
                  <a:gd name="T3" fmla="*/ 29 h 29"/>
                  <a:gd name="T4" fmla="*/ 0 w 16"/>
                  <a:gd name="T5" fmla="*/ 28 h 29"/>
                  <a:gd name="T6" fmla="*/ 1 w 16"/>
                  <a:gd name="T7" fmla="*/ 27 h 29"/>
                  <a:gd name="T8" fmla="*/ 1 w 16"/>
                  <a:gd name="T9" fmla="*/ 24 h 29"/>
                  <a:gd name="T10" fmla="*/ 1 w 16"/>
                  <a:gd name="T11" fmla="*/ 18 h 29"/>
                  <a:gd name="T12" fmla="*/ 2 w 16"/>
                  <a:gd name="T13" fmla="*/ 18 h 29"/>
                  <a:gd name="T14" fmla="*/ 2 w 16"/>
                  <a:gd name="T15" fmla="*/ 17 h 29"/>
                  <a:gd name="T16" fmla="*/ 3 w 16"/>
                  <a:gd name="T17" fmla="*/ 13 h 29"/>
                  <a:gd name="T18" fmla="*/ 4 w 16"/>
                  <a:gd name="T19" fmla="*/ 12 h 29"/>
                  <a:gd name="T20" fmla="*/ 4 w 16"/>
                  <a:gd name="T21" fmla="*/ 12 h 29"/>
                  <a:gd name="T22" fmla="*/ 5 w 16"/>
                  <a:gd name="T23" fmla="*/ 9 h 29"/>
                  <a:gd name="T24" fmla="*/ 6 w 16"/>
                  <a:gd name="T25" fmla="*/ 9 h 29"/>
                  <a:gd name="T26" fmla="*/ 6 w 16"/>
                  <a:gd name="T27" fmla="*/ 8 h 29"/>
                  <a:gd name="T28" fmla="*/ 7 w 16"/>
                  <a:gd name="T29" fmla="*/ 5 h 29"/>
                  <a:gd name="T30" fmla="*/ 9 w 16"/>
                  <a:gd name="T31" fmla="*/ 3 h 29"/>
                  <a:gd name="T32" fmla="*/ 11 w 16"/>
                  <a:gd name="T33" fmla="*/ 0 h 29"/>
                  <a:gd name="T34" fmla="*/ 14 w 16"/>
                  <a:gd name="T35" fmla="*/ 1 h 29"/>
                  <a:gd name="T36" fmla="*/ 14 w 16"/>
                  <a:gd name="T37" fmla="*/ 2 h 29"/>
                  <a:gd name="T38" fmla="*/ 15 w 16"/>
                  <a:gd name="T39" fmla="*/ 1 h 29"/>
                  <a:gd name="T40" fmla="*/ 15 w 16"/>
                  <a:gd name="T41" fmla="*/ 2 h 29"/>
                  <a:gd name="T42" fmla="*/ 11 w 16"/>
                  <a:gd name="T43" fmla="*/ 12 h 29"/>
                  <a:gd name="T44" fmla="*/ 10 w 16"/>
                  <a:gd name="T45" fmla="*/ 12 h 29"/>
                  <a:gd name="T46" fmla="*/ 10 w 16"/>
                  <a:gd name="T47" fmla="*/ 12 h 29"/>
                  <a:gd name="T48" fmla="*/ 10 w 16"/>
                  <a:gd name="T49" fmla="*/ 13 h 29"/>
                  <a:gd name="T50" fmla="*/ 10 w 16"/>
                  <a:gd name="T51" fmla="*/ 14 h 29"/>
                  <a:gd name="T52" fmla="*/ 9 w 16"/>
                  <a:gd name="T53" fmla="*/ 16 h 29"/>
                  <a:gd name="T54" fmla="*/ 8 w 16"/>
                  <a:gd name="T55" fmla="*/ 16 h 29"/>
                  <a:gd name="T56" fmla="*/ 8 w 16"/>
                  <a:gd name="T57" fmla="*/ 17 h 29"/>
                  <a:gd name="T58" fmla="*/ 8 w 16"/>
                  <a:gd name="T59" fmla="*/ 18 h 29"/>
                  <a:gd name="T60" fmla="*/ 8 w 16"/>
                  <a:gd name="T61" fmla="*/ 18 h 29"/>
                  <a:gd name="T62" fmla="*/ 8 w 16"/>
                  <a:gd name="T63" fmla="*/ 20 h 29"/>
                  <a:gd name="T64" fmla="*/ 8 w 16"/>
                  <a:gd name="T65" fmla="*/ 23 h 29"/>
                  <a:gd name="T66" fmla="*/ 8 w 16"/>
                  <a:gd name="T67" fmla="*/ 23 h 29"/>
                  <a:gd name="T68" fmla="*/ 7 w 16"/>
                  <a:gd name="T69" fmla="*/ 24 h 29"/>
                  <a:gd name="T70" fmla="*/ 3 w 16"/>
                  <a:gd name="T71" fmla="*/ 29 h 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16" h="29">
                    <a:moveTo>
                      <a:pt x="3" y="29"/>
                    </a:moveTo>
                    <a:cubicBezTo>
                      <a:pt x="2" y="29"/>
                      <a:pt x="2" y="29"/>
                      <a:pt x="1" y="29"/>
                    </a:cubicBezTo>
                    <a:cubicBezTo>
                      <a:pt x="0" y="28"/>
                      <a:pt x="0" y="28"/>
                      <a:pt x="0" y="28"/>
                    </a:cubicBezTo>
                    <a:cubicBezTo>
                      <a:pt x="1" y="27"/>
                      <a:pt x="1" y="27"/>
                      <a:pt x="1" y="27"/>
                    </a:cubicBezTo>
                    <a:cubicBezTo>
                      <a:pt x="1" y="27"/>
                      <a:pt x="1" y="25"/>
                      <a:pt x="1" y="24"/>
                    </a:cubicBezTo>
                    <a:cubicBezTo>
                      <a:pt x="0" y="22"/>
                      <a:pt x="0" y="20"/>
                      <a:pt x="1" y="18"/>
                    </a:cubicBezTo>
                    <a:cubicBezTo>
                      <a:pt x="1" y="18"/>
                      <a:pt x="2" y="18"/>
                      <a:pt x="2" y="18"/>
                    </a:cubicBezTo>
                    <a:cubicBezTo>
                      <a:pt x="2" y="17"/>
                      <a:pt x="2" y="17"/>
                      <a:pt x="2" y="17"/>
                    </a:cubicBezTo>
                    <a:cubicBezTo>
                      <a:pt x="2" y="16"/>
                      <a:pt x="2" y="14"/>
                      <a:pt x="3" y="13"/>
                    </a:cubicBezTo>
                    <a:cubicBezTo>
                      <a:pt x="4" y="12"/>
                      <a:pt x="4" y="12"/>
                      <a:pt x="4" y="12"/>
                    </a:cubicBezTo>
                    <a:cubicBezTo>
                      <a:pt x="4" y="12"/>
                      <a:pt x="4" y="12"/>
                      <a:pt x="4" y="12"/>
                    </a:cubicBezTo>
                    <a:cubicBezTo>
                      <a:pt x="4" y="11"/>
                      <a:pt x="4" y="10"/>
                      <a:pt x="5" y="9"/>
                    </a:cubicBezTo>
                    <a:cubicBezTo>
                      <a:pt x="5" y="9"/>
                      <a:pt x="6" y="9"/>
                      <a:pt x="6" y="9"/>
                    </a:cubicBezTo>
                    <a:cubicBezTo>
                      <a:pt x="6" y="8"/>
                      <a:pt x="6" y="8"/>
                      <a:pt x="6" y="8"/>
                    </a:cubicBezTo>
                    <a:cubicBezTo>
                      <a:pt x="6" y="7"/>
                      <a:pt x="7" y="6"/>
                      <a:pt x="7" y="5"/>
                    </a:cubicBezTo>
                    <a:cubicBezTo>
                      <a:pt x="8" y="4"/>
                      <a:pt x="9" y="4"/>
                      <a:pt x="9" y="3"/>
                    </a:cubicBezTo>
                    <a:cubicBezTo>
                      <a:pt x="10" y="2"/>
                      <a:pt x="11" y="2"/>
                      <a:pt x="11" y="0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1"/>
                      <a:pt x="14" y="1"/>
                      <a:pt x="14" y="2"/>
                    </a:cubicBezTo>
                    <a:cubicBezTo>
                      <a:pt x="15" y="1"/>
                      <a:pt x="15" y="1"/>
                      <a:pt x="15" y="1"/>
                    </a:cubicBezTo>
                    <a:cubicBezTo>
                      <a:pt x="15" y="2"/>
                      <a:pt x="15" y="2"/>
                      <a:pt x="15" y="2"/>
                    </a:cubicBezTo>
                    <a:cubicBezTo>
                      <a:pt x="16" y="6"/>
                      <a:pt x="14" y="10"/>
                      <a:pt x="11" y="12"/>
                    </a:cubicBezTo>
                    <a:cubicBezTo>
                      <a:pt x="11" y="12"/>
                      <a:pt x="10" y="12"/>
                      <a:pt x="10" y="12"/>
                    </a:cubicBezTo>
                    <a:cubicBezTo>
                      <a:pt x="10" y="12"/>
                      <a:pt x="10" y="12"/>
                      <a:pt x="10" y="12"/>
                    </a:cubicBezTo>
                    <a:cubicBezTo>
                      <a:pt x="10" y="12"/>
                      <a:pt x="10" y="12"/>
                      <a:pt x="10" y="13"/>
                    </a:cubicBezTo>
                    <a:cubicBezTo>
                      <a:pt x="10" y="13"/>
                      <a:pt x="10" y="13"/>
                      <a:pt x="10" y="14"/>
                    </a:cubicBezTo>
                    <a:cubicBezTo>
                      <a:pt x="10" y="15"/>
                      <a:pt x="10" y="16"/>
                      <a:pt x="9" y="16"/>
                    </a:cubicBezTo>
                    <a:cubicBezTo>
                      <a:pt x="8" y="16"/>
                      <a:pt x="8" y="16"/>
                      <a:pt x="8" y="16"/>
                    </a:cubicBezTo>
                    <a:cubicBezTo>
                      <a:pt x="8" y="16"/>
                      <a:pt x="8" y="17"/>
                      <a:pt x="8" y="17"/>
                    </a:cubicBezTo>
                    <a:cubicBezTo>
                      <a:pt x="8" y="17"/>
                      <a:pt x="8" y="18"/>
                      <a:pt x="8" y="18"/>
                    </a:cubicBezTo>
                    <a:cubicBezTo>
                      <a:pt x="8" y="18"/>
                      <a:pt x="8" y="18"/>
                      <a:pt x="8" y="18"/>
                    </a:cubicBezTo>
                    <a:cubicBezTo>
                      <a:pt x="8" y="19"/>
                      <a:pt x="8" y="20"/>
                      <a:pt x="8" y="20"/>
                    </a:cubicBezTo>
                    <a:cubicBezTo>
                      <a:pt x="8" y="21"/>
                      <a:pt x="8" y="22"/>
                      <a:pt x="8" y="23"/>
                    </a:cubicBezTo>
                    <a:cubicBezTo>
                      <a:pt x="8" y="23"/>
                      <a:pt x="8" y="23"/>
                      <a:pt x="8" y="23"/>
                    </a:cubicBezTo>
                    <a:cubicBezTo>
                      <a:pt x="8" y="24"/>
                      <a:pt x="7" y="24"/>
                      <a:pt x="7" y="24"/>
                    </a:cubicBezTo>
                    <a:cubicBezTo>
                      <a:pt x="7" y="26"/>
                      <a:pt x="6" y="29"/>
                      <a:pt x="3" y="29"/>
                    </a:cubicBez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  <p:sp>
            <p:nvSpPr>
              <p:cNvPr id="174" name="Freeform 21"/>
              <p:cNvSpPr/>
              <p:nvPr/>
            </p:nvSpPr>
            <p:spPr bwMode="auto">
              <a:xfrm>
                <a:off x="5235535" y="4743874"/>
                <a:ext cx="43699" cy="54103"/>
              </a:xfrm>
              <a:custGeom>
                <a:avLst/>
                <a:gdLst>
                  <a:gd name="T0" fmla="*/ 1 w 4"/>
                  <a:gd name="T1" fmla="*/ 3 h 5"/>
                  <a:gd name="T2" fmla="*/ 0 w 4"/>
                  <a:gd name="T3" fmla="*/ 2 h 5"/>
                  <a:gd name="T4" fmla="*/ 1 w 4"/>
                  <a:gd name="T5" fmla="*/ 0 h 5"/>
                  <a:gd name="T6" fmla="*/ 4 w 4"/>
                  <a:gd name="T7" fmla="*/ 2 h 5"/>
                  <a:gd name="T8" fmla="*/ 3 w 4"/>
                  <a:gd name="T9" fmla="*/ 4 h 5"/>
                  <a:gd name="T10" fmla="*/ 1 w 4"/>
                  <a:gd name="T11" fmla="*/ 5 h 5"/>
                  <a:gd name="T12" fmla="*/ 1 w 4"/>
                  <a:gd name="T13" fmla="*/ 3 h 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4" h="5">
                    <a:moveTo>
                      <a:pt x="1" y="3"/>
                    </a:moveTo>
                    <a:cubicBezTo>
                      <a:pt x="1" y="2"/>
                      <a:pt x="1" y="2"/>
                      <a:pt x="0" y="2"/>
                    </a:cubicBezTo>
                    <a:cubicBezTo>
                      <a:pt x="1" y="0"/>
                      <a:pt x="1" y="0"/>
                      <a:pt x="1" y="0"/>
                    </a:cubicBezTo>
                    <a:cubicBezTo>
                      <a:pt x="3" y="0"/>
                      <a:pt x="4" y="1"/>
                      <a:pt x="4" y="2"/>
                    </a:cubicBezTo>
                    <a:cubicBezTo>
                      <a:pt x="4" y="3"/>
                      <a:pt x="3" y="3"/>
                      <a:pt x="3" y="4"/>
                    </a:cubicBezTo>
                    <a:cubicBezTo>
                      <a:pt x="1" y="5"/>
                      <a:pt x="1" y="5"/>
                      <a:pt x="1" y="5"/>
                    </a:cubicBezTo>
                    <a:lnTo>
                      <a:pt x="1" y="3"/>
                    </a:lnTo>
                    <a:close/>
                  </a:path>
                </a:pathLst>
              </a:custGeom>
              <a:grpFill/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>
                  <a:solidFill>
                    <a:prstClr val="black"/>
                  </a:solidFill>
                </a:endParaRPr>
              </a:p>
            </p:txBody>
          </p:sp>
        </p:grpSp>
      </p:grpSp>
      <p:sp>
        <p:nvSpPr>
          <p:cNvPr id="175" name="文本框 174"/>
          <p:cNvSpPr txBox="1"/>
          <p:nvPr/>
        </p:nvSpPr>
        <p:spPr>
          <a:xfrm>
            <a:off x="2352787" y="2770350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</a:p>
        </p:txBody>
      </p:sp>
      <p:sp>
        <p:nvSpPr>
          <p:cNvPr id="176" name="文本框 175"/>
          <p:cNvSpPr txBox="1"/>
          <p:nvPr/>
        </p:nvSpPr>
        <p:spPr>
          <a:xfrm>
            <a:off x="2352787" y="3710771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</a:p>
        </p:txBody>
      </p:sp>
      <p:sp>
        <p:nvSpPr>
          <p:cNvPr id="177" name="文本框 176"/>
          <p:cNvSpPr txBox="1"/>
          <p:nvPr/>
        </p:nvSpPr>
        <p:spPr>
          <a:xfrm>
            <a:off x="2352787" y="4719640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</a:p>
        </p:txBody>
      </p:sp>
      <p:sp>
        <p:nvSpPr>
          <p:cNvPr id="178" name="文本框 177"/>
          <p:cNvSpPr txBox="1"/>
          <p:nvPr/>
        </p:nvSpPr>
        <p:spPr>
          <a:xfrm>
            <a:off x="2352787" y="5715503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输入标题</a:t>
            </a:r>
          </a:p>
        </p:txBody>
      </p:sp>
      <p:sp>
        <p:nvSpPr>
          <p:cNvPr id="179" name="TextBox 19"/>
          <p:cNvSpPr txBox="1"/>
          <p:nvPr/>
        </p:nvSpPr>
        <p:spPr>
          <a:xfrm>
            <a:off x="6849722" y="2251883"/>
            <a:ext cx="49836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请在这里输入您的主要叙述内容</a:t>
            </a:r>
            <a:endParaRPr lang="en-US" altLang="zh-CN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0" name="TextBox 19"/>
          <p:cNvSpPr txBox="1"/>
          <p:nvPr/>
        </p:nvSpPr>
        <p:spPr>
          <a:xfrm>
            <a:off x="6849722" y="3271138"/>
            <a:ext cx="49836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请在这里输入您的主要叙述内容</a:t>
            </a:r>
            <a:endParaRPr lang="en-US" altLang="zh-CN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1" name="TextBox 19"/>
          <p:cNvSpPr txBox="1"/>
          <p:nvPr/>
        </p:nvSpPr>
        <p:spPr>
          <a:xfrm>
            <a:off x="6849722" y="4211374"/>
            <a:ext cx="49836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请在这里输入您的主要叙述内容</a:t>
            </a:r>
            <a:endParaRPr lang="en-US" altLang="zh-CN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2" name="TextBox 19"/>
          <p:cNvSpPr txBox="1"/>
          <p:nvPr/>
        </p:nvSpPr>
        <p:spPr>
          <a:xfrm>
            <a:off x="6827650" y="5188680"/>
            <a:ext cx="498367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buNone/>
            </a:pPr>
            <a:r>
              <a:rPr lang="zh-CN" altLang="en-US" dirty="0">
                <a:solidFill>
                  <a:schemeClr val="tx1">
                    <a:lumMod val="85000"/>
                    <a:lumOff val="1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请在这里输入您的主要叙述内容</a:t>
            </a:r>
            <a:endParaRPr lang="en-US" altLang="zh-CN" dirty="0">
              <a:solidFill>
                <a:schemeClr val="tx1">
                  <a:lumMod val="85000"/>
                  <a:lumOff val="1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Scale>
                                      <p:cBhvr>
                                        <p:cTn id="7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"/>
                                        </p:tgtEl>
                                      </p:cBhvr>
                                      <p:from x="250000" y="250000"/>
                                      <p:to x="100000" y="100000"/>
                                    </p:animScale>
                                    <p:animMotion origin="layout" path="M -0.46736 0.92887  C -0.37517 0.88508  -0.02552 0.75279  0.0908 0.66613  C  0.20747 0.57948  0.21649 0.50394  0.23177 0.40825  C 0.24705 0.31256  0.22118 0.15964   0.18264 0.09152  C 0.1441 0.02341  0.03802 0.0  0.0 0.0  " pathEditMode="relative" ptsTypes="">
                                      <p:cBhvr>
                                        <p:cTn id="8" dur="10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0"/>
                                        </p:tgtEl>
                                        <p:attrNameLst>
                                          <p:attrName>ppt_x</p:attrName>
                                          <p:attrName>ppt_y</p:attrName>
                                        </p:attrNameLst>
                                      </p:cBhvr>
                                    </p:animMotion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16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2" presetClass="entr" presetSubtype="8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3" dur="500"/>
                                        <p:tgtEl>
                                          <p:spTgt spid="1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2" presetClass="entr" presetSubtype="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6" dur="500"/>
                                        <p:tgtEl>
                                          <p:spTgt spid="1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22" presetClass="entr" presetSubtype="8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19" dur="500"/>
                                        <p:tgtEl>
                                          <p:spTgt spid="1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2" presetClass="entr" presetSubtype="8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22" dur="5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500"/>
                            </p:stCondLst>
                            <p:childTnLst>
                              <p:par>
                                <p:cTn id="24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500"/>
                                        <p:tgtEl>
                                          <p:spTgt spid="17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500"/>
                                        <p:tgtEl>
                                          <p:spTgt spid="1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500"/>
                                        <p:tgtEl>
                                          <p:spTgt spid="17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500"/>
                                        <p:tgtEl>
                                          <p:spTgt spid="17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6" fill="hold">
                            <p:stCondLst>
                              <p:cond delay="2000"/>
                            </p:stCondLst>
                            <p:childTnLst>
                              <p:par>
                                <p:cTn id="37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39" dur="500"/>
                                        <p:tgtEl>
                                          <p:spTgt spid="17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0" fill="hold">
                            <p:stCondLst>
                              <p:cond delay="2500"/>
                            </p:stCondLst>
                            <p:childTnLst>
                              <p:par>
                                <p:cTn id="41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3" dur="500"/>
                                        <p:tgtEl>
                                          <p:spTgt spid="18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3000"/>
                            </p:stCondLst>
                            <p:childTnLst>
                              <p:par>
                                <p:cTn id="45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47" dur="500"/>
                                        <p:tgtEl>
                                          <p:spTgt spid="18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3500"/>
                            </p:stCondLst>
                            <p:childTnLst>
                              <p:par>
                                <p:cTn id="49" presetID="22" presetClass="entr" presetSubtype="8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left)">
                                      <p:cBhvr>
                                        <p:cTn id="51" dur="500"/>
                                        <p:tgtEl>
                                          <p:spTgt spid="18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5" grpId="0"/>
      <p:bldP spid="176" grpId="0"/>
      <p:bldP spid="177" grpId="0"/>
      <p:bldP spid="178" grpId="0"/>
      <p:bldP spid="179" grpId="0"/>
      <p:bldP spid="180" grpId="0"/>
      <p:bldP spid="181" grpId="0"/>
      <p:bldP spid="182" grpId="0"/>
    </p:bld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Freeform 30"/>
          <p:cNvSpPr/>
          <p:nvPr/>
        </p:nvSpPr>
        <p:spPr bwMode="auto">
          <a:xfrm>
            <a:off x="5978642" y="1956958"/>
            <a:ext cx="1731355" cy="2604306"/>
          </a:xfrm>
          <a:custGeom>
            <a:avLst/>
            <a:gdLst>
              <a:gd name="T0" fmla="*/ 335 w 360"/>
              <a:gd name="T1" fmla="*/ 426 h 542"/>
              <a:gd name="T2" fmla="*/ 227 w 360"/>
              <a:gd name="T3" fmla="*/ 426 h 542"/>
              <a:gd name="T4" fmla="*/ 227 w 360"/>
              <a:gd name="T5" fmla="*/ 520 h 542"/>
              <a:gd name="T6" fmla="*/ 133 w 360"/>
              <a:gd name="T7" fmla="*/ 520 h 542"/>
              <a:gd name="T8" fmla="*/ 133 w 360"/>
              <a:gd name="T9" fmla="*/ 426 h 542"/>
              <a:gd name="T10" fmla="*/ 25 w 360"/>
              <a:gd name="T11" fmla="*/ 426 h 542"/>
              <a:gd name="T12" fmla="*/ 25 w 360"/>
              <a:gd name="T13" fmla="*/ 318 h 542"/>
              <a:gd name="T14" fmla="*/ 120 w 360"/>
              <a:gd name="T15" fmla="*/ 318 h 542"/>
              <a:gd name="T16" fmla="*/ 120 w 360"/>
              <a:gd name="T17" fmla="*/ 224 h 542"/>
              <a:gd name="T18" fmla="*/ 25 w 360"/>
              <a:gd name="T19" fmla="*/ 224 h 542"/>
              <a:gd name="T20" fmla="*/ 25 w 360"/>
              <a:gd name="T21" fmla="*/ 116 h 542"/>
              <a:gd name="T22" fmla="*/ 133 w 360"/>
              <a:gd name="T23" fmla="*/ 116 h 542"/>
              <a:gd name="T24" fmla="*/ 133 w 360"/>
              <a:gd name="T25" fmla="*/ 22 h 542"/>
              <a:gd name="T26" fmla="*/ 227 w 360"/>
              <a:gd name="T27" fmla="*/ 22 h 542"/>
              <a:gd name="T28" fmla="*/ 227 w 360"/>
              <a:gd name="T29" fmla="*/ 116 h 542"/>
              <a:gd name="T30" fmla="*/ 335 w 360"/>
              <a:gd name="T31" fmla="*/ 116 h 542"/>
              <a:gd name="T32" fmla="*/ 335 w 360"/>
              <a:gd name="T33" fmla="*/ 224 h 542"/>
              <a:gd name="T34" fmla="*/ 241 w 360"/>
              <a:gd name="T35" fmla="*/ 224 h 542"/>
              <a:gd name="T36" fmla="*/ 241 w 360"/>
              <a:gd name="T37" fmla="*/ 318 h 542"/>
              <a:gd name="T38" fmla="*/ 335 w 360"/>
              <a:gd name="T39" fmla="*/ 318 h 542"/>
              <a:gd name="T40" fmla="*/ 335 w 360"/>
              <a:gd name="T41" fmla="*/ 426 h 542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</a:cxnLst>
            <a:rect l="0" t="0" r="r" b="b"/>
            <a:pathLst>
              <a:path w="360" h="542">
                <a:moveTo>
                  <a:pt x="335" y="426"/>
                </a:moveTo>
                <a:cubicBezTo>
                  <a:pt x="335" y="426"/>
                  <a:pt x="253" y="400"/>
                  <a:pt x="227" y="426"/>
                </a:cubicBezTo>
                <a:cubicBezTo>
                  <a:pt x="205" y="448"/>
                  <a:pt x="249" y="498"/>
                  <a:pt x="227" y="520"/>
                </a:cubicBezTo>
                <a:cubicBezTo>
                  <a:pt x="205" y="542"/>
                  <a:pt x="155" y="542"/>
                  <a:pt x="133" y="520"/>
                </a:cubicBezTo>
                <a:cubicBezTo>
                  <a:pt x="111" y="498"/>
                  <a:pt x="155" y="448"/>
                  <a:pt x="133" y="426"/>
                </a:cubicBezTo>
                <a:cubicBezTo>
                  <a:pt x="108" y="400"/>
                  <a:pt x="25" y="426"/>
                  <a:pt x="25" y="426"/>
                </a:cubicBezTo>
                <a:cubicBezTo>
                  <a:pt x="25" y="426"/>
                  <a:pt x="0" y="343"/>
                  <a:pt x="25" y="318"/>
                </a:cubicBezTo>
                <a:cubicBezTo>
                  <a:pt x="47" y="296"/>
                  <a:pt x="97" y="340"/>
                  <a:pt x="120" y="318"/>
                </a:cubicBezTo>
                <a:cubicBezTo>
                  <a:pt x="142" y="296"/>
                  <a:pt x="142" y="246"/>
                  <a:pt x="120" y="224"/>
                </a:cubicBezTo>
                <a:cubicBezTo>
                  <a:pt x="97" y="202"/>
                  <a:pt x="47" y="246"/>
                  <a:pt x="25" y="224"/>
                </a:cubicBezTo>
                <a:cubicBezTo>
                  <a:pt x="0" y="198"/>
                  <a:pt x="25" y="116"/>
                  <a:pt x="25" y="116"/>
                </a:cubicBezTo>
                <a:cubicBezTo>
                  <a:pt x="25" y="116"/>
                  <a:pt x="108" y="141"/>
                  <a:pt x="133" y="116"/>
                </a:cubicBezTo>
                <a:cubicBezTo>
                  <a:pt x="155" y="94"/>
                  <a:pt x="111" y="44"/>
                  <a:pt x="133" y="22"/>
                </a:cubicBezTo>
                <a:cubicBezTo>
                  <a:pt x="155" y="0"/>
                  <a:pt x="205" y="0"/>
                  <a:pt x="227" y="22"/>
                </a:cubicBezTo>
                <a:cubicBezTo>
                  <a:pt x="249" y="44"/>
                  <a:pt x="205" y="94"/>
                  <a:pt x="227" y="116"/>
                </a:cubicBezTo>
                <a:cubicBezTo>
                  <a:pt x="253" y="141"/>
                  <a:pt x="335" y="116"/>
                  <a:pt x="335" y="116"/>
                </a:cubicBezTo>
                <a:cubicBezTo>
                  <a:pt x="335" y="116"/>
                  <a:pt x="360" y="198"/>
                  <a:pt x="335" y="224"/>
                </a:cubicBezTo>
                <a:cubicBezTo>
                  <a:pt x="313" y="246"/>
                  <a:pt x="263" y="202"/>
                  <a:pt x="241" y="224"/>
                </a:cubicBezTo>
                <a:cubicBezTo>
                  <a:pt x="218" y="246"/>
                  <a:pt x="218" y="296"/>
                  <a:pt x="241" y="318"/>
                </a:cubicBezTo>
                <a:cubicBezTo>
                  <a:pt x="263" y="340"/>
                  <a:pt x="313" y="296"/>
                  <a:pt x="335" y="318"/>
                </a:cubicBezTo>
                <a:cubicBezTo>
                  <a:pt x="360" y="343"/>
                  <a:pt x="335" y="426"/>
                  <a:pt x="335" y="426"/>
                </a:cubicBezTo>
                <a:close/>
              </a:path>
            </a:pathLst>
          </a:custGeom>
          <a:solidFill>
            <a:srgbClr val="12B19F"/>
          </a:solidFill>
          <a:ln w="38100" cap="flat">
            <a:solidFill>
              <a:schemeClr val="bg1"/>
            </a:solidFill>
            <a:prstDash val="solid"/>
            <a:miter lim="800000"/>
          </a:ln>
        </p:spPr>
        <p:txBody>
          <a:bodyPr vert="horz" wrap="square" lIns="60960" tIns="30480" rIns="60960" bIns="30480" numCol="1" anchor="t" anchorCtr="0" compatLnSpc="1"/>
          <a:lstStyle/>
          <a:p>
            <a:endParaRPr lang="uk-UA" sz="1200"/>
          </a:p>
        </p:txBody>
      </p:sp>
      <p:sp>
        <p:nvSpPr>
          <p:cNvPr id="87" name="Freeform 32"/>
          <p:cNvSpPr/>
          <p:nvPr/>
        </p:nvSpPr>
        <p:spPr bwMode="auto">
          <a:xfrm>
            <a:off x="5542166" y="3880358"/>
            <a:ext cx="2604307" cy="1734264"/>
          </a:xfrm>
          <a:custGeom>
            <a:avLst/>
            <a:gdLst>
              <a:gd name="T0" fmla="*/ 116 w 542"/>
              <a:gd name="T1" fmla="*/ 335 h 361"/>
              <a:gd name="T2" fmla="*/ 116 w 542"/>
              <a:gd name="T3" fmla="*/ 228 h 361"/>
              <a:gd name="T4" fmla="*/ 22 w 542"/>
              <a:gd name="T5" fmla="*/ 228 h 361"/>
              <a:gd name="T6" fmla="*/ 22 w 542"/>
              <a:gd name="T7" fmla="*/ 133 h 361"/>
              <a:gd name="T8" fmla="*/ 116 w 542"/>
              <a:gd name="T9" fmla="*/ 133 h 361"/>
              <a:gd name="T10" fmla="*/ 116 w 542"/>
              <a:gd name="T11" fmla="*/ 26 h 361"/>
              <a:gd name="T12" fmla="*/ 224 w 542"/>
              <a:gd name="T13" fmla="*/ 26 h 361"/>
              <a:gd name="T14" fmla="*/ 224 w 542"/>
              <a:gd name="T15" fmla="*/ 120 h 361"/>
              <a:gd name="T16" fmla="*/ 318 w 542"/>
              <a:gd name="T17" fmla="*/ 120 h 361"/>
              <a:gd name="T18" fmla="*/ 318 w 542"/>
              <a:gd name="T19" fmla="*/ 26 h 361"/>
              <a:gd name="T20" fmla="*/ 426 w 542"/>
              <a:gd name="T21" fmla="*/ 26 h 361"/>
              <a:gd name="T22" fmla="*/ 426 w 542"/>
              <a:gd name="T23" fmla="*/ 133 h 361"/>
              <a:gd name="T24" fmla="*/ 520 w 542"/>
              <a:gd name="T25" fmla="*/ 133 h 361"/>
              <a:gd name="T26" fmla="*/ 520 w 542"/>
              <a:gd name="T27" fmla="*/ 228 h 361"/>
              <a:gd name="T28" fmla="*/ 426 w 542"/>
              <a:gd name="T29" fmla="*/ 228 h 361"/>
              <a:gd name="T30" fmla="*/ 426 w 542"/>
              <a:gd name="T31" fmla="*/ 335 h 361"/>
              <a:gd name="T32" fmla="*/ 318 w 542"/>
              <a:gd name="T33" fmla="*/ 335 h 361"/>
              <a:gd name="T34" fmla="*/ 318 w 542"/>
              <a:gd name="T35" fmla="*/ 241 h 361"/>
              <a:gd name="T36" fmla="*/ 224 w 542"/>
              <a:gd name="T37" fmla="*/ 241 h 361"/>
              <a:gd name="T38" fmla="*/ 224 w 542"/>
              <a:gd name="T39" fmla="*/ 335 h 361"/>
              <a:gd name="T40" fmla="*/ 116 w 542"/>
              <a:gd name="T41" fmla="*/ 335 h 361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</a:cxnLst>
            <a:rect l="0" t="0" r="r" b="b"/>
            <a:pathLst>
              <a:path w="542" h="361">
                <a:moveTo>
                  <a:pt x="116" y="335"/>
                </a:moveTo>
                <a:cubicBezTo>
                  <a:pt x="116" y="335"/>
                  <a:pt x="142" y="253"/>
                  <a:pt x="116" y="228"/>
                </a:cubicBezTo>
                <a:cubicBezTo>
                  <a:pt x="94" y="205"/>
                  <a:pt x="44" y="250"/>
                  <a:pt x="22" y="228"/>
                </a:cubicBezTo>
                <a:cubicBezTo>
                  <a:pt x="0" y="205"/>
                  <a:pt x="0" y="156"/>
                  <a:pt x="22" y="133"/>
                </a:cubicBezTo>
                <a:cubicBezTo>
                  <a:pt x="44" y="111"/>
                  <a:pt x="94" y="156"/>
                  <a:pt x="116" y="133"/>
                </a:cubicBezTo>
                <a:cubicBezTo>
                  <a:pt x="142" y="108"/>
                  <a:pt x="116" y="26"/>
                  <a:pt x="116" y="26"/>
                </a:cubicBezTo>
                <a:cubicBezTo>
                  <a:pt x="116" y="26"/>
                  <a:pt x="199" y="0"/>
                  <a:pt x="224" y="26"/>
                </a:cubicBezTo>
                <a:cubicBezTo>
                  <a:pt x="246" y="48"/>
                  <a:pt x="202" y="98"/>
                  <a:pt x="224" y="120"/>
                </a:cubicBezTo>
                <a:cubicBezTo>
                  <a:pt x="246" y="142"/>
                  <a:pt x="296" y="142"/>
                  <a:pt x="318" y="120"/>
                </a:cubicBezTo>
                <a:cubicBezTo>
                  <a:pt x="340" y="98"/>
                  <a:pt x="296" y="48"/>
                  <a:pt x="318" y="26"/>
                </a:cubicBezTo>
                <a:cubicBezTo>
                  <a:pt x="344" y="0"/>
                  <a:pt x="426" y="26"/>
                  <a:pt x="426" y="26"/>
                </a:cubicBezTo>
                <a:cubicBezTo>
                  <a:pt x="426" y="26"/>
                  <a:pt x="401" y="108"/>
                  <a:pt x="426" y="133"/>
                </a:cubicBezTo>
                <a:cubicBezTo>
                  <a:pt x="448" y="156"/>
                  <a:pt x="498" y="111"/>
                  <a:pt x="520" y="133"/>
                </a:cubicBezTo>
                <a:cubicBezTo>
                  <a:pt x="542" y="156"/>
                  <a:pt x="542" y="205"/>
                  <a:pt x="520" y="228"/>
                </a:cubicBezTo>
                <a:cubicBezTo>
                  <a:pt x="498" y="250"/>
                  <a:pt x="448" y="205"/>
                  <a:pt x="426" y="228"/>
                </a:cubicBezTo>
                <a:cubicBezTo>
                  <a:pt x="401" y="253"/>
                  <a:pt x="426" y="335"/>
                  <a:pt x="426" y="335"/>
                </a:cubicBezTo>
                <a:cubicBezTo>
                  <a:pt x="426" y="335"/>
                  <a:pt x="344" y="361"/>
                  <a:pt x="318" y="335"/>
                </a:cubicBezTo>
                <a:cubicBezTo>
                  <a:pt x="296" y="313"/>
                  <a:pt x="340" y="263"/>
                  <a:pt x="318" y="241"/>
                </a:cubicBezTo>
                <a:cubicBezTo>
                  <a:pt x="296" y="219"/>
                  <a:pt x="246" y="219"/>
                  <a:pt x="224" y="241"/>
                </a:cubicBezTo>
                <a:cubicBezTo>
                  <a:pt x="202" y="263"/>
                  <a:pt x="246" y="313"/>
                  <a:pt x="224" y="335"/>
                </a:cubicBezTo>
                <a:cubicBezTo>
                  <a:pt x="199" y="361"/>
                  <a:pt x="116" y="335"/>
                  <a:pt x="116" y="335"/>
                </a:cubicBezTo>
                <a:close/>
              </a:path>
            </a:pathLst>
          </a:custGeom>
          <a:solidFill>
            <a:srgbClr val="E04548"/>
          </a:solidFill>
          <a:ln w="38100" cap="flat">
            <a:solidFill>
              <a:schemeClr val="bg1"/>
            </a:solidFill>
            <a:prstDash val="solid"/>
            <a:miter lim="800000"/>
          </a:ln>
        </p:spPr>
        <p:txBody>
          <a:bodyPr vert="horz" wrap="square" lIns="60960" tIns="30480" rIns="60960" bIns="30480" numCol="1" anchor="t" anchorCtr="0" compatLnSpc="1"/>
          <a:lstStyle/>
          <a:p>
            <a:endParaRPr lang="uk-UA" sz="1200"/>
          </a:p>
        </p:txBody>
      </p:sp>
      <p:sp>
        <p:nvSpPr>
          <p:cNvPr id="88" name="Freeform 34"/>
          <p:cNvSpPr/>
          <p:nvPr/>
        </p:nvSpPr>
        <p:spPr bwMode="auto">
          <a:xfrm>
            <a:off x="4050871" y="2394884"/>
            <a:ext cx="2610127" cy="1728444"/>
          </a:xfrm>
          <a:custGeom>
            <a:avLst/>
            <a:gdLst>
              <a:gd name="T0" fmla="*/ 117 w 543"/>
              <a:gd name="T1" fmla="*/ 335 h 360"/>
              <a:gd name="T2" fmla="*/ 117 w 543"/>
              <a:gd name="T3" fmla="*/ 227 h 360"/>
              <a:gd name="T4" fmla="*/ 22 w 543"/>
              <a:gd name="T5" fmla="*/ 227 h 360"/>
              <a:gd name="T6" fmla="*/ 22 w 543"/>
              <a:gd name="T7" fmla="*/ 133 h 360"/>
              <a:gd name="T8" fmla="*/ 117 w 543"/>
              <a:gd name="T9" fmla="*/ 133 h 360"/>
              <a:gd name="T10" fmla="*/ 117 w 543"/>
              <a:gd name="T11" fmla="*/ 25 h 360"/>
              <a:gd name="T12" fmla="*/ 224 w 543"/>
              <a:gd name="T13" fmla="*/ 25 h 360"/>
              <a:gd name="T14" fmla="*/ 224 w 543"/>
              <a:gd name="T15" fmla="*/ 119 h 360"/>
              <a:gd name="T16" fmla="*/ 319 w 543"/>
              <a:gd name="T17" fmla="*/ 119 h 360"/>
              <a:gd name="T18" fmla="*/ 319 w 543"/>
              <a:gd name="T19" fmla="*/ 25 h 360"/>
              <a:gd name="T20" fmla="*/ 426 w 543"/>
              <a:gd name="T21" fmla="*/ 25 h 360"/>
              <a:gd name="T22" fmla="*/ 426 w 543"/>
              <a:gd name="T23" fmla="*/ 133 h 360"/>
              <a:gd name="T24" fmla="*/ 521 w 543"/>
              <a:gd name="T25" fmla="*/ 133 h 360"/>
              <a:gd name="T26" fmla="*/ 521 w 543"/>
              <a:gd name="T27" fmla="*/ 227 h 360"/>
              <a:gd name="T28" fmla="*/ 426 w 543"/>
              <a:gd name="T29" fmla="*/ 227 h 360"/>
              <a:gd name="T30" fmla="*/ 426 w 543"/>
              <a:gd name="T31" fmla="*/ 335 h 360"/>
              <a:gd name="T32" fmla="*/ 319 w 543"/>
              <a:gd name="T33" fmla="*/ 335 h 360"/>
              <a:gd name="T34" fmla="*/ 319 w 543"/>
              <a:gd name="T35" fmla="*/ 240 h 360"/>
              <a:gd name="T36" fmla="*/ 224 w 543"/>
              <a:gd name="T37" fmla="*/ 240 h 360"/>
              <a:gd name="T38" fmla="*/ 224 w 543"/>
              <a:gd name="T39" fmla="*/ 335 h 360"/>
              <a:gd name="T40" fmla="*/ 117 w 543"/>
              <a:gd name="T41" fmla="*/ 335 h 36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</a:cxnLst>
            <a:rect l="0" t="0" r="r" b="b"/>
            <a:pathLst>
              <a:path w="543" h="360">
                <a:moveTo>
                  <a:pt x="117" y="335"/>
                </a:moveTo>
                <a:cubicBezTo>
                  <a:pt x="117" y="335"/>
                  <a:pt x="142" y="252"/>
                  <a:pt x="117" y="227"/>
                </a:cubicBezTo>
                <a:cubicBezTo>
                  <a:pt x="94" y="205"/>
                  <a:pt x="45" y="249"/>
                  <a:pt x="22" y="227"/>
                </a:cubicBezTo>
                <a:cubicBezTo>
                  <a:pt x="0" y="205"/>
                  <a:pt x="0" y="155"/>
                  <a:pt x="22" y="133"/>
                </a:cubicBezTo>
                <a:cubicBezTo>
                  <a:pt x="45" y="111"/>
                  <a:pt x="94" y="155"/>
                  <a:pt x="117" y="133"/>
                </a:cubicBezTo>
                <a:cubicBezTo>
                  <a:pt x="142" y="107"/>
                  <a:pt x="117" y="25"/>
                  <a:pt x="117" y="25"/>
                </a:cubicBezTo>
                <a:cubicBezTo>
                  <a:pt x="117" y="25"/>
                  <a:pt x="199" y="0"/>
                  <a:pt x="224" y="25"/>
                </a:cubicBezTo>
                <a:cubicBezTo>
                  <a:pt x="246" y="47"/>
                  <a:pt x="202" y="97"/>
                  <a:pt x="224" y="119"/>
                </a:cubicBezTo>
                <a:cubicBezTo>
                  <a:pt x="246" y="142"/>
                  <a:pt x="296" y="142"/>
                  <a:pt x="319" y="119"/>
                </a:cubicBezTo>
                <a:cubicBezTo>
                  <a:pt x="341" y="97"/>
                  <a:pt x="296" y="47"/>
                  <a:pt x="319" y="25"/>
                </a:cubicBezTo>
                <a:cubicBezTo>
                  <a:pt x="344" y="0"/>
                  <a:pt x="426" y="25"/>
                  <a:pt x="426" y="25"/>
                </a:cubicBezTo>
                <a:cubicBezTo>
                  <a:pt x="426" y="25"/>
                  <a:pt x="401" y="107"/>
                  <a:pt x="426" y="133"/>
                </a:cubicBezTo>
                <a:cubicBezTo>
                  <a:pt x="448" y="155"/>
                  <a:pt x="498" y="111"/>
                  <a:pt x="521" y="133"/>
                </a:cubicBezTo>
                <a:cubicBezTo>
                  <a:pt x="543" y="155"/>
                  <a:pt x="543" y="205"/>
                  <a:pt x="521" y="227"/>
                </a:cubicBezTo>
                <a:cubicBezTo>
                  <a:pt x="498" y="249"/>
                  <a:pt x="448" y="205"/>
                  <a:pt x="426" y="227"/>
                </a:cubicBezTo>
                <a:cubicBezTo>
                  <a:pt x="401" y="252"/>
                  <a:pt x="426" y="335"/>
                  <a:pt x="426" y="335"/>
                </a:cubicBezTo>
                <a:cubicBezTo>
                  <a:pt x="426" y="335"/>
                  <a:pt x="344" y="360"/>
                  <a:pt x="319" y="335"/>
                </a:cubicBezTo>
                <a:cubicBezTo>
                  <a:pt x="296" y="313"/>
                  <a:pt x="341" y="263"/>
                  <a:pt x="319" y="240"/>
                </a:cubicBezTo>
                <a:cubicBezTo>
                  <a:pt x="296" y="218"/>
                  <a:pt x="246" y="218"/>
                  <a:pt x="224" y="240"/>
                </a:cubicBezTo>
                <a:cubicBezTo>
                  <a:pt x="202" y="263"/>
                  <a:pt x="246" y="313"/>
                  <a:pt x="224" y="335"/>
                </a:cubicBezTo>
                <a:cubicBezTo>
                  <a:pt x="199" y="360"/>
                  <a:pt x="117" y="335"/>
                  <a:pt x="117" y="335"/>
                </a:cubicBezTo>
                <a:close/>
              </a:path>
            </a:pathLst>
          </a:custGeom>
          <a:solidFill>
            <a:srgbClr val="288DBB"/>
          </a:solidFill>
          <a:ln w="38100" cap="flat">
            <a:solidFill>
              <a:schemeClr val="bg1"/>
            </a:solidFill>
            <a:prstDash val="solid"/>
            <a:miter lim="800000"/>
          </a:ln>
        </p:spPr>
        <p:txBody>
          <a:bodyPr vert="horz" wrap="square" lIns="60960" tIns="30480" rIns="60960" bIns="30480" numCol="1" anchor="t" anchorCtr="0" compatLnSpc="1"/>
          <a:lstStyle/>
          <a:p>
            <a:endParaRPr lang="uk-UA" sz="1200"/>
          </a:p>
        </p:txBody>
      </p:sp>
      <p:sp>
        <p:nvSpPr>
          <p:cNvPr id="89" name="Freeform 36"/>
          <p:cNvSpPr/>
          <p:nvPr/>
        </p:nvSpPr>
        <p:spPr bwMode="auto">
          <a:xfrm>
            <a:off x="4488802" y="3443882"/>
            <a:ext cx="1734264" cy="2607216"/>
          </a:xfrm>
          <a:custGeom>
            <a:avLst/>
            <a:gdLst>
              <a:gd name="T0" fmla="*/ 335 w 361"/>
              <a:gd name="T1" fmla="*/ 426 h 543"/>
              <a:gd name="T2" fmla="*/ 228 w 361"/>
              <a:gd name="T3" fmla="*/ 426 h 543"/>
              <a:gd name="T4" fmla="*/ 228 w 361"/>
              <a:gd name="T5" fmla="*/ 521 h 543"/>
              <a:gd name="T6" fmla="*/ 133 w 361"/>
              <a:gd name="T7" fmla="*/ 521 h 543"/>
              <a:gd name="T8" fmla="*/ 133 w 361"/>
              <a:gd name="T9" fmla="*/ 426 h 543"/>
              <a:gd name="T10" fmla="*/ 26 w 361"/>
              <a:gd name="T11" fmla="*/ 426 h 543"/>
              <a:gd name="T12" fmla="*/ 26 w 361"/>
              <a:gd name="T13" fmla="*/ 319 h 543"/>
              <a:gd name="T14" fmla="*/ 120 w 361"/>
              <a:gd name="T15" fmla="*/ 319 h 543"/>
              <a:gd name="T16" fmla="*/ 120 w 361"/>
              <a:gd name="T17" fmla="*/ 224 h 543"/>
              <a:gd name="T18" fmla="*/ 26 w 361"/>
              <a:gd name="T19" fmla="*/ 224 h 543"/>
              <a:gd name="T20" fmla="*/ 26 w 361"/>
              <a:gd name="T21" fmla="*/ 117 h 543"/>
              <a:gd name="T22" fmla="*/ 133 w 361"/>
              <a:gd name="T23" fmla="*/ 117 h 543"/>
              <a:gd name="T24" fmla="*/ 133 w 361"/>
              <a:gd name="T25" fmla="*/ 22 h 543"/>
              <a:gd name="T26" fmla="*/ 228 w 361"/>
              <a:gd name="T27" fmla="*/ 22 h 543"/>
              <a:gd name="T28" fmla="*/ 228 w 361"/>
              <a:gd name="T29" fmla="*/ 117 h 543"/>
              <a:gd name="T30" fmla="*/ 335 w 361"/>
              <a:gd name="T31" fmla="*/ 117 h 543"/>
              <a:gd name="T32" fmla="*/ 335 w 361"/>
              <a:gd name="T33" fmla="*/ 224 h 543"/>
              <a:gd name="T34" fmla="*/ 241 w 361"/>
              <a:gd name="T35" fmla="*/ 224 h 543"/>
              <a:gd name="T36" fmla="*/ 241 w 361"/>
              <a:gd name="T37" fmla="*/ 319 h 543"/>
              <a:gd name="T38" fmla="*/ 335 w 361"/>
              <a:gd name="T39" fmla="*/ 319 h 543"/>
              <a:gd name="T40" fmla="*/ 335 w 361"/>
              <a:gd name="T41" fmla="*/ 426 h 54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</a:cxnLst>
            <a:rect l="0" t="0" r="r" b="b"/>
            <a:pathLst>
              <a:path w="361" h="543">
                <a:moveTo>
                  <a:pt x="335" y="426"/>
                </a:moveTo>
                <a:cubicBezTo>
                  <a:pt x="335" y="426"/>
                  <a:pt x="253" y="401"/>
                  <a:pt x="228" y="426"/>
                </a:cubicBezTo>
                <a:cubicBezTo>
                  <a:pt x="205" y="449"/>
                  <a:pt x="250" y="498"/>
                  <a:pt x="228" y="521"/>
                </a:cubicBezTo>
                <a:cubicBezTo>
                  <a:pt x="205" y="543"/>
                  <a:pt x="155" y="543"/>
                  <a:pt x="133" y="521"/>
                </a:cubicBezTo>
                <a:cubicBezTo>
                  <a:pt x="111" y="498"/>
                  <a:pt x="155" y="449"/>
                  <a:pt x="133" y="426"/>
                </a:cubicBezTo>
                <a:cubicBezTo>
                  <a:pt x="108" y="401"/>
                  <a:pt x="26" y="426"/>
                  <a:pt x="26" y="426"/>
                </a:cubicBezTo>
                <a:cubicBezTo>
                  <a:pt x="26" y="426"/>
                  <a:pt x="0" y="344"/>
                  <a:pt x="26" y="319"/>
                </a:cubicBezTo>
                <a:cubicBezTo>
                  <a:pt x="48" y="296"/>
                  <a:pt x="98" y="341"/>
                  <a:pt x="120" y="319"/>
                </a:cubicBezTo>
                <a:cubicBezTo>
                  <a:pt x="142" y="296"/>
                  <a:pt x="142" y="247"/>
                  <a:pt x="120" y="224"/>
                </a:cubicBezTo>
                <a:cubicBezTo>
                  <a:pt x="98" y="202"/>
                  <a:pt x="48" y="247"/>
                  <a:pt x="26" y="224"/>
                </a:cubicBezTo>
                <a:cubicBezTo>
                  <a:pt x="0" y="199"/>
                  <a:pt x="26" y="117"/>
                  <a:pt x="26" y="117"/>
                </a:cubicBezTo>
                <a:cubicBezTo>
                  <a:pt x="26" y="117"/>
                  <a:pt x="108" y="142"/>
                  <a:pt x="133" y="117"/>
                </a:cubicBezTo>
                <a:cubicBezTo>
                  <a:pt x="155" y="95"/>
                  <a:pt x="111" y="45"/>
                  <a:pt x="133" y="22"/>
                </a:cubicBezTo>
                <a:cubicBezTo>
                  <a:pt x="155" y="0"/>
                  <a:pt x="205" y="0"/>
                  <a:pt x="228" y="22"/>
                </a:cubicBezTo>
                <a:cubicBezTo>
                  <a:pt x="250" y="45"/>
                  <a:pt x="205" y="95"/>
                  <a:pt x="228" y="117"/>
                </a:cubicBezTo>
                <a:cubicBezTo>
                  <a:pt x="253" y="142"/>
                  <a:pt x="335" y="117"/>
                  <a:pt x="335" y="117"/>
                </a:cubicBezTo>
                <a:cubicBezTo>
                  <a:pt x="335" y="117"/>
                  <a:pt x="361" y="199"/>
                  <a:pt x="335" y="224"/>
                </a:cubicBezTo>
                <a:cubicBezTo>
                  <a:pt x="313" y="247"/>
                  <a:pt x="263" y="202"/>
                  <a:pt x="241" y="224"/>
                </a:cubicBezTo>
                <a:cubicBezTo>
                  <a:pt x="219" y="247"/>
                  <a:pt x="219" y="296"/>
                  <a:pt x="241" y="319"/>
                </a:cubicBezTo>
                <a:cubicBezTo>
                  <a:pt x="263" y="341"/>
                  <a:pt x="313" y="296"/>
                  <a:pt x="335" y="319"/>
                </a:cubicBezTo>
                <a:cubicBezTo>
                  <a:pt x="361" y="344"/>
                  <a:pt x="335" y="426"/>
                  <a:pt x="335" y="426"/>
                </a:cubicBezTo>
                <a:close/>
              </a:path>
            </a:pathLst>
          </a:custGeom>
          <a:solidFill>
            <a:srgbClr val="FDB52D"/>
          </a:solidFill>
          <a:ln w="38100" cap="flat">
            <a:solidFill>
              <a:schemeClr val="bg1"/>
            </a:solidFill>
            <a:prstDash val="solid"/>
            <a:miter lim="800000"/>
          </a:ln>
        </p:spPr>
        <p:txBody>
          <a:bodyPr vert="horz" wrap="square" lIns="60960" tIns="30480" rIns="60960" bIns="30480" numCol="1" anchor="t" anchorCtr="0" compatLnSpc="1"/>
          <a:lstStyle/>
          <a:p>
            <a:endParaRPr lang="uk-UA" sz="1200"/>
          </a:p>
        </p:txBody>
      </p:sp>
      <p:sp>
        <p:nvSpPr>
          <p:cNvPr id="90" name="文本框 89"/>
          <p:cNvSpPr txBox="1"/>
          <p:nvPr/>
        </p:nvSpPr>
        <p:spPr>
          <a:xfrm>
            <a:off x="8847607" y="4912268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91" name="文本框 90"/>
          <p:cNvSpPr txBox="1"/>
          <p:nvPr/>
        </p:nvSpPr>
        <p:spPr>
          <a:xfrm>
            <a:off x="1008741" y="253848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92" name="文本框 91"/>
          <p:cNvSpPr txBox="1"/>
          <p:nvPr/>
        </p:nvSpPr>
        <p:spPr>
          <a:xfrm>
            <a:off x="1002858" y="4912268"/>
            <a:ext cx="2339102" cy="1323439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1600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6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93" name="文本框 92"/>
          <p:cNvSpPr txBox="1"/>
          <p:nvPr/>
        </p:nvSpPr>
        <p:spPr>
          <a:xfrm>
            <a:off x="8847607" y="254175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9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3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12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0" presetClass="entr" presetSubtype="0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500"/>
                                        <p:tgtEl>
                                          <p:spTgt spid="9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animBg="1"/>
      <p:bldP spid="87" grpId="0" animBg="1"/>
      <p:bldP spid="88" grpId="0" animBg="1"/>
      <p:bldP spid="89" grpId="0" animBg="1"/>
      <p:bldP spid="90" grpId="0"/>
      <p:bldP spid="91" grpId="0"/>
      <p:bldP spid="92" grpId="0"/>
      <p:bldP spid="93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组合 85"/>
          <p:cNvGrpSpPr/>
          <p:nvPr/>
        </p:nvGrpSpPr>
        <p:grpSpPr>
          <a:xfrm>
            <a:off x="3142474" y="3050242"/>
            <a:ext cx="5992633" cy="350001"/>
            <a:chOff x="3142474" y="2754820"/>
            <a:chExt cx="5992633" cy="350001"/>
          </a:xfrm>
        </p:grpSpPr>
        <p:sp>
          <p:nvSpPr>
            <p:cNvPr id="87" name="Freeform 1"/>
            <p:cNvSpPr>
              <a:spLocks noChangeArrowheads="1"/>
            </p:cNvSpPr>
            <p:nvPr/>
          </p:nvSpPr>
          <p:spPr bwMode="auto">
            <a:xfrm rot="10800000">
              <a:off x="3142474" y="2754820"/>
              <a:ext cx="223780" cy="350000"/>
            </a:xfrm>
            <a:custGeom>
              <a:avLst/>
              <a:gdLst>
                <a:gd name="T0" fmla="*/ 5999 w 6375"/>
                <a:gd name="T1" fmla="*/ 8218 h 9969"/>
                <a:gd name="T2" fmla="*/ 5999 w 6375"/>
                <a:gd name="T3" fmla="*/ 8218 h 9969"/>
                <a:gd name="T4" fmla="*/ 2750 w 6375"/>
                <a:gd name="T5" fmla="*/ 4969 h 9969"/>
                <a:gd name="T6" fmla="*/ 5999 w 6375"/>
                <a:gd name="T7" fmla="*/ 1750 h 9969"/>
                <a:gd name="T8" fmla="*/ 5999 w 6375"/>
                <a:gd name="T9" fmla="*/ 375 h 9969"/>
                <a:gd name="T10" fmla="*/ 4624 w 6375"/>
                <a:gd name="T11" fmla="*/ 375 h 9969"/>
                <a:gd name="T12" fmla="*/ 0 w 6375"/>
                <a:gd name="T13" fmla="*/ 4969 h 9969"/>
                <a:gd name="T14" fmla="*/ 4624 w 6375"/>
                <a:gd name="T15" fmla="*/ 9593 h 9969"/>
                <a:gd name="T16" fmla="*/ 5999 w 6375"/>
                <a:gd name="T17" fmla="*/ 9593 h 9969"/>
                <a:gd name="T18" fmla="*/ 6280 w 6375"/>
                <a:gd name="T19" fmla="*/ 8905 h 9969"/>
                <a:gd name="T20" fmla="*/ 5999 w 6375"/>
                <a:gd name="T21" fmla="*/ 8218 h 99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375" h="9969">
                  <a:moveTo>
                    <a:pt x="5999" y="8218"/>
                  </a:moveTo>
                  <a:lnTo>
                    <a:pt x="5999" y="8218"/>
                  </a:lnTo>
                  <a:cubicBezTo>
                    <a:pt x="2750" y="4969"/>
                    <a:pt x="2750" y="4969"/>
                    <a:pt x="2750" y="4969"/>
                  </a:cubicBezTo>
                  <a:cubicBezTo>
                    <a:pt x="5999" y="1750"/>
                    <a:pt x="5999" y="1750"/>
                    <a:pt x="5999" y="1750"/>
                  </a:cubicBezTo>
                  <a:cubicBezTo>
                    <a:pt x="6374" y="1375"/>
                    <a:pt x="6374" y="750"/>
                    <a:pt x="5999" y="375"/>
                  </a:cubicBezTo>
                  <a:cubicBezTo>
                    <a:pt x="5624" y="0"/>
                    <a:pt x="4999" y="0"/>
                    <a:pt x="4624" y="375"/>
                  </a:cubicBezTo>
                  <a:cubicBezTo>
                    <a:pt x="0" y="4969"/>
                    <a:pt x="0" y="4969"/>
                    <a:pt x="0" y="4969"/>
                  </a:cubicBezTo>
                  <a:cubicBezTo>
                    <a:pt x="4624" y="9593"/>
                    <a:pt x="4624" y="9593"/>
                    <a:pt x="4624" y="9593"/>
                  </a:cubicBezTo>
                  <a:cubicBezTo>
                    <a:pt x="4999" y="9968"/>
                    <a:pt x="5624" y="9968"/>
                    <a:pt x="5999" y="9593"/>
                  </a:cubicBezTo>
                  <a:cubicBezTo>
                    <a:pt x="6186" y="9405"/>
                    <a:pt x="6280" y="9155"/>
                    <a:pt x="6280" y="8905"/>
                  </a:cubicBezTo>
                  <a:cubicBezTo>
                    <a:pt x="6280" y="8655"/>
                    <a:pt x="6186" y="8405"/>
                    <a:pt x="5999" y="8218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88" name="Freeform 1"/>
            <p:cNvSpPr>
              <a:spLocks noChangeArrowheads="1"/>
            </p:cNvSpPr>
            <p:nvPr/>
          </p:nvSpPr>
          <p:spPr bwMode="auto">
            <a:xfrm rot="10800000">
              <a:off x="4835805" y="2754820"/>
              <a:ext cx="223780" cy="350000"/>
            </a:xfrm>
            <a:custGeom>
              <a:avLst/>
              <a:gdLst>
                <a:gd name="T0" fmla="*/ 5999 w 6375"/>
                <a:gd name="T1" fmla="*/ 8218 h 9969"/>
                <a:gd name="T2" fmla="*/ 5999 w 6375"/>
                <a:gd name="T3" fmla="*/ 8218 h 9969"/>
                <a:gd name="T4" fmla="*/ 2750 w 6375"/>
                <a:gd name="T5" fmla="*/ 4969 h 9969"/>
                <a:gd name="T6" fmla="*/ 5999 w 6375"/>
                <a:gd name="T7" fmla="*/ 1750 h 9969"/>
                <a:gd name="T8" fmla="*/ 5999 w 6375"/>
                <a:gd name="T9" fmla="*/ 375 h 9969"/>
                <a:gd name="T10" fmla="*/ 4624 w 6375"/>
                <a:gd name="T11" fmla="*/ 375 h 9969"/>
                <a:gd name="T12" fmla="*/ 0 w 6375"/>
                <a:gd name="T13" fmla="*/ 4969 h 9969"/>
                <a:gd name="T14" fmla="*/ 4624 w 6375"/>
                <a:gd name="T15" fmla="*/ 9593 h 9969"/>
                <a:gd name="T16" fmla="*/ 5999 w 6375"/>
                <a:gd name="T17" fmla="*/ 9593 h 9969"/>
                <a:gd name="T18" fmla="*/ 6280 w 6375"/>
                <a:gd name="T19" fmla="*/ 8905 h 9969"/>
                <a:gd name="T20" fmla="*/ 5999 w 6375"/>
                <a:gd name="T21" fmla="*/ 8218 h 99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375" h="9969">
                  <a:moveTo>
                    <a:pt x="5999" y="8218"/>
                  </a:moveTo>
                  <a:lnTo>
                    <a:pt x="5999" y="8218"/>
                  </a:lnTo>
                  <a:cubicBezTo>
                    <a:pt x="2750" y="4969"/>
                    <a:pt x="2750" y="4969"/>
                    <a:pt x="2750" y="4969"/>
                  </a:cubicBezTo>
                  <a:cubicBezTo>
                    <a:pt x="5999" y="1750"/>
                    <a:pt x="5999" y="1750"/>
                    <a:pt x="5999" y="1750"/>
                  </a:cubicBezTo>
                  <a:cubicBezTo>
                    <a:pt x="6374" y="1375"/>
                    <a:pt x="6374" y="750"/>
                    <a:pt x="5999" y="375"/>
                  </a:cubicBezTo>
                  <a:cubicBezTo>
                    <a:pt x="5624" y="0"/>
                    <a:pt x="4999" y="0"/>
                    <a:pt x="4624" y="375"/>
                  </a:cubicBezTo>
                  <a:cubicBezTo>
                    <a:pt x="0" y="4969"/>
                    <a:pt x="0" y="4969"/>
                    <a:pt x="0" y="4969"/>
                  </a:cubicBezTo>
                  <a:cubicBezTo>
                    <a:pt x="4624" y="9593"/>
                    <a:pt x="4624" y="9593"/>
                    <a:pt x="4624" y="9593"/>
                  </a:cubicBezTo>
                  <a:cubicBezTo>
                    <a:pt x="4999" y="9968"/>
                    <a:pt x="5624" y="9968"/>
                    <a:pt x="5999" y="9593"/>
                  </a:cubicBezTo>
                  <a:cubicBezTo>
                    <a:pt x="6186" y="9405"/>
                    <a:pt x="6280" y="9155"/>
                    <a:pt x="6280" y="8905"/>
                  </a:cubicBezTo>
                  <a:cubicBezTo>
                    <a:pt x="6280" y="8655"/>
                    <a:pt x="6186" y="8405"/>
                    <a:pt x="5999" y="8218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89" name="Freeform 1"/>
            <p:cNvSpPr>
              <a:spLocks noChangeArrowheads="1"/>
            </p:cNvSpPr>
            <p:nvPr/>
          </p:nvSpPr>
          <p:spPr bwMode="auto">
            <a:xfrm rot="10800000">
              <a:off x="7183531" y="2754821"/>
              <a:ext cx="223780" cy="350000"/>
            </a:xfrm>
            <a:custGeom>
              <a:avLst/>
              <a:gdLst>
                <a:gd name="T0" fmla="*/ 5999 w 6375"/>
                <a:gd name="T1" fmla="*/ 8218 h 9969"/>
                <a:gd name="T2" fmla="*/ 5999 w 6375"/>
                <a:gd name="T3" fmla="*/ 8218 h 9969"/>
                <a:gd name="T4" fmla="*/ 2750 w 6375"/>
                <a:gd name="T5" fmla="*/ 4969 h 9969"/>
                <a:gd name="T6" fmla="*/ 5999 w 6375"/>
                <a:gd name="T7" fmla="*/ 1750 h 9969"/>
                <a:gd name="T8" fmla="*/ 5999 w 6375"/>
                <a:gd name="T9" fmla="*/ 375 h 9969"/>
                <a:gd name="T10" fmla="*/ 4624 w 6375"/>
                <a:gd name="T11" fmla="*/ 375 h 9969"/>
                <a:gd name="T12" fmla="*/ 0 w 6375"/>
                <a:gd name="T13" fmla="*/ 4969 h 9969"/>
                <a:gd name="T14" fmla="*/ 4624 w 6375"/>
                <a:gd name="T15" fmla="*/ 9593 h 9969"/>
                <a:gd name="T16" fmla="*/ 5999 w 6375"/>
                <a:gd name="T17" fmla="*/ 9593 h 9969"/>
                <a:gd name="T18" fmla="*/ 6280 w 6375"/>
                <a:gd name="T19" fmla="*/ 8905 h 9969"/>
                <a:gd name="T20" fmla="*/ 5999 w 6375"/>
                <a:gd name="T21" fmla="*/ 8218 h 99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375" h="9969">
                  <a:moveTo>
                    <a:pt x="5999" y="8218"/>
                  </a:moveTo>
                  <a:lnTo>
                    <a:pt x="5999" y="8218"/>
                  </a:lnTo>
                  <a:cubicBezTo>
                    <a:pt x="2750" y="4969"/>
                    <a:pt x="2750" y="4969"/>
                    <a:pt x="2750" y="4969"/>
                  </a:cubicBezTo>
                  <a:cubicBezTo>
                    <a:pt x="5999" y="1750"/>
                    <a:pt x="5999" y="1750"/>
                    <a:pt x="5999" y="1750"/>
                  </a:cubicBezTo>
                  <a:cubicBezTo>
                    <a:pt x="6374" y="1375"/>
                    <a:pt x="6374" y="750"/>
                    <a:pt x="5999" y="375"/>
                  </a:cubicBezTo>
                  <a:cubicBezTo>
                    <a:pt x="5624" y="0"/>
                    <a:pt x="4999" y="0"/>
                    <a:pt x="4624" y="375"/>
                  </a:cubicBezTo>
                  <a:cubicBezTo>
                    <a:pt x="0" y="4969"/>
                    <a:pt x="0" y="4969"/>
                    <a:pt x="0" y="4969"/>
                  </a:cubicBezTo>
                  <a:cubicBezTo>
                    <a:pt x="4624" y="9593"/>
                    <a:pt x="4624" y="9593"/>
                    <a:pt x="4624" y="9593"/>
                  </a:cubicBezTo>
                  <a:cubicBezTo>
                    <a:pt x="4999" y="9968"/>
                    <a:pt x="5624" y="9968"/>
                    <a:pt x="5999" y="9593"/>
                  </a:cubicBezTo>
                  <a:cubicBezTo>
                    <a:pt x="6186" y="9405"/>
                    <a:pt x="6280" y="9155"/>
                    <a:pt x="6280" y="8905"/>
                  </a:cubicBezTo>
                  <a:cubicBezTo>
                    <a:pt x="6280" y="8655"/>
                    <a:pt x="6186" y="8405"/>
                    <a:pt x="5999" y="8218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90" name="Freeform 1"/>
            <p:cNvSpPr>
              <a:spLocks noChangeArrowheads="1"/>
            </p:cNvSpPr>
            <p:nvPr/>
          </p:nvSpPr>
          <p:spPr bwMode="auto">
            <a:xfrm rot="10800000">
              <a:off x="8911327" y="2754821"/>
              <a:ext cx="223780" cy="350000"/>
            </a:xfrm>
            <a:custGeom>
              <a:avLst/>
              <a:gdLst>
                <a:gd name="T0" fmla="*/ 5999 w 6375"/>
                <a:gd name="T1" fmla="*/ 8218 h 9969"/>
                <a:gd name="T2" fmla="*/ 5999 w 6375"/>
                <a:gd name="T3" fmla="*/ 8218 h 9969"/>
                <a:gd name="T4" fmla="*/ 2750 w 6375"/>
                <a:gd name="T5" fmla="*/ 4969 h 9969"/>
                <a:gd name="T6" fmla="*/ 5999 w 6375"/>
                <a:gd name="T7" fmla="*/ 1750 h 9969"/>
                <a:gd name="T8" fmla="*/ 5999 w 6375"/>
                <a:gd name="T9" fmla="*/ 375 h 9969"/>
                <a:gd name="T10" fmla="*/ 4624 w 6375"/>
                <a:gd name="T11" fmla="*/ 375 h 9969"/>
                <a:gd name="T12" fmla="*/ 0 w 6375"/>
                <a:gd name="T13" fmla="*/ 4969 h 9969"/>
                <a:gd name="T14" fmla="*/ 4624 w 6375"/>
                <a:gd name="T15" fmla="*/ 9593 h 9969"/>
                <a:gd name="T16" fmla="*/ 5999 w 6375"/>
                <a:gd name="T17" fmla="*/ 9593 h 9969"/>
                <a:gd name="T18" fmla="*/ 6280 w 6375"/>
                <a:gd name="T19" fmla="*/ 8905 h 9969"/>
                <a:gd name="T20" fmla="*/ 5999 w 6375"/>
                <a:gd name="T21" fmla="*/ 8218 h 996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6375" h="9969">
                  <a:moveTo>
                    <a:pt x="5999" y="8218"/>
                  </a:moveTo>
                  <a:lnTo>
                    <a:pt x="5999" y="8218"/>
                  </a:lnTo>
                  <a:cubicBezTo>
                    <a:pt x="2750" y="4969"/>
                    <a:pt x="2750" y="4969"/>
                    <a:pt x="2750" y="4969"/>
                  </a:cubicBezTo>
                  <a:cubicBezTo>
                    <a:pt x="5999" y="1750"/>
                    <a:pt x="5999" y="1750"/>
                    <a:pt x="5999" y="1750"/>
                  </a:cubicBezTo>
                  <a:cubicBezTo>
                    <a:pt x="6374" y="1375"/>
                    <a:pt x="6374" y="750"/>
                    <a:pt x="5999" y="375"/>
                  </a:cubicBezTo>
                  <a:cubicBezTo>
                    <a:pt x="5624" y="0"/>
                    <a:pt x="4999" y="0"/>
                    <a:pt x="4624" y="375"/>
                  </a:cubicBezTo>
                  <a:cubicBezTo>
                    <a:pt x="0" y="4969"/>
                    <a:pt x="0" y="4969"/>
                    <a:pt x="0" y="4969"/>
                  </a:cubicBezTo>
                  <a:cubicBezTo>
                    <a:pt x="4624" y="9593"/>
                    <a:pt x="4624" y="9593"/>
                    <a:pt x="4624" y="9593"/>
                  </a:cubicBezTo>
                  <a:cubicBezTo>
                    <a:pt x="4999" y="9968"/>
                    <a:pt x="5624" y="9968"/>
                    <a:pt x="5999" y="9593"/>
                  </a:cubicBezTo>
                  <a:cubicBezTo>
                    <a:pt x="6186" y="9405"/>
                    <a:pt x="6280" y="9155"/>
                    <a:pt x="6280" y="8905"/>
                  </a:cubicBezTo>
                  <a:cubicBezTo>
                    <a:pt x="6280" y="8655"/>
                    <a:pt x="6186" y="8405"/>
                    <a:pt x="5999" y="8218"/>
                  </a:cubicBezTo>
                </a:path>
              </a:pathLst>
            </a:custGeom>
            <a:solidFill>
              <a:schemeClr val="bg1">
                <a:lumMod val="75000"/>
              </a:schemeClr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</p:grpSp>
      <p:grpSp>
        <p:nvGrpSpPr>
          <p:cNvPr id="91" name="组合 90"/>
          <p:cNvGrpSpPr/>
          <p:nvPr/>
        </p:nvGrpSpPr>
        <p:grpSpPr>
          <a:xfrm>
            <a:off x="871374" y="2466661"/>
            <a:ext cx="2159566" cy="3874127"/>
            <a:chOff x="871374" y="2171239"/>
            <a:chExt cx="2159566" cy="3874127"/>
          </a:xfrm>
        </p:grpSpPr>
        <p:sp>
          <p:nvSpPr>
            <p:cNvPr id="92" name="Oval 89"/>
            <p:cNvSpPr/>
            <p:nvPr/>
          </p:nvSpPr>
          <p:spPr>
            <a:xfrm>
              <a:off x="1311194" y="2171239"/>
              <a:ext cx="1550732" cy="1551136"/>
            </a:xfrm>
            <a:prstGeom prst="ellipse">
              <a:avLst/>
            </a:prstGeom>
            <a:solidFill>
              <a:srgbClr val="288DBB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93" name="Freeform 16"/>
            <p:cNvSpPr>
              <a:spLocks noChangeArrowheads="1"/>
            </p:cNvSpPr>
            <p:nvPr/>
          </p:nvSpPr>
          <p:spPr bwMode="auto">
            <a:xfrm>
              <a:off x="1783734" y="2471640"/>
              <a:ext cx="589091" cy="925392"/>
            </a:xfrm>
            <a:custGeom>
              <a:avLst/>
              <a:gdLst>
                <a:gd name="T0" fmla="*/ 406 w 657"/>
                <a:gd name="T1" fmla="*/ 947 h 1032"/>
                <a:gd name="T2" fmla="*/ 333 w 657"/>
                <a:gd name="T3" fmla="*/ 1031 h 1032"/>
                <a:gd name="T4" fmla="*/ 250 w 657"/>
                <a:gd name="T5" fmla="*/ 947 h 1032"/>
                <a:gd name="T6" fmla="*/ 448 w 657"/>
                <a:gd name="T7" fmla="*/ 916 h 1032"/>
                <a:gd name="T8" fmla="*/ 198 w 657"/>
                <a:gd name="T9" fmla="*/ 833 h 1032"/>
                <a:gd name="T10" fmla="*/ 656 w 657"/>
                <a:gd name="T11" fmla="*/ 333 h 1032"/>
                <a:gd name="T12" fmla="*/ 562 w 657"/>
                <a:gd name="T13" fmla="*/ 562 h 1032"/>
                <a:gd name="T14" fmla="*/ 531 w 657"/>
                <a:gd name="T15" fmla="*/ 635 h 1032"/>
                <a:gd name="T16" fmla="*/ 500 w 657"/>
                <a:gd name="T17" fmla="*/ 708 h 1032"/>
                <a:gd name="T18" fmla="*/ 500 w 657"/>
                <a:gd name="T19" fmla="*/ 729 h 1032"/>
                <a:gd name="T20" fmla="*/ 166 w 657"/>
                <a:gd name="T21" fmla="*/ 791 h 1032"/>
                <a:gd name="T22" fmla="*/ 156 w 657"/>
                <a:gd name="T23" fmla="*/ 708 h 1032"/>
                <a:gd name="T24" fmla="*/ 135 w 657"/>
                <a:gd name="T25" fmla="*/ 635 h 1032"/>
                <a:gd name="T26" fmla="*/ 93 w 657"/>
                <a:gd name="T27" fmla="*/ 552 h 1032"/>
                <a:gd name="T28" fmla="*/ 0 w 657"/>
                <a:gd name="T29" fmla="*/ 333 h 1032"/>
                <a:gd name="T30" fmla="*/ 333 w 657"/>
                <a:gd name="T31" fmla="*/ 0 h 1032"/>
                <a:gd name="T32" fmla="*/ 656 w 657"/>
                <a:gd name="T33" fmla="*/ 333 h 1032"/>
                <a:gd name="T34" fmla="*/ 510 w 657"/>
                <a:gd name="T35" fmla="*/ 156 h 1032"/>
                <a:gd name="T36" fmla="*/ 156 w 657"/>
                <a:gd name="T37" fmla="*/ 156 h 1032"/>
                <a:gd name="T38" fmla="*/ 146 w 657"/>
                <a:gd name="T39" fmla="*/ 499 h 1032"/>
                <a:gd name="T40" fmla="*/ 166 w 657"/>
                <a:gd name="T41" fmla="*/ 541 h 1032"/>
                <a:gd name="T42" fmla="*/ 229 w 657"/>
                <a:gd name="T43" fmla="*/ 666 h 1032"/>
                <a:gd name="T44" fmla="*/ 427 w 657"/>
                <a:gd name="T45" fmla="*/ 718 h 1032"/>
                <a:gd name="T46" fmla="*/ 458 w 657"/>
                <a:gd name="T47" fmla="*/ 604 h 1032"/>
                <a:gd name="T48" fmla="*/ 510 w 657"/>
                <a:gd name="T49" fmla="*/ 520 h 1032"/>
                <a:gd name="T50" fmla="*/ 583 w 657"/>
                <a:gd name="T51" fmla="*/ 333 h 1032"/>
                <a:gd name="T52" fmla="*/ 354 w 657"/>
                <a:gd name="T53" fmla="*/ 354 h 1032"/>
                <a:gd name="T54" fmla="*/ 302 w 657"/>
                <a:gd name="T55" fmla="*/ 354 h 1032"/>
                <a:gd name="T56" fmla="*/ 239 w 657"/>
                <a:gd name="T57" fmla="*/ 354 h 1032"/>
                <a:gd name="T58" fmla="*/ 250 w 657"/>
                <a:gd name="T59" fmla="*/ 499 h 1032"/>
                <a:gd name="T60" fmla="*/ 302 w 657"/>
                <a:gd name="T61" fmla="*/ 499 h 1032"/>
                <a:gd name="T62" fmla="*/ 364 w 657"/>
                <a:gd name="T63" fmla="*/ 499 h 1032"/>
                <a:gd name="T64" fmla="*/ 416 w 657"/>
                <a:gd name="T65" fmla="*/ 499 h 1032"/>
                <a:gd name="T66" fmla="*/ 427 w 657"/>
                <a:gd name="T67" fmla="*/ 354 h 1032"/>
                <a:gd name="T68" fmla="*/ 385 w 657"/>
                <a:gd name="T69" fmla="*/ 416 h 10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</a:cxnLst>
              <a:rect l="0" t="0" r="r" b="b"/>
              <a:pathLst>
                <a:path w="657" h="1032">
                  <a:moveTo>
                    <a:pt x="250" y="947"/>
                  </a:moveTo>
                  <a:cubicBezTo>
                    <a:pt x="406" y="947"/>
                    <a:pt x="406" y="947"/>
                    <a:pt x="406" y="947"/>
                  </a:cubicBezTo>
                  <a:cubicBezTo>
                    <a:pt x="406" y="968"/>
                    <a:pt x="396" y="989"/>
                    <a:pt x="385" y="1010"/>
                  </a:cubicBezTo>
                  <a:cubicBezTo>
                    <a:pt x="364" y="1020"/>
                    <a:pt x="354" y="1031"/>
                    <a:pt x="333" y="1031"/>
                  </a:cubicBezTo>
                  <a:cubicBezTo>
                    <a:pt x="312" y="1031"/>
                    <a:pt x="291" y="1020"/>
                    <a:pt x="281" y="1010"/>
                  </a:cubicBezTo>
                  <a:cubicBezTo>
                    <a:pt x="260" y="989"/>
                    <a:pt x="250" y="968"/>
                    <a:pt x="250" y="947"/>
                  </a:cubicBezTo>
                  <a:close/>
                  <a:moveTo>
                    <a:pt x="208" y="916"/>
                  </a:moveTo>
                  <a:cubicBezTo>
                    <a:pt x="448" y="916"/>
                    <a:pt x="448" y="916"/>
                    <a:pt x="448" y="916"/>
                  </a:cubicBezTo>
                  <a:cubicBezTo>
                    <a:pt x="458" y="833"/>
                    <a:pt x="458" y="833"/>
                    <a:pt x="458" y="833"/>
                  </a:cubicBezTo>
                  <a:cubicBezTo>
                    <a:pt x="198" y="833"/>
                    <a:pt x="198" y="833"/>
                    <a:pt x="198" y="833"/>
                  </a:cubicBezTo>
                  <a:lnTo>
                    <a:pt x="208" y="916"/>
                  </a:lnTo>
                  <a:close/>
                  <a:moveTo>
                    <a:pt x="656" y="333"/>
                  </a:moveTo>
                  <a:cubicBezTo>
                    <a:pt x="656" y="416"/>
                    <a:pt x="625" y="489"/>
                    <a:pt x="573" y="552"/>
                  </a:cubicBezTo>
                  <a:lnTo>
                    <a:pt x="562" y="562"/>
                  </a:lnTo>
                  <a:cubicBezTo>
                    <a:pt x="562" y="562"/>
                    <a:pt x="562" y="572"/>
                    <a:pt x="552" y="572"/>
                  </a:cubicBezTo>
                  <a:cubicBezTo>
                    <a:pt x="541" y="593"/>
                    <a:pt x="541" y="614"/>
                    <a:pt x="531" y="635"/>
                  </a:cubicBezTo>
                  <a:cubicBezTo>
                    <a:pt x="521" y="656"/>
                    <a:pt x="510" y="677"/>
                    <a:pt x="510" y="697"/>
                  </a:cubicBezTo>
                  <a:cubicBezTo>
                    <a:pt x="500" y="697"/>
                    <a:pt x="500" y="697"/>
                    <a:pt x="500" y="708"/>
                  </a:cubicBezTo>
                  <a:lnTo>
                    <a:pt x="500" y="718"/>
                  </a:lnTo>
                  <a:cubicBezTo>
                    <a:pt x="500" y="729"/>
                    <a:pt x="500" y="729"/>
                    <a:pt x="500" y="729"/>
                  </a:cubicBezTo>
                  <a:cubicBezTo>
                    <a:pt x="500" y="791"/>
                    <a:pt x="500" y="791"/>
                    <a:pt x="500" y="791"/>
                  </a:cubicBezTo>
                  <a:cubicBezTo>
                    <a:pt x="166" y="791"/>
                    <a:pt x="166" y="791"/>
                    <a:pt x="166" y="791"/>
                  </a:cubicBezTo>
                  <a:cubicBezTo>
                    <a:pt x="166" y="729"/>
                    <a:pt x="166" y="729"/>
                    <a:pt x="166" y="729"/>
                  </a:cubicBezTo>
                  <a:cubicBezTo>
                    <a:pt x="166" y="718"/>
                    <a:pt x="156" y="718"/>
                    <a:pt x="156" y="708"/>
                  </a:cubicBezTo>
                  <a:lnTo>
                    <a:pt x="156" y="697"/>
                  </a:lnTo>
                  <a:cubicBezTo>
                    <a:pt x="146" y="677"/>
                    <a:pt x="146" y="656"/>
                    <a:pt x="135" y="635"/>
                  </a:cubicBezTo>
                  <a:cubicBezTo>
                    <a:pt x="125" y="614"/>
                    <a:pt x="114" y="593"/>
                    <a:pt x="104" y="572"/>
                  </a:cubicBezTo>
                  <a:cubicBezTo>
                    <a:pt x="93" y="562"/>
                    <a:pt x="93" y="562"/>
                    <a:pt x="93" y="552"/>
                  </a:cubicBezTo>
                  <a:lnTo>
                    <a:pt x="83" y="552"/>
                  </a:lnTo>
                  <a:cubicBezTo>
                    <a:pt x="31" y="489"/>
                    <a:pt x="0" y="416"/>
                    <a:pt x="0" y="333"/>
                  </a:cubicBezTo>
                  <a:cubicBezTo>
                    <a:pt x="0" y="239"/>
                    <a:pt x="31" y="166"/>
                    <a:pt x="104" y="104"/>
                  </a:cubicBezTo>
                  <a:cubicBezTo>
                    <a:pt x="166" y="31"/>
                    <a:pt x="239" y="0"/>
                    <a:pt x="333" y="0"/>
                  </a:cubicBezTo>
                  <a:cubicBezTo>
                    <a:pt x="416" y="0"/>
                    <a:pt x="500" y="31"/>
                    <a:pt x="562" y="104"/>
                  </a:cubicBezTo>
                  <a:cubicBezTo>
                    <a:pt x="625" y="166"/>
                    <a:pt x="656" y="239"/>
                    <a:pt x="656" y="333"/>
                  </a:cubicBezTo>
                  <a:close/>
                  <a:moveTo>
                    <a:pt x="583" y="333"/>
                  </a:moveTo>
                  <a:cubicBezTo>
                    <a:pt x="583" y="260"/>
                    <a:pt x="562" y="198"/>
                    <a:pt x="510" y="156"/>
                  </a:cubicBezTo>
                  <a:cubicBezTo>
                    <a:pt x="458" y="104"/>
                    <a:pt x="396" y="83"/>
                    <a:pt x="333" y="83"/>
                  </a:cubicBezTo>
                  <a:cubicBezTo>
                    <a:pt x="260" y="83"/>
                    <a:pt x="198" y="104"/>
                    <a:pt x="156" y="156"/>
                  </a:cubicBezTo>
                  <a:cubicBezTo>
                    <a:pt x="104" y="198"/>
                    <a:pt x="73" y="260"/>
                    <a:pt x="73" y="333"/>
                  </a:cubicBezTo>
                  <a:cubicBezTo>
                    <a:pt x="73" y="396"/>
                    <a:pt x="93" y="448"/>
                    <a:pt x="146" y="499"/>
                  </a:cubicBezTo>
                  <a:cubicBezTo>
                    <a:pt x="146" y="499"/>
                    <a:pt x="146" y="510"/>
                    <a:pt x="156" y="510"/>
                  </a:cubicBezTo>
                  <a:cubicBezTo>
                    <a:pt x="156" y="520"/>
                    <a:pt x="166" y="531"/>
                    <a:pt x="166" y="541"/>
                  </a:cubicBezTo>
                  <a:cubicBezTo>
                    <a:pt x="177" y="562"/>
                    <a:pt x="187" y="583"/>
                    <a:pt x="198" y="604"/>
                  </a:cubicBezTo>
                  <a:cubicBezTo>
                    <a:pt x="208" y="624"/>
                    <a:pt x="218" y="645"/>
                    <a:pt x="229" y="666"/>
                  </a:cubicBezTo>
                  <a:cubicBezTo>
                    <a:pt x="229" y="697"/>
                    <a:pt x="239" y="708"/>
                    <a:pt x="239" y="718"/>
                  </a:cubicBezTo>
                  <a:cubicBezTo>
                    <a:pt x="427" y="718"/>
                    <a:pt x="427" y="718"/>
                    <a:pt x="427" y="718"/>
                  </a:cubicBezTo>
                  <a:cubicBezTo>
                    <a:pt x="427" y="708"/>
                    <a:pt x="427" y="697"/>
                    <a:pt x="437" y="666"/>
                  </a:cubicBezTo>
                  <a:cubicBezTo>
                    <a:pt x="437" y="645"/>
                    <a:pt x="448" y="624"/>
                    <a:pt x="458" y="604"/>
                  </a:cubicBezTo>
                  <a:cubicBezTo>
                    <a:pt x="468" y="583"/>
                    <a:pt x="479" y="562"/>
                    <a:pt x="489" y="541"/>
                  </a:cubicBezTo>
                  <a:cubicBezTo>
                    <a:pt x="489" y="531"/>
                    <a:pt x="500" y="520"/>
                    <a:pt x="510" y="520"/>
                  </a:cubicBezTo>
                  <a:cubicBezTo>
                    <a:pt x="510" y="510"/>
                    <a:pt x="510" y="499"/>
                    <a:pt x="521" y="499"/>
                  </a:cubicBezTo>
                  <a:cubicBezTo>
                    <a:pt x="562" y="448"/>
                    <a:pt x="583" y="396"/>
                    <a:pt x="583" y="333"/>
                  </a:cubicBezTo>
                  <a:close/>
                  <a:moveTo>
                    <a:pt x="385" y="416"/>
                  </a:moveTo>
                  <a:cubicBezTo>
                    <a:pt x="354" y="354"/>
                    <a:pt x="354" y="354"/>
                    <a:pt x="354" y="354"/>
                  </a:cubicBezTo>
                  <a:cubicBezTo>
                    <a:pt x="333" y="302"/>
                    <a:pt x="333" y="302"/>
                    <a:pt x="333" y="302"/>
                  </a:cubicBezTo>
                  <a:cubicBezTo>
                    <a:pt x="302" y="354"/>
                    <a:pt x="302" y="354"/>
                    <a:pt x="302" y="354"/>
                  </a:cubicBezTo>
                  <a:cubicBezTo>
                    <a:pt x="271" y="416"/>
                    <a:pt x="271" y="416"/>
                    <a:pt x="271" y="416"/>
                  </a:cubicBezTo>
                  <a:cubicBezTo>
                    <a:pt x="239" y="354"/>
                    <a:pt x="239" y="354"/>
                    <a:pt x="239" y="354"/>
                  </a:cubicBezTo>
                  <a:cubicBezTo>
                    <a:pt x="187" y="385"/>
                    <a:pt x="187" y="385"/>
                    <a:pt x="187" y="385"/>
                  </a:cubicBezTo>
                  <a:cubicBezTo>
                    <a:pt x="250" y="499"/>
                    <a:pt x="250" y="499"/>
                    <a:pt x="250" y="499"/>
                  </a:cubicBezTo>
                  <a:cubicBezTo>
                    <a:pt x="271" y="552"/>
                    <a:pt x="271" y="552"/>
                    <a:pt x="271" y="552"/>
                  </a:cubicBezTo>
                  <a:cubicBezTo>
                    <a:pt x="302" y="499"/>
                    <a:pt x="302" y="499"/>
                    <a:pt x="302" y="499"/>
                  </a:cubicBezTo>
                  <a:cubicBezTo>
                    <a:pt x="333" y="437"/>
                    <a:pt x="333" y="437"/>
                    <a:pt x="333" y="437"/>
                  </a:cubicBezTo>
                  <a:cubicBezTo>
                    <a:pt x="364" y="499"/>
                    <a:pt x="364" y="499"/>
                    <a:pt x="364" y="499"/>
                  </a:cubicBezTo>
                  <a:cubicBezTo>
                    <a:pt x="385" y="552"/>
                    <a:pt x="385" y="552"/>
                    <a:pt x="385" y="552"/>
                  </a:cubicBezTo>
                  <a:cubicBezTo>
                    <a:pt x="416" y="499"/>
                    <a:pt x="416" y="499"/>
                    <a:pt x="416" y="499"/>
                  </a:cubicBezTo>
                  <a:cubicBezTo>
                    <a:pt x="479" y="385"/>
                    <a:pt x="479" y="385"/>
                    <a:pt x="479" y="385"/>
                  </a:cubicBezTo>
                  <a:cubicBezTo>
                    <a:pt x="427" y="354"/>
                    <a:pt x="427" y="354"/>
                    <a:pt x="427" y="354"/>
                  </a:cubicBezTo>
                  <a:lnTo>
                    <a:pt x="385" y="416"/>
                  </a:lnTo>
                  <a:close/>
                  <a:moveTo>
                    <a:pt x="385" y="416"/>
                  </a:moveTo>
                  <a:lnTo>
                    <a:pt x="385" y="416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94" name="Straight Connector 107"/>
            <p:cNvCxnSpPr/>
            <p:nvPr/>
          </p:nvCxnSpPr>
          <p:spPr>
            <a:xfrm>
              <a:off x="2097839" y="3768657"/>
              <a:ext cx="0" cy="791163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95" name="文本框 94"/>
            <p:cNvSpPr txBox="1"/>
            <p:nvPr/>
          </p:nvSpPr>
          <p:spPr>
            <a:xfrm>
              <a:off x="871374" y="4906593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96" name="组合 95"/>
          <p:cNvGrpSpPr/>
          <p:nvPr/>
        </p:nvGrpSpPr>
        <p:grpSpPr>
          <a:xfrm>
            <a:off x="2924584" y="2765507"/>
            <a:ext cx="2159566" cy="2821786"/>
            <a:chOff x="2924584" y="2470085"/>
            <a:chExt cx="2159566" cy="2821786"/>
          </a:xfrm>
        </p:grpSpPr>
        <p:sp>
          <p:nvSpPr>
            <p:cNvPr id="97" name="Oval 91"/>
            <p:cNvSpPr/>
            <p:nvPr/>
          </p:nvSpPr>
          <p:spPr>
            <a:xfrm>
              <a:off x="3596237" y="2470085"/>
              <a:ext cx="919231" cy="919470"/>
            </a:xfrm>
            <a:prstGeom prst="ellipse">
              <a:avLst/>
            </a:prstGeom>
            <a:solidFill>
              <a:srgbClr val="12B19F"/>
            </a:solidFill>
            <a:ln w="57150" cmpd="sng"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98" name="Freeform 17"/>
            <p:cNvSpPr>
              <a:spLocks noChangeArrowheads="1"/>
            </p:cNvSpPr>
            <p:nvPr/>
          </p:nvSpPr>
          <p:spPr bwMode="auto">
            <a:xfrm>
              <a:off x="3890616" y="2670436"/>
              <a:ext cx="335602" cy="468200"/>
            </a:xfrm>
            <a:custGeom>
              <a:avLst/>
              <a:gdLst>
                <a:gd name="T0" fmla="*/ 326 w 503"/>
                <a:gd name="T1" fmla="*/ 142 h 703"/>
                <a:gd name="T2" fmla="*/ 168 w 503"/>
                <a:gd name="T3" fmla="*/ 142 h 703"/>
                <a:gd name="T4" fmla="*/ 168 w 503"/>
                <a:gd name="T5" fmla="*/ 134 h 703"/>
                <a:gd name="T6" fmla="*/ 184 w 503"/>
                <a:gd name="T7" fmla="*/ 125 h 703"/>
                <a:gd name="T8" fmla="*/ 310 w 503"/>
                <a:gd name="T9" fmla="*/ 125 h 703"/>
                <a:gd name="T10" fmla="*/ 343 w 503"/>
                <a:gd name="T11" fmla="*/ 0 h 703"/>
                <a:gd name="T12" fmla="*/ 151 w 503"/>
                <a:gd name="T13" fmla="*/ 0 h 703"/>
                <a:gd name="T14" fmla="*/ 176 w 503"/>
                <a:gd name="T15" fmla="*/ 125 h 703"/>
                <a:gd name="T16" fmla="*/ 67 w 503"/>
                <a:gd name="T17" fmla="*/ 67 h 703"/>
                <a:gd name="T18" fmla="*/ 75 w 503"/>
                <a:gd name="T19" fmla="*/ 84 h 703"/>
                <a:gd name="T20" fmla="*/ 168 w 503"/>
                <a:gd name="T21" fmla="*/ 134 h 703"/>
                <a:gd name="T22" fmla="*/ 92 w 503"/>
                <a:gd name="T23" fmla="*/ 134 h 703"/>
                <a:gd name="T24" fmla="*/ 84 w 503"/>
                <a:gd name="T25" fmla="*/ 142 h 703"/>
                <a:gd name="T26" fmla="*/ 126 w 503"/>
                <a:gd name="T27" fmla="*/ 159 h 703"/>
                <a:gd name="T28" fmla="*/ 151 w 503"/>
                <a:gd name="T29" fmla="*/ 151 h 703"/>
                <a:gd name="T30" fmla="*/ 0 w 503"/>
                <a:gd name="T31" fmla="*/ 460 h 703"/>
                <a:gd name="T32" fmla="*/ 251 w 503"/>
                <a:gd name="T33" fmla="*/ 702 h 703"/>
                <a:gd name="T34" fmla="*/ 502 w 503"/>
                <a:gd name="T35" fmla="*/ 452 h 703"/>
                <a:gd name="T36" fmla="*/ 326 w 503"/>
                <a:gd name="T37" fmla="*/ 142 h 703"/>
                <a:gd name="T38" fmla="*/ 318 w 503"/>
                <a:gd name="T39" fmla="*/ 535 h 703"/>
                <a:gd name="T40" fmla="*/ 276 w 503"/>
                <a:gd name="T41" fmla="*/ 560 h 703"/>
                <a:gd name="T42" fmla="*/ 276 w 503"/>
                <a:gd name="T43" fmla="*/ 602 h 703"/>
                <a:gd name="T44" fmla="*/ 234 w 503"/>
                <a:gd name="T45" fmla="*/ 602 h 703"/>
                <a:gd name="T46" fmla="*/ 226 w 503"/>
                <a:gd name="T47" fmla="*/ 560 h 703"/>
                <a:gd name="T48" fmla="*/ 176 w 503"/>
                <a:gd name="T49" fmla="*/ 535 h 703"/>
                <a:gd name="T50" fmla="*/ 151 w 503"/>
                <a:gd name="T51" fmla="*/ 485 h 703"/>
                <a:gd name="T52" fmla="*/ 151 w 503"/>
                <a:gd name="T53" fmla="*/ 468 h 703"/>
                <a:gd name="T54" fmla="*/ 193 w 503"/>
                <a:gd name="T55" fmla="*/ 468 h 703"/>
                <a:gd name="T56" fmla="*/ 193 w 503"/>
                <a:gd name="T57" fmla="*/ 476 h 703"/>
                <a:gd name="T58" fmla="*/ 209 w 503"/>
                <a:gd name="T59" fmla="*/ 510 h 703"/>
                <a:gd name="T60" fmla="*/ 251 w 503"/>
                <a:gd name="T61" fmla="*/ 527 h 703"/>
                <a:gd name="T62" fmla="*/ 293 w 503"/>
                <a:gd name="T63" fmla="*/ 510 h 703"/>
                <a:gd name="T64" fmla="*/ 310 w 503"/>
                <a:gd name="T65" fmla="*/ 476 h 703"/>
                <a:gd name="T66" fmla="*/ 293 w 503"/>
                <a:gd name="T67" fmla="*/ 443 h 703"/>
                <a:gd name="T68" fmla="*/ 243 w 503"/>
                <a:gd name="T69" fmla="*/ 426 h 703"/>
                <a:gd name="T70" fmla="*/ 184 w 503"/>
                <a:gd name="T71" fmla="*/ 393 h 703"/>
                <a:gd name="T72" fmla="*/ 159 w 503"/>
                <a:gd name="T73" fmla="*/ 351 h 703"/>
                <a:gd name="T74" fmla="*/ 184 w 503"/>
                <a:gd name="T75" fmla="*/ 293 h 703"/>
                <a:gd name="T76" fmla="*/ 226 w 503"/>
                <a:gd name="T77" fmla="*/ 276 h 703"/>
                <a:gd name="T78" fmla="*/ 226 w 503"/>
                <a:gd name="T79" fmla="*/ 234 h 703"/>
                <a:gd name="T80" fmla="*/ 268 w 503"/>
                <a:gd name="T81" fmla="*/ 234 h 703"/>
                <a:gd name="T82" fmla="*/ 268 w 503"/>
                <a:gd name="T83" fmla="*/ 267 h 703"/>
                <a:gd name="T84" fmla="*/ 318 w 503"/>
                <a:gd name="T85" fmla="*/ 293 h 703"/>
                <a:gd name="T86" fmla="*/ 343 w 503"/>
                <a:gd name="T87" fmla="*/ 351 h 703"/>
                <a:gd name="T88" fmla="*/ 301 w 503"/>
                <a:gd name="T89" fmla="*/ 351 h 703"/>
                <a:gd name="T90" fmla="*/ 284 w 503"/>
                <a:gd name="T91" fmla="*/ 318 h 703"/>
                <a:gd name="T92" fmla="*/ 251 w 503"/>
                <a:gd name="T93" fmla="*/ 301 h 703"/>
                <a:gd name="T94" fmla="*/ 218 w 503"/>
                <a:gd name="T95" fmla="*/ 318 h 703"/>
                <a:gd name="T96" fmla="*/ 201 w 503"/>
                <a:gd name="T97" fmla="*/ 343 h 703"/>
                <a:gd name="T98" fmla="*/ 218 w 503"/>
                <a:gd name="T99" fmla="*/ 376 h 703"/>
                <a:gd name="T100" fmla="*/ 260 w 503"/>
                <a:gd name="T101" fmla="*/ 393 h 703"/>
                <a:gd name="T102" fmla="*/ 326 w 503"/>
                <a:gd name="T103" fmla="*/ 426 h 703"/>
                <a:gd name="T104" fmla="*/ 351 w 503"/>
                <a:gd name="T105" fmla="*/ 476 h 703"/>
                <a:gd name="T106" fmla="*/ 318 w 503"/>
                <a:gd name="T107" fmla="*/ 535 h 703"/>
                <a:gd name="T108" fmla="*/ 318 w 503"/>
                <a:gd name="T109" fmla="*/ 535 h 703"/>
                <a:gd name="T110" fmla="*/ 318 w 503"/>
                <a:gd name="T111" fmla="*/ 535 h 7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</a:cxnLst>
              <a:rect l="0" t="0" r="r" b="b"/>
              <a:pathLst>
                <a:path w="503" h="703">
                  <a:moveTo>
                    <a:pt x="326" y="142"/>
                  </a:moveTo>
                  <a:cubicBezTo>
                    <a:pt x="168" y="142"/>
                    <a:pt x="168" y="142"/>
                    <a:pt x="168" y="142"/>
                  </a:cubicBezTo>
                  <a:cubicBezTo>
                    <a:pt x="168" y="134"/>
                    <a:pt x="168" y="134"/>
                    <a:pt x="168" y="134"/>
                  </a:cubicBezTo>
                  <a:cubicBezTo>
                    <a:pt x="184" y="125"/>
                    <a:pt x="184" y="125"/>
                    <a:pt x="184" y="125"/>
                  </a:cubicBezTo>
                  <a:cubicBezTo>
                    <a:pt x="310" y="125"/>
                    <a:pt x="310" y="125"/>
                    <a:pt x="310" y="125"/>
                  </a:cubicBezTo>
                  <a:cubicBezTo>
                    <a:pt x="343" y="0"/>
                    <a:pt x="343" y="0"/>
                    <a:pt x="343" y="0"/>
                  </a:cubicBezTo>
                  <a:cubicBezTo>
                    <a:pt x="151" y="0"/>
                    <a:pt x="151" y="0"/>
                    <a:pt x="151" y="0"/>
                  </a:cubicBezTo>
                  <a:cubicBezTo>
                    <a:pt x="176" y="125"/>
                    <a:pt x="176" y="125"/>
                    <a:pt x="176" y="125"/>
                  </a:cubicBezTo>
                  <a:cubicBezTo>
                    <a:pt x="159" y="100"/>
                    <a:pt x="109" y="50"/>
                    <a:pt x="67" y="67"/>
                  </a:cubicBezTo>
                  <a:cubicBezTo>
                    <a:pt x="75" y="84"/>
                    <a:pt x="75" y="84"/>
                    <a:pt x="75" y="84"/>
                  </a:cubicBezTo>
                  <a:cubicBezTo>
                    <a:pt x="109" y="67"/>
                    <a:pt x="159" y="117"/>
                    <a:pt x="168" y="134"/>
                  </a:cubicBezTo>
                  <a:cubicBezTo>
                    <a:pt x="142" y="142"/>
                    <a:pt x="109" y="151"/>
                    <a:pt x="92" y="134"/>
                  </a:cubicBezTo>
                  <a:cubicBezTo>
                    <a:pt x="84" y="142"/>
                    <a:pt x="84" y="142"/>
                    <a:pt x="84" y="142"/>
                  </a:cubicBezTo>
                  <a:cubicBezTo>
                    <a:pt x="92" y="151"/>
                    <a:pt x="109" y="159"/>
                    <a:pt x="126" y="159"/>
                  </a:cubicBezTo>
                  <a:cubicBezTo>
                    <a:pt x="134" y="159"/>
                    <a:pt x="142" y="159"/>
                    <a:pt x="151" y="151"/>
                  </a:cubicBezTo>
                  <a:cubicBezTo>
                    <a:pt x="67" y="217"/>
                    <a:pt x="0" y="351"/>
                    <a:pt x="0" y="460"/>
                  </a:cubicBezTo>
                  <a:cubicBezTo>
                    <a:pt x="0" y="594"/>
                    <a:pt x="117" y="702"/>
                    <a:pt x="251" y="702"/>
                  </a:cubicBezTo>
                  <a:cubicBezTo>
                    <a:pt x="393" y="702"/>
                    <a:pt x="502" y="594"/>
                    <a:pt x="502" y="452"/>
                  </a:cubicBezTo>
                  <a:cubicBezTo>
                    <a:pt x="502" y="343"/>
                    <a:pt x="427" y="192"/>
                    <a:pt x="326" y="142"/>
                  </a:cubicBezTo>
                  <a:close/>
                  <a:moveTo>
                    <a:pt x="318" y="535"/>
                  </a:moveTo>
                  <a:cubicBezTo>
                    <a:pt x="310" y="552"/>
                    <a:pt x="293" y="552"/>
                    <a:pt x="276" y="560"/>
                  </a:cubicBezTo>
                  <a:cubicBezTo>
                    <a:pt x="276" y="602"/>
                    <a:pt x="276" y="602"/>
                    <a:pt x="276" y="602"/>
                  </a:cubicBezTo>
                  <a:cubicBezTo>
                    <a:pt x="234" y="602"/>
                    <a:pt x="234" y="602"/>
                    <a:pt x="234" y="602"/>
                  </a:cubicBezTo>
                  <a:cubicBezTo>
                    <a:pt x="226" y="560"/>
                    <a:pt x="226" y="560"/>
                    <a:pt x="226" y="560"/>
                  </a:cubicBezTo>
                  <a:cubicBezTo>
                    <a:pt x="209" y="560"/>
                    <a:pt x="193" y="552"/>
                    <a:pt x="176" y="535"/>
                  </a:cubicBezTo>
                  <a:cubicBezTo>
                    <a:pt x="159" y="518"/>
                    <a:pt x="151" y="502"/>
                    <a:pt x="151" y="485"/>
                  </a:cubicBezTo>
                  <a:cubicBezTo>
                    <a:pt x="151" y="468"/>
                    <a:pt x="151" y="468"/>
                    <a:pt x="151" y="468"/>
                  </a:cubicBezTo>
                  <a:cubicBezTo>
                    <a:pt x="193" y="468"/>
                    <a:pt x="193" y="468"/>
                    <a:pt x="193" y="468"/>
                  </a:cubicBezTo>
                  <a:cubicBezTo>
                    <a:pt x="193" y="476"/>
                    <a:pt x="193" y="476"/>
                    <a:pt x="193" y="476"/>
                  </a:cubicBezTo>
                  <a:cubicBezTo>
                    <a:pt x="193" y="493"/>
                    <a:pt x="201" y="502"/>
                    <a:pt x="209" y="510"/>
                  </a:cubicBezTo>
                  <a:cubicBezTo>
                    <a:pt x="218" y="518"/>
                    <a:pt x="234" y="527"/>
                    <a:pt x="251" y="527"/>
                  </a:cubicBezTo>
                  <a:cubicBezTo>
                    <a:pt x="268" y="527"/>
                    <a:pt x="284" y="518"/>
                    <a:pt x="293" y="510"/>
                  </a:cubicBezTo>
                  <a:cubicBezTo>
                    <a:pt x="301" y="502"/>
                    <a:pt x="310" y="493"/>
                    <a:pt x="310" y="476"/>
                  </a:cubicBezTo>
                  <a:cubicBezTo>
                    <a:pt x="310" y="460"/>
                    <a:pt x="301" y="452"/>
                    <a:pt x="293" y="443"/>
                  </a:cubicBezTo>
                  <a:cubicBezTo>
                    <a:pt x="284" y="435"/>
                    <a:pt x="268" y="426"/>
                    <a:pt x="243" y="426"/>
                  </a:cubicBezTo>
                  <a:cubicBezTo>
                    <a:pt x="218" y="418"/>
                    <a:pt x="193" y="410"/>
                    <a:pt x="184" y="393"/>
                  </a:cubicBezTo>
                  <a:cubicBezTo>
                    <a:pt x="168" y="385"/>
                    <a:pt x="159" y="368"/>
                    <a:pt x="159" y="351"/>
                  </a:cubicBezTo>
                  <a:cubicBezTo>
                    <a:pt x="159" y="326"/>
                    <a:pt x="168" y="309"/>
                    <a:pt x="184" y="293"/>
                  </a:cubicBezTo>
                  <a:cubicBezTo>
                    <a:pt x="201" y="284"/>
                    <a:pt x="209" y="276"/>
                    <a:pt x="226" y="276"/>
                  </a:cubicBezTo>
                  <a:cubicBezTo>
                    <a:pt x="226" y="234"/>
                    <a:pt x="226" y="234"/>
                    <a:pt x="226" y="234"/>
                  </a:cubicBezTo>
                  <a:cubicBezTo>
                    <a:pt x="268" y="234"/>
                    <a:pt x="268" y="234"/>
                    <a:pt x="268" y="234"/>
                  </a:cubicBezTo>
                  <a:cubicBezTo>
                    <a:pt x="268" y="267"/>
                    <a:pt x="268" y="267"/>
                    <a:pt x="268" y="267"/>
                  </a:cubicBezTo>
                  <a:cubicBezTo>
                    <a:pt x="293" y="276"/>
                    <a:pt x="310" y="276"/>
                    <a:pt x="318" y="293"/>
                  </a:cubicBezTo>
                  <a:cubicBezTo>
                    <a:pt x="335" y="301"/>
                    <a:pt x="343" y="326"/>
                    <a:pt x="343" y="351"/>
                  </a:cubicBezTo>
                  <a:cubicBezTo>
                    <a:pt x="301" y="351"/>
                    <a:pt x="301" y="351"/>
                    <a:pt x="301" y="351"/>
                  </a:cubicBezTo>
                  <a:cubicBezTo>
                    <a:pt x="301" y="334"/>
                    <a:pt x="293" y="326"/>
                    <a:pt x="284" y="318"/>
                  </a:cubicBezTo>
                  <a:cubicBezTo>
                    <a:pt x="284" y="309"/>
                    <a:pt x="268" y="301"/>
                    <a:pt x="251" y="301"/>
                  </a:cubicBezTo>
                  <a:cubicBezTo>
                    <a:pt x="234" y="301"/>
                    <a:pt x="226" y="309"/>
                    <a:pt x="218" y="318"/>
                  </a:cubicBezTo>
                  <a:cubicBezTo>
                    <a:pt x="209" y="326"/>
                    <a:pt x="201" y="334"/>
                    <a:pt x="201" y="343"/>
                  </a:cubicBezTo>
                  <a:cubicBezTo>
                    <a:pt x="201" y="360"/>
                    <a:pt x="209" y="368"/>
                    <a:pt x="218" y="376"/>
                  </a:cubicBezTo>
                  <a:cubicBezTo>
                    <a:pt x="226" y="385"/>
                    <a:pt x="234" y="385"/>
                    <a:pt x="260" y="393"/>
                  </a:cubicBezTo>
                  <a:cubicBezTo>
                    <a:pt x="284" y="401"/>
                    <a:pt x="310" y="410"/>
                    <a:pt x="326" y="426"/>
                  </a:cubicBezTo>
                  <a:cubicBezTo>
                    <a:pt x="343" y="435"/>
                    <a:pt x="351" y="452"/>
                    <a:pt x="351" y="476"/>
                  </a:cubicBezTo>
                  <a:cubicBezTo>
                    <a:pt x="351" y="502"/>
                    <a:pt x="343" y="518"/>
                    <a:pt x="318" y="535"/>
                  </a:cubicBezTo>
                  <a:close/>
                  <a:moveTo>
                    <a:pt x="318" y="535"/>
                  </a:moveTo>
                  <a:lnTo>
                    <a:pt x="318" y="535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99" name="Straight Connector 111"/>
            <p:cNvCxnSpPr/>
            <p:nvPr/>
          </p:nvCxnSpPr>
          <p:spPr>
            <a:xfrm>
              <a:off x="4044694" y="3443569"/>
              <a:ext cx="0" cy="460975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100" name="文本框 99"/>
            <p:cNvSpPr txBox="1"/>
            <p:nvPr/>
          </p:nvSpPr>
          <p:spPr>
            <a:xfrm>
              <a:off x="2924584" y="4153098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05" name="组合 104"/>
          <p:cNvGrpSpPr/>
          <p:nvPr/>
        </p:nvGrpSpPr>
        <p:grpSpPr>
          <a:xfrm>
            <a:off x="5017365" y="2454231"/>
            <a:ext cx="2159566" cy="3886184"/>
            <a:chOff x="5017365" y="2158809"/>
            <a:chExt cx="2159566" cy="3886184"/>
          </a:xfrm>
        </p:grpSpPr>
        <p:sp>
          <p:nvSpPr>
            <p:cNvPr id="106" name="Oval 93"/>
            <p:cNvSpPr/>
            <p:nvPr/>
          </p:nvSpPr>
          <p:spPr>
            <a:xfrm>
              <a:off x="5301124" y="2158809"/>
              <a:ext cx="1550732" cy="1551136"/>
            </a:xfrm>
            <a:prstGeom prst="ellipse">
              <a:avLst/>
            </a:prstGeom>
            <a:solidFill>
              <a:schemeClr val="bg1">
                <a:lumMod val="85000"/>
              </a:schemeClr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107" name="Freeform 109"/>
            <p:cNvSpPr>
              <a:spLocks noChangeArrowheads="1"/>
            </p:cNvSpPr>
            <p:nvPr/>
          </p:nvSpPr>
          <p:spPr bwMode="auto">
            <a:xfrm>
              <a:off x="5642145" y="2457162"/>
              <a:ext cx="910006" cy="910243"/>
            </a:xfrm>
            <a:custGeom>
              <a:avLst/>
              <a:gdLst>
                <a:gd name="T0" fmla="*/ 552 w 1105"/>
                <a:gd name="T1" fmla="*/ 0 h 1105"/>
                <a:gd name="T2" fmla="*/ 0 w 1105"/>
                <a:gd name="T3" fmla="*/ 552 h 1105"/>
                <a:gd name="T4" fmla="*/ 552 w 1105"/>
                <a:gd name="T5" fmla="*/ 1104 h 1105"/>
                <a:gd name="T6" fmla="*/ 1104 w 1105"/>
                <a:gd name="T7" fmla="*/ 552 h 1105"/>
                <a:gd name="T8" fmla="*/ 552 w 1105"/>
                <a:gd name="T9" fmla="*/ 0 h 1105"/>
                <a:gd name="T10" fmla="*/ 552 w 1105"/>
                <a:gd name="T11" fmla="*/ 1012 h 1105"/>
                <a:gd name="T12" fmla="*/ 84 w 1105"/>
                <a:gd name="T13" fmla="*/ 552 h 1105"/>
                <a:gd name="T14" fmla="*/ 552 w 1105"/>
                <a:gd name="T15" fmla="*/ 84 h 1105"/>
                <a:gd name="T16" fmla="*/ 1012 w 1105"/>
                <a:gd name="T17" fmla="*/ 552 h 1105"/>
                <a:gd name="T18" fmla="*/ 552 w 1105"/>
                <a:gd name="T19" fmla="*/ 1012 h 1105"/>
                <a:gd name="T20" fmla="*/ 836 w 1105"/>
                <a:gd name="T21" fmla="*/ 410 h 1105"/>
                <a:gd name="T22" fmla="*/ 828 w 1105"/>
                <a:gd name="T23" fmla="*/ 452 h 1105"/>
                <a:gd name="T24" fmla="*/ 560 w 1105"/>
                <a:gd name="T25" fmla="*/ 636 h 1105"/>
                <a:gd name="T26" fmla="*/ 544 w 1105"/>
                <a:gd name="T27" fmla="*/ 636 h 1105"/>
                <a:gd name="T28" fmla="*/ 527 w 1105"/>
                <a:gd name="T29" fmla="*/ 636 h 1105"/>
                <a:gd name="T30" fmla="*/ 518 w 1105"/>
                <a:gd name="T31" fmla="*/ 611 h 1105"/>
                <a:gd name="T32" fmla="*/ 518 w 1105"/>
                <a:gd name="T33" fmla="*/ 218 h 1105"/>
                <a:gd name="T34" fmla="*/ 544 w 1105"/>
                <a:gd name="T35" fmla="*/ 184 h 1105"/>
                <a:gd name="T36" fmla="*/ 577 w 1105"/>
                <a:gd name="T37" fmla="*/ 218 h 1105"/>
                <a:gd name="T38" fmla="*/ 577 w 1105"/>
                <a:gd name="T39" fmla="*/ 552 h 1105"/>
                <a:gd name="T40" fmla="*/ 795 w 1105"/>
                <a:gd name="T41" fmla="*/ 402 h 1105"/>
                <a:gd name="T42" fmla="*/ 836 w 1105"/>
                <a:gd name="T43" fmla="*/ 410 h 1105"/>
                <a:gd name="T44" fmla="*/ 836 w 1105"/>
                <a:gd name="T45" fmla="*/ 410 h 1105"/>
                <a:gd name="T46" fmla="*/ 836 w 1105"/>
                <a:gd name="T47" fmla="*/ 410 h 110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</a:cxnLst>
              <a:rect l="0" t="0" r="r" b="b"/>
              <a:pathLst>
                <a:path w="1105" h="1105">
                  <a:moveTo>
                    <a:pt x="552" y="0"/>
                  </a:moveTo>
                  <a:cubicBezTo>
                    <a:pt x="243" y="0"/>
                    <a:pt x="0" y="243"/>
                    <a:pt x="0" y="552"/>
                  </a:cubicBezTo>
                  <a:cubicBezTo>
                    <a:pt x="0" y="853"/>
                    <a:pt x="243" y="1104"/>
                    <a:pt x="552" y="1104"/>
                  </a:cubicBezTo>
                  <a:cubicBezTo>
                    <a:pt x="853" y="1104"/>
                    <a:pt x="1104" y="853"/>
                    <a:pt x="1104" y="552"/>
                  </a:cubicBezTo>
                  <a:cubicBezTo>
                    <a:pt x="1104" y="243"/>
                    <a:pt x="853" y="0"/>
                    <a:pt x="552" y="0"/>
                  </a:cubicBezTo>
                  <a:close/>
                  <a:moveTo>
                    <a:pt x="552" y="1012"/>
                  </a:moveTo>
                  <a:cubicBezTo>
                    <a:pt x="293" y="1012"/>
                    <a:pt x="84" y="803"/>
                    <a:pt x="84" y="552"/>
                  </a:cubicBezTo>
                  <a:cubicBezTo>
                    <a:pt x="84" y="293"/>
                    <a:pt x="293" y="84"/>
                    <a:pt x="552" y="84"/>
                  </a:cubicBezTo>
                  <a:cubicBezTo>
                    <a:pt x="803" y="84"/>
                    <a:pt x="1012" y="293"/>
                    <a:pt x="1012" y="552"/>
                  </a:cubicBezTo>
                  <a:cubicBezTo>
                    <a:pt x="1012" y="803"/>
                    <a:pt x="803" y="1012"/>
                    <a:pt x="552" y="1012"/>
                  </a:cubicBezTo>
                  <a:close/>
                  <a:moveTo>
                    <a:pt x="836" y="410"/>
                  </a:moveTo>
                  <a:cubicBezTo>
                    <a:pt x="845" y="419"/>
                    <a:pt x="845" y="435"/>
                    <a:pt x="828" y="452"/>
                  </a:cubicBezTo>
                  <a:cubicBezTo>
                    <a:pt x="560" y="636"/>
                    <a:pt x="560" y="636"/>
                    <a:pt x="560" y="636"/>
                  </a:cubicBezTo>
                  <a:cubicBezTo>
                    <a:pt x="552" y="636"/>
                    <a:pt x="552" y="636"/>
                    <a:pt x="544" y="636"/>
                  </a:cubicBezTo>
                  <a:cubicBezTo>
                    <a:pt x="544" y="636"/>
                    <a:pt x="535" y="636"/>
                    <a:pt x="527" y="636"/>
                  </a:cubicBezTo>
                  <a:cubicBezTo>
                    <a:pt x="518" y="628"/>
                    <a:pt x="518" y="619"/>
                    <a:pt x="518" y="611"/>
                  </a:cubicBezTo>
                  <a:cubicBezTo>
                    <a:pt x="518" y="218"/>
                    <a:pt x="518" y="218"/>
                    <a:pt x="518" y="218"/>
                  </a:cubicBezTo>
                  <a:cubicBezTo>
                    <a:pt x="518" y="201"/>
                    <a:pt x="527" y="184"/>
                    <a:pt x="544" y="184"/>
                  </a:cubicBezTo>
                  <a:cubicBezTo>
                    <a:pt x="560" y="184"/>
                    <a:pt x="577" y="201"/>
                    <a:pt x="577" y="218"/>
                  </a:cubicBezTo>
                  <a:cubicBezTo>
                    <a:pt x="577" y="552"/>
                    <a:pt x="577" y="552"/>
                    <a:pt x="577" y="552"/>
                  </a:cubicBezTo>
                  <a:cubicBezTo>
                    <a:pt x="795" y="402"/>
                    <a:pt x="795" y="402"/>
                    <a:pt x="795" y="402"/>
                  </a:cubicBezTo>
                  <a:cubicBezTo>
                    <a:pt x="811" y="393"/>
                    <a:pt x="828" y="393"/>
                    <a:pt x="836" y="410"/>
                  </a:cubicBezTo>
                  <a:close/>
                  <a:moveTo>
                    <a:pt x="836" y="410"/>
                  </a:moveTo>
                  <a:lnTo>
                    <a:pt x="836" y="410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108" name="Straight Connector 115"/>
            <p:cNvCxnSpPr/>
            <p:nvPr/>
          </p:nvCxnSpPr>
          <p:spPr>
            <a:xfrm>
              <a:off x="6106625" y="3757517"/>
              <a:ext cx="0" cy="791163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109" name="文本框 108"/>
            <p:cNvSpPr txBox="1"/>
            <p:nvPr/>
          </p:nvSpPr>
          <p:spPr>
            <a:xfrm>
              <a:off x="5017365" y="4906220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10" name="组合 109"/>
          <p:cNvGrpSpPr/>
          <p:nvPr/>
        </p:nvGrpSpPr>
        <p:grpSpPr>
          <a:xfrm>
            <a:off x="7070072" y="2765507"/>
            <a:ext cx="2159566" cy="2821786"/>
            <a:chOff x="7070072" y="2470085"/>
            <a:chExt cx="2159566" cy="2821786"/>
          </a:xfrm>
        </p:grpSpPr>
        <p:sp>
          <p:nvSpPr>
            <p:cNvPr id="111" name="Oval 94"/>
            <p:cNvSpPr/>
            <p:nvPr/>
          </p:nvSpPr>
          <p:spPr>
            <a:xfrm>
              <a:off x="7655604" y="2470085"/>
              <a:ext cx="919231" cy="919470"/>
            </a:xfrm>
            <a:prstGeom prst="ellipse">
              <a:avLst/>
            </a:prstGeom>
            <a:solidFill>
              <a:srgbClr val="E04548"/>
            </a:solidFill>
            <a:ln w="57150" cmpd="sng"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112" name="Straight Connector 119"/>
            <p:cNvCxnSpPr/>
            <p:nvPr/>
          </p:nvCxnSpPr>
          <p:spPr>
            <a:xfrm>
              <a:off x="8130290" y="3443569"/>
              <a:ext cx="0" cy="460975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113" name="Group 4698"/>
            <p:cNvGrpSpPr/>
            <p:nvPr/>
          </p:nvGrpSpPr>
          <p:grpSpPr bwMode="auto">
            <a:xfrm>
              <a:off x="7879282" y="2695795"/>
              <a:ext cx="449821" cy="440904"/>
              <a:chOff x="5427663" y="4046537"/>
              <a:chExt cx="395287" cy="387350"/>
            </a:xfrm>
            <a:solidFill>
              <a:schemeClr val="bg1"/>
            </a:solidFill>
          </p:grpSpPr>
          <p:sp>
            <p:nvSpPr>
              <p:cNvPr id="115" name="Freeform 418"/>
              <p:cNvSpPr>
                <a:spLocks noChangeArrowheads="1"/>
              </p:cNvSpPr>
              <p:nvPr/>
            </p:nvSpPr>
            <p:spPr bwMode="auto">
              <a:xfrm>
                <a:off x="5635625" y="4046537"/>
                <a:ext cx="187325" cy="184150"/>
              </a:xfrm>
              <a:custGeom>
                <a:avLst/>
                <a:gdLst>
                  <a:gd name="T0" fmla="*/ 301 w 520"/>
                  <a:gd name="T1" fmla="*/ 75 h 511"/>
                  <a:gd name="T2" fmla="*/ 444 w 520"/>
                  <a:gd name="T3" fmla="*/ 217 h 511"/>
                  <a:gd name="T4" fmla="*/ 394 w 520"/>
                  <a:gd name="T5" fmla="*/ 267 h 511"/>
                  <a:gd name="T6" fmla="*/ 327 w 520"/>
                  <a:gd name="T7" fmla="*/ 200 h 511"/>
                  <a:gd name="T8" fmla="*/ 301 w 520"/>
                  <a:gd name="T9" fmla="*/ 225 h 511"/>
                  <a:gd name="T10" fmla="*/ 368 w 520"/>
                  <a:gd name="T11" fmla="*/ 292 h 511"/>
                  <a:gd name="T12" fmla="*/ 335 w 520"/>
                  <a:gd name="T13" fmla="*/ 326 h 511"/>
                  <a:gd name="T14" fmla="*/ 293 w 520"/>
                  <a:gd name="T15" fmla="*/ 275 h 511"/>
                  <a:gd name="T16" fmla="*/ 268 w 520"/>
                  <a:gd name="T17" fmla="*/ 309 h 511"/>
                  <a:gd name="T18" fmla="*/ 310 w 520"/>
                  <a:gd name="T19" fmla="*/ 351 h 511"/>
                  <a:gd name="T20" fmla="*/ 268 w 520"/>
                  <a:gd name="T21" fmla="*/ 393 h 511"/>
                  <a:gd name="T22" fmla="*/ 201 w 520"/>
                  <a:gd name="T23" fmla="*/ 326 h 511"/>
                  <a:gd name="T24" fmla="*/ 168 w 520"/>
                  <a:gd name="T25" fmla="*/ 351 h 511"/>
                  <a:gd name="T26" fmla="*/ 243 w 520"/>
                  <a:gd name="T27" fmla="*/ 418 h 511"/>
                  <a:gd name="T28" fmla="*/ 209 w 520"/>
                  <a:gd name="T29" fmla="*/ 443 h 511"/>
                  <a:gd name="T30" fmla="*/ 168 w 520"/>
                  <a:gd name="T31" fmla="*/ 401 h 511"/>
                  <a:gd name="T32" fmla="*/ 134 w 520"/>
                  <a:gd name="T33" fmla="*/ 426 h 511"/>
                  <a:gd name="T34" fmla="*/ 218 w 520"/>
                  <a:gd name="T35" fmla="*/ 510 h 511"/>
                  <a:gd name="T36" fmla="*/ 519 w 520"/>
                  <a:gd name="T37" fmla="*/ 217 h 511"/>
                  <a:gd name="T38" fmla="*/ 301 w 520"/>
                  <a:gd name="T39" fmla="*/ 0 h 511"/>
                  <a:gd name="T40" fmla="*/ 0 w 520"/>
                  <a:gd name="T41" fmla="*/ 292 h 511"/>
                  <a:gd name="T42" fmla="*/ 34 w 520"/>
                  <a:gd name="T43" fmla="*/ 334 h 511"/>
                  <a:gd name="T44" fmla="*/ 301 w 520"/>
                  <a:gd name="T45" fmla="*/ 75 h 511"/>
                  <a:gd name="T46" fmla="*/ 301 w 520"/>
                  <a:gd name="T47" fmla="*/ 75 h 511"/>
                  <a:gd name="T48" fmla="*/ 301 w 520"/>
                  <a:gd name="T49" fmla="*/ 75 h 51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</a:cxnLst>
                <a:rect l="0" t="0" r="r" b="b"/>
                <a:pathLst>
                  <a:path w="520" h="511">
                    <a:moveTo>
                      <a:pt x="301" y="75"/>
                    </a:moveTo>
                    <a:lnTo>
                      <a:pt x="444" y="217"/>
                    </a:lnTo>
                    <a:lnTo>
                      <a:pt x="394" y="267"/>
                    </a:lnTo>
                    <a:lnTo>
                      <a:pt x="327" y="200"/>
                    </a:lnTo>
                    <a:lnTo>
                      <a:pt x="301" y="225"/>
                    </a:lnTo>
                    <a:lnTo>
                      <a:pt x="368" y="292"/>
                    </a:lnTo>
                    <a:lnTo>
                      <a:pt x="335" y="326"/>
                    </a:lnTo>
                    <a:lnTo>
                      <a:pt x="293" y="275"/>
                    </a:lnTo>
                    <a:lnTo>
                      <a:pt x="268" y="309"/>
                    </a:lnTo>
                    <a:lnTo>
                      <a:pt x="310" y="351"/>
                    </a:lnTo>
                    <a:lnTo>
                      <a:pt x="268" y="393"/>
                    </a:lnTo>
                    <a:lnTo>
                      <a:pt x="201" y="326"/>
                    </a:lnTo>
                    <a:lnTo>
                      <a:pt x="168" y="351"/>
                    </a:lnTo>
                    <a:lnTo>
                      <a:pt x="243" y="418"/>
                    </a:lnTo>
                    <a:lnTo>
                      <a:pt x="209" y="443"/>
                    </a:lnTo>
                    <a:lnTo>
                      <a:pt x="168" y="401"/>
                    </a:lnTo>
                    <a:lnTo>
                      <a:pt x="134" y="426"/>
                    </a:lnTo>
                    <a:lnTo>
                      <a:pt x="218" y="510"/>
                    </a:lnTo>
                    <a:lnTo>
                      <a:pt x="519" y="217"/>
                    </a:lnTo>
                    <a:lnTo>
                      <a:pt x="301" y="0"/>
                    </a:lnTo>
                    <a:lnTo>
                      <a:pt x="0" y="292"/>
                    </a:lnTo>
                    <a:lnTo>
                      <a:pt x="34" y="334"/>
                    </a:lnTo>
                    <a:lnTo>
                      <a:pt x="301" y="75"/>
                    </a:lnTo>
                    <a:close/>
                    <a:moveTo>
                      <a:pt x="301" y="75"/>
                    </a:moveTo>
                    <a:lnTo>
                      <a:pt x="301" y="75"/>
                    </a:lnTo>
                    <a:close/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16" name="Freeform 419"/>
              <p:cNvSpPr>
                <a:spLocks noChangeArrowheads="1"/>
              </p:cNvSpPr>
              <p:nvPr/>
            </p:nvSpPr>
            <p:spPr bwMode="auto">
              <a:xfrm>
                <a:off x="5635625" y="4046537"/>
                <a:ext cx="187325" cy="184150"/>
              </a:xfrm>
              <a:custGeom>
                <a:avLst/>
                <a:gdLst>
                  <a:gd name="T0" fmla="*/ 301 w 520"/>
                  <a:gd name="T1" fmla="*/ 75 h 511"/>
                  <a:gd name="T2" fmla="*/ 444 w 520"/>
                  <a:gd name="T3" fmla="*/ 217 h 511"/>
                  <a:gd name="T4" fmla="*/ 394 w 520"/>
                  <a:gd name="T5" fmla="*/ 267 h 511"/>
                  <a:gd name="T6" fmla="*/ 327 w 520"/>
                  <a:gd name="T7" fmla="*/ 200 h 511"/>
                  <a:gd name="T8" fmla="*/ 301 w 520"/>
                  <a:gd name="T9" fmla="*/ 225 h 511"/>
                  <a:gd name="T10" fmla="*/ 368 w 520"/>
                  <a:gd name="T11" fmla="*/ 292 h 511"/>
                  <a:gd name="T12" fmla="*/ 335 w 520"/>
                  <a:gd name="T13" fmla="*/ 326 h 511"/>
                  <a:gd name="T14" fmla="*/ 293 w 520"/>
                  <a:gd name="T15" fmla="*/ 275 h 511"/>
                  <a:gd name="T16" fmla="*/ 268 w 520"/>
                  <a:gd name="T17" fmla="*/ 309 h 511"/>
                  <a:gd name="T18" fmla="*/ 310 w 520"/>
                  <a:gd name="T19" fmla="*/ 351 h 511"/>
                  <a:gd name="T20" fmla="*/ 268 w 520"/>
                  <a:gd name="T21" fmla="*/ 393 h 511"/>
                  <a:gd name="T22" fmla="*/ 201 w 520"/>
                  <a:gd name="T23" fmla="*/ 326 h 511"/>
                  <a:gd name="T24" fmla="*/ 168 w 520"/>
                  <a:gd name="T25" fmla="*/ 351 h 511"/>
                  <a:gd name="T26" fmla="*/ 243 w 520"/>
                  <a:gd name="T27" fmla="*/ 418 h 511"/>
                  <a:gd name="T28" fmla="*/ 209 w 520"/>
                  <a:gd name="T29" fmla="*/ 443 h 511"/>
                  <a:gd name="T30" fmla="*/ 168 w 520"/>
                  <a:gd name="T31" fmla="*/ 401 h 511"/>
                  <a:gd name="T32" fmla="*/ 134 w 520"/>
                  <a:gd name="T33" fmla="*/ 426 h 511"/>
                  <a:gd name="T34" fmla="*/ 218 w 520"/>
                  <a:gd name="T35" fmla="*/ 510 h 511"/>
                  <a:gd name="T36" fmla="*/ 519 w 520"/>
                  <a:gd name="T37" fmla="*/ 217 h 511"/>
                  <a:gd name="T38" fmla="*/ 301 w 520"/>
                  <a:gd name="T39" fmla="*/ 0 h 511"/>
                  <a:gd name="T40" fmla="*/ 0 w 520"/>
                  <a:gd name="T41" fmla="*/ 292 h 511"/>
                  <a:gd name="T42" fmla="*/ 34 w 520"/>
                  <a:gd name="T43" fmla="*/ 334 h 511"/>
                  <a:gd name="T44" fmla="*/ 301 w 520"/>
                  <a:gd name="T45" fmla="*/ 75 h 51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</a:cxnLst>
                <a:rect l="0" t="0" r="r" b="b"/>
                <a:pathLst>
                  <a:path w="520" h="511">
                    <a:moveTo>
                      <a:pt x="301" y="75"/>
                    </a:moveTo>
                    <a:lnTo>
                      <a:pt x="444" y="217"/>
                    </a:lnTo>
                    <a:lnTo>
                      <a:pt x="394" y="267"/>
                    </a:lnTo>
                    <a:lnTo>
                      <a:pt x="327" y="200"/>
                    </a:lnTo>
                    <a:lnTo>
                      <a:pt x="301" y="225"/>
                    </a:lnTo>
                    <a:lnTo>
                      <a:pt x="368" y="292"/>
                    </a:lnTo>
                    <a:lnTo>
                      <a:pt x="335" y="326"/>
                    </a:lnTo>
                    <a:lnTo>
                      <a:pt x="293" y="275"/>
                    </a:lnTo>
                    <a:lnTo>
                      <a:pt x="268" y="309"/>
                    </a:lnTo>
                    <a:lnTo>
                      <a:pt x="310" y="351"/>
                    </a:lnTo>
                    <a:lnTo>
                      <a:pt x="268" y="393"/>
                    </a:lnTo>
                    <a:lnTo>
                      <a:pt x="201" y="326"/>
                    </a:lnTo>
                    <a:lnTo>
                      <a:pt x="168" y="351"/>
                    </a:lnTo>
                    <a:lnTo>
                      <a:pt x="243" y="418"/>
                    </a:lnTo>
                    <a:lnTo>
                      <a:pt x="209" y="443"/>
                    </a:lnTo>
                    <a:lnTo>
                      <a:pt x="168" y="401"/>
                    </a:lnTo>
                    <a:lnTo>
                      <a:pt x="134" y="426"/>
                    </a:lnTo>
                    <a:lnTo>
                      <a:pt x="218" y="510"/>
                    </a:lnTo>
                    <a:lnTo>
                      <a:pt x="519" y="217"/>
                    </a:lnTo>
                    <a:lnTo>
                      <a:pt x="301" y="0"/>
                    </a:lnTo>
                    <a:lnTo>
                      <a:pt x="0" y="292"/>
                    </a:lnTo>
                    <a:lnTo>
                      <a:pt x="34" y="334"/>
                    </a:lnTo>
                    <a:lnTo>
                      <a:pt x="301" y="75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17" name="Freeform 420"/>
              <p:cNvSpPr>
                <a:spLocks noChangeArrowheads="1"/>
              </p:cNvSpPr>
              <p:nvPr/>
            </p:nvSpPr>
            <p:spPr bwMode="auto">
              <a:xfrm>
                <a:off x="5743575" y="4073524"/>
                <a:ext cx="1588" cy="1588"/>
              </a:xfrm>
              <a:custGeom>
                <a:avLst/>
                <a:gdLst>
                  <a:gd name="T0" fmla="*/ 0 w 1"/>
                  <a:gd name="T1" fmla="*/ 0 h 1"/>
                  <a:gd name="T2" fmla="*/ 0 w 1"/>
                  <a:gd name="T3" fmla="*/ 0 h 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</a:cxnLst>
                <a:rect l="0" t="0" r="r" b="b"/>
                <a:pathLst>
                  <a:path w="1" h="1">
                    <a:moveTo>
                      <a:pt x="0" y="0"/>
                    </a:moveTo>
                    <a:lnTo>
                      <a:pt x="0" y="0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18" name="Freeform 421"/>
              <p:cNvSpPr>
                <a:spLocks noChangeArrowheads="1"/>
              </p:cNvSpPr>
              <p:nvPr/>
            </p:nvSpPr>
            <p:spPr bwMode="auto">
              <a:xfrm>
                <a:off x="5427663" y="4229099"/>
                <a:ext cx="204787" cy="204788"/>
              </a:xfrm>
              <a:custGeom>
                <a:avLst/>
                <a:gdLst>
                  <a:gd name="T0" fmla="*/ 451 w 569"/>
                  <a:gd name="T1" fmla="*/ 158 h 569"/>
                  <a:gd name="T2" fmla="*/ 501 w 569"/>
                  <a:gd name="T3" fmla="*/ 209 h 569"/>
                  <a:gd name="T4" fmla="*/ 468 w 569"/>
                  <a:gd name="T5" fmla="*/ 251 h 569"/>
                  <a:gd name="T6" fmla="*/ 393 w 569"/>
                  <a:gd name="T7" fmla="*/ 175 h 569"/>
                  <a:gd name="T8" fmla="*/ 368 w 569"/>
                  <a:gd name="T9" fmla="*/ 200 h 569"/>
                  <a:gd name="T10" fmla="*/ 443 w 569"/>
                  <a:gd name="T11" fmla="*/ 275 h 569"/>
                  <a:gd name="T12" fmla="*/ 409 w 569"/>
                  <a:gd name="T13" fmla="*/ 309 h 569"/>
                  <a:gd name="T14" fmla="*/ 359 w 569"/>
                  <a:gd name="T15" fmla="*/ 251 h 569"/>
                  <a:gd name="T16" fmla="*/ 334 w 569"/>
                  <a:gd name="T17" fmla="*/ 284 h 569"/>
                  <a:gd name="T18" fmla="*/ 384 w 569"/>
                  <a:gd name="T19" fmla="*/ 334 h 569"/>
                  <a:gd name="T20" fmla="*/ 342 w 569"/>
                  <a:gd name="T21" fmla="*/ 376 h 569"/>
                  <a:gd name="T22" fmla="*/ 267 w 569"/>
                  <a:gd name="T23" fmla="*/ 301 h 569"/>
                  <a:gd name="T24" fmla="*/ 234 w 569"/>
                  <a:gd name="T25" fmla="*/ 326 h 569"/>
                  <a:gd name="T26" fmla="*/ 309 w 569"/>
                  <a:gd name="T27" fmla="*/ 401 h 569"/>
                  <a:gd name="T28" fmla="*/ 284 w 569"/>
                  <a:gd name="T29" fmla="*/ 434 h 569"/>
                  <a:gd name="T30" fmla="*/ 234 w 569"/>
                  <a:gd name="T31" fmla="*/ 376 h 569"/>
                  <a:gd name="T32" fmla="*/ 200 w 569"/>
                  <a:gd name="T33" fmla="*/ 409 h 569"/>
                  <a:gd name="T34" fmla="*/ 250 w 569"/>
                  <a:gd name="T35" fmla="*/ 459 h 569"/>
                  <a:gd name="T36" fmla="*/ 217 w 569"/>
                  <a:gd name="T37" fmla="*/ 493 h 569"/>
                  <a:gd name="T38" fmla="*/ 75 w 569"/>
                  <a:gd name="T39" fmla="*/ 351 h 569"/>
                  <a:gd name="T40" fmla="*/ 393 w 569"/>
                  <a:gd name="T41" fmla="*/ 41 h 569"/>
                  <a:gd name="T42" fmla="*/ 351 w 569"/>
                  <a:gd name="T43" fmla="*/ 0 h 569"/>
                  <a:gd name="T44" fmla="*/ 0 w 569"/>
                  <a:gd name="T45" fmla="*/ 351 h 569"/>
                  <a:gd name="T46" fmla="*/ 217 w 569"/>
                  <a:gd name="T47" fmla="*/ 568 h 569"/>
                  <a:gd name="T48" fmla="*/ 568 w 569"/>
                  <a:gd name="T49" fmla="*/ 225 h 569"/>
                  <a:gd name="T50" fmla="*/ 484 w 569"/>
                  <a:gd name="T51" fmla="*/ 133 h 569"/>
                  <a:gd name="T52" fmla="*/ 451 w 569"/>
                  <a:gd name="T53" fmla="*/ 158 h 569"/>
                  <a:gd name="T54" fmla="*/ 451 w 569"/>
                  <a:gd name="T55" fmla="*/ 158 h 569"/>
                  <a:gd name="T56" fmla="*/ 451 w 569"/>
                  <a:gd name="T57" fmla="*/ 158 h 56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</a:cxnLst>
                <a:rect l="0" t="0" r="r" b="b"/>
                <a:pathLst>
                  <a:path w="569" h="569">
                    <a:moveTo>
                      <a:pt x="451" y="158"/>
                    </a:moveTo>
                    <a:lnTo>
                      <a:pt x="501" y="209"/>
                    </a:lnTo>
                    <a:lnTo>
                      <a:pt x="468" y="251"/>
                    </a:lnTo>
                    <a:lnTo>
                      <a:pt x="393" y="175"/>
                    </a:lnTo>
                    <a:lnTo>
                      <a:pt x="368" y="200"/>
                    </a:lnTo>
                    <a:lnTo>
                      <a:pt x="443" y="275"/>
                    </a:lnTo>
                    <a:lnTo>
                      <a:pt x="409" y="309"/>
                    </a:lnTo>
                    <a:lnTo>
                      <a:pt x="359" y="251"/>
                    </a:lnTo>
                    <a:lnTo>
                      <a:pt x="334" y="284"/>
                    </a:lnTo>
                    <a:lnTo>
                      <a:pt x="384" y="334"/>
                    </a:lnTo>
                    <a:lnTo>
                      <a:pt x="342" y="376"/>
                    </a:lnTo>
                    <a:lnTo>
                      <a:pt x="267" y="301"/>
                    </a:lnTo>
                    <a:lnTo>
                      <a:pt x="234" y="326"/>
                    </a:lnTo>
                    <a:lnTo>
                      <a:pt x="309" y="401"/>
                    </a:lnTo>
                    <a:lnTo>
                      <a:pt x="284" y="434"/>
                    </a:lnTo>
                    <a:lnTo>
                      <a:pt x="234" y="376"/>
                    </a:lnTo>
                    <a:lnTo>
                      <a:pt x="200" y="409"/>
                    </a:lnTo>
                    <a:lnTo>
                      <a:pt x="250" y="459"/>
                    </a:lnTo>
                    <a:lnTo>
                      <a:pt x="217" y="493"/>
                    </a:lnTo>
                    <a:lnTo>
                      <a:pt x="75" y="351"/>
                    </a:lnTo>
                    <a:lnTo>
                      <a:pt x="393" y="41"/>
                    </a:lnTo>
                    <a:lnTo>
                      <a:pt x="351" y="0"/>
                    </a:lnTo>
                    <a:lnTo>
                      <a:pt x="0" y="351"/>
                    </a:lnTo>
                    <a:lnTo>
                      <a:pt x="217" y="568"/>
                    </a:lnTo>
                    <a:lnTo>
                      <a:pt x="568" y="225"/>
                    </a:lnTo>
                    <a:lnTo>
                      <a:pt x="484" y="133"/>
                    </a:lnTo>
                    <a:lnTo>
                      <a:pt x="451" y="158"/>
                    </a:lnTo>
                    <a:close/>
                    <a:moveTo>
                      <a:pt x="451" y="158"/>
                    </a:moveTo>
                    <a:lnTo>
                      <a:pt x="451" y="158"/>
                    </a:lnTo>
                    <a:close/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19" name="Freeform 422"/>
              <p:cNvSpPr>
                <a:spLocks noChangeArrowheads="1"/>
              </p:cNvSpPr>
              <p:nvPr/>
            </p:nvSpPr>
            <p:spPr bwMode="auto">
              <a:xfrm>
                <a:off x="5427663" y="4229099"/>
                <a:ext cx="204787" cy="204788"/>
              </a:xfrm>
              <a:custGeom>
                <a:avLst/>
                <a:gdLst>
                  <a:gd name="T0" fmla="*/ 451 w 569"/>
                  <a:gd name="T1" fmla="*/ 158 h 569"/>
                  <a:gd name="T2" fmla="*/ 501 w 569"/>
                  <a:gd name="T3" fmla="*/ 209 h 569"/>
                  <a:gd name="T4" fmla="*/ 468 w 569"/>
                  <a:gd name="T5" fmla="*/ 251 h 569"/>
                  <a:gd name="T6" fmla="*/ 393 w 569"/>
                  <a:gd name="T7" fmla="*/ 175 h 569"/>
                  <a:gd name="T8" fmla="*/ 368 w 569"/>
                  <a:gd name="T9" fmla="*/ 200 h 569"/>
                  <a:gd name="T10" fmla="*/ 443 w 569"/>
                  <a:gd name="T11" fmla="*/ 275 h 569"/>
                  <a:gd name="T12" fmla="*/ 409 w 569"/>
                  <a:gd name="T13" fmla="*/ 309 h 569"/>
                  <a:gd name="T14" fmla="*/ 359 w 569"/>
                  <a:gd name="T15" fmla="*/ 251 h 569"/>
                  <a:gd name="T16" fmla="*/ 334 w 569"/>
                  <a:gd name="T17" fmla="*/ 284 h 569"/>
                  <a:gd name="T18" fmla="*/ 384 w 569"/>
                  <a:gd name="T19" fmla="*/ 334 h 569"/>
                  <a:gd name="T20" fmla="*/ 342 w 569"/>
                  <a:gd name="T21" fmla="*/ 376 h 569"/>
                  <a:gd name="T22" fmla="*/ 267 w 569"/>
                  <a:gd name="T23" fmla="*/ 301 h 569"/>
                  <a:gd name="T24" fmla="*/ 234 w 569"/>
                  <a:gd name="T25" fmla="*/ 326 h 569"/>
                  <a:gd name="T26" fmla="*/ 309 w 569"/>
                  <a:gd name="T27" fmla="*/ 401 h 569"/>
                  <a:gd name="T28" fmla="*/ 284 w 569"/>
                  <a:gd name="T29" fmla="*/ 434 h 569"/>
                  <a:gd name="T30" fmla="*/ 234 w 569"/>
                  <a:gd name="T31" fmla="*/ 376 h 569"/>
                  <a:gd name="T32" fmla="*/ 200 w 569"/>
                  <a:gd name="T33" fmla="*/ 409 h 569"/>
                  <a:gd name="T34" fmla="*/ 250 w 569"/>
                  <a:gd name="T35" fmla="*/ 459 h 569"/>
                  <a:gd name="T36" fmla="*/ 217 w 569"/>
                  <a:gd name="T37" fmla="*/ 493 h 569"/>
                  <a:gd name="T38" fmla="*/ 75 w 569"/>
                  <a:gd name="T39" fmla="*/ 351 h 569"/>
                  <a:gd name="T40" fmla="*/ 393 w 569"/>
                  <a:gd name="T41" fmla="*/ 41 h 569"/>
                  <a:gd name="T42" fmla="*/ 351 w 569"/>
                  <a:gd name="T43" fmla="*/ 0 h 569"/>
                  <a:gd name="T44" fmla="*/ 0 w 569"/>
                  <a:gd name="T45" fmla="*/ 351 h 569"/>
                  <a:gd name="T46" fmla="*/ 217 w 569"/>
                  <a:gd name="T47" fmla="*/ 568 h 569"/>
                  <a:gd name="T48" fmla="*/ 568 w 569"/>
                  <a:gd name="T49" fmla="*/ 225 h 569"/>
                  <a:gd name="T50" fmla="*/ 484 w 569"/>
                  <a:gd name="T51" fmla="*/ 133 h 569"/>
                  <a:gd name="T52" fmla="*/ 451 w 569"/>
                  <a:gd name="T53" fmla="*/ 158 h 56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</a:cxnLst>
                <a:rect l="0" t="0" r="r" b="b"/>
                <a:pathLst>
                  <a:path w="569" h="569">
                    <a:moveTo>
                      <a:pt x="451" y="158"/>
                    </a:moveTo>
                    <a:lnTo>
                      <a:pt x="501" y="209"/>
                    </a:lnTo>
                    <a:lnTo>
                      <a:pt x="468" y="251"/>
                    </a:lnTo>
                    <a:lnTo>
                      <a:pt x="393" y="175"/>
                    </a:lnTo>
                    <a:lnTo>
                      <a:pt x="368" y="200"/>
                    </a:lnTo>
                    <a:lnTo>
                      <a:pt x="443" y="275"/>
                    </a:lnTo>
                    <a:lnTo>
                      <a:pt x="409" y="309"/>
                    </a:lnTo>
                    <a:lnTo>
                      <a:pt x="359" y="251"/>
                    </a:lnTo>
                    <a:lnTo>
                      <a:pt x="334" y="284"/>
                    </a:lnTo>
                    <a:lnTo>
                      <a:pt x="384" y="334"/>
                    </a:lnTo>
                    <a:lnTo>
                      <a:pt x="342" y="376"/>
                    </a:lnTo>
                    <a:lnTo>
                      <a:pt x="267" y="301"/>
                    </a:lnTo>
                    <a:lnTo>
                      <a:pt x="234" y="326"/>
                    </a:lnTo>
                    <a:lnTo>
                      <a:pt x="309" y="401"/>
                    </a:lnTo>
                    <a:lnTo>
                      <a:pt x="284" y="434"/>
                    </a:lnTo>
                    <a:lnTo>
                      <a:pt x="234" y="376"/>
                    </a:lnTo>
                    <a:lnTo>
                      <a:pt x="200" y="409"/>
                    </a:lnTo>
                    <a:lnTo>
                      <a:pt x="250" y="459"/>
                    </a:lnTo>
                    <a:lnTo>
                      <a:pt x="217" y="493"/>
                    </a:lnTo>
                    <a:lnTo>
                      <a:pt x="75" y="351"/>
                    </a:lnTo>
                    <a:lnTo>
                      <a:pt x="393" y="41"/>
                    </a:lnTo>
                    <a:lnTo>
                      <a:pt x="351" y="0"/>
                    </a:lnTo>
                    <a:lnTo>
                      <a:pt x="0" y="351"/>
                    </a:lnTo>
                    <a:lnTo>
                      <a:pt x="217" y="568"/>
                    </a:lnTo>
                    <a:lnTo>
                      <a:pt x="568" y="225"/>
                    </a:lnTo>
                    <a:lnTo>
                      <a:pt x="484" y="133"/>
                    </a:lnTo>
                    <a:lnTo>
                      <a:pt x="451" y="158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0" name="Freeform 423"/>
              <p:cNvSpPr>
                <a:spLocks noChangeArrowheads="1"/>
              </p:cNvSpPr>
              <p:nvPr/>
            </p:nvSpPr>
            <p:spPr bwMode="auto">
              <a:xfrm>
                <a:off x="5591175" y="4286249"/>
                <a:ext cx="1588" cy="1588"/>
              </a:xfrm>
              <a:custGeom>
                <a:avLst/>
                <a:gdLst>
                  <a:gd name="T0" fmla="*/ 0 w 1"/>
                  <a:gd name="T1" fmla="*/ 0 h 1"/>
                  <a:gd name="T2" fmla="*/ 0 w 1"/>
                  <a:gd name="T3" fmla="*/ 0 h 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</a:cxnLst>
                <a:rect l="0" t="0" r="r" b="b"/>
                <a:pathLst>
                  <a:path w="1" h="1">
                    <a:moveTo>
                      <a:pt x="0" y="0"/>
                    </a:moveTo>
                    <a:lnTo>
                      <a:pt x="0" y="0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1" name="Freeform 424"/>
              <p:cNvSpPr>
                <a:spLocks noChangeArrowheads="1"/>
              </p:cNvSpPr>
              <p:nvPr/>
            </p:nvSpPr>
            <p:spPr bwMode="auto">
              <a:xfrm>
                <a:off x="5473700" y="4070349"/>
                <a:ext cx="312738" cy="319088"/>
              </a:xfrm>
              <a:custGeom>
                <a:avLst/>
                <a:gdLst>
                  <a:gd name="T0" fmla="*/ 318 w 870"/>
                  <a:gd name="T1" fmla="*/ 142 h 887"/>
                  <a:gd name="T2" fmla="*/ 167 w 870"/>
                  <a:gd name="T3" fmla="*/ 0 h 887"/>
                  <a:gd name="T4" fmla="*/ 0 w 870"/>
                  <a:gd name="T5" fmla="*/ 167 h 887"/>
                  <a:gd name="T6" fmla="*/ 142 w 870"/>
                  <a:gd name="T7" fmla="*/ 317 h 887"/>
                  <a:gd name="T8" fmla="*/ 594 w 870"/>
                  <a:gd name="T9" fmla="*/ 760 h 887"/>
                  <a:gd name="T10" fmla="*/ 869 w 870"/>
                  <a:gd name="T11" fmla="*/ 886 h 887"/>
                  <a:gd name="T12" fmla="*/ 769 w 870"/>
                  <a:gd name="T13" fmla="*/ 601 h 887"/>
                  <a:gd name="T14" fmla="*/ 318 w 870"/>
                  <a:gd name="T15" fmla="*/ 142 h 887"/>
                  <a:gd name="T16" fmla="*/ 117 w 870"/>
                  <a:gd name="T17" fmla="*/ 225 h 887"/>
                  <a:gd name="T18" fmla="*/ 58 w 870"/>
                  <a:gd name="T19" fmla="*/ 167 h 887"/>
                  <a:gd name="T20" fmla="*/ 167 w 870"/>
                  <a:gd name="T21" fmla="*/ 58 h 887"/>
                  <a:gd name="T22" fmla="*/ 226 w 870"/>
                  <a:gd name="T23" fmla="*/ 116 h 887"/>
                  <a:gd name="T24" fmla="*/ 117 w 870"/>
                  <a:gd name="T25" fmla="*/ 225 h 887"/>
                  <a:gd name="T26" fmla="*/ 769 w 870"/>
                  <a:gd name="T27" fmla="*/ 819 h 887"/>
                  <a:gd name="T28" fmla="*/ 610 w 870"/>
                  <a:gd name="T29" fmla="*/ 744 h 887"/>
                  <a:gd name="T30" fmla="*/ 594 w 870"/>
                  <a:gd name="T31" fmla="*/ 727 h 887"/>
                  <a:gd name="T32" fmla="*/ 677 w 870"/>
                  <a:gd name="T33" fmla="*/ 735 h 887"/>
                  <a:gd name="T34" fmla="*/ 669 w 870"/>
                  <a:gd name="T35" fmla="*/ 668 h 887"/>
                  <a:gd name="T36" fmla="*/ 736 w 870"/>
                  <a:gd name="T37" fmla="*/ 677 h 887"/>
                  <a:gd name="T38" fmla="*/ 736 w 870"/>
                  <a:gd name="T39" fmla="*/ 593 h 887"/>
                  <a:gd name="T40" fmla="*/ 752 w 870"/>
                  <a:gd name="T41" fmla="*/ 610 h 887"/>
                  <a:gd name="T42" fmla="*/ 811 w 870"/>
                  <a:gd name="T43" fmla="*/ 769 h 887"/>
                  <a:gd name="T44" fmla="*/ 769 w 870"/>
                  <a:gd name="T45" fmla="*/ 819 h 887"/>
                  <a:gd name="T46" fmla="*/ 769 w 870"/>
                  <a:gd name="T47" fmla="*/ 819 h 887"/>
                  <a:gd name="T48" fmla="*/ 769 w 870"/>
                  <a:gd name="T49" fmla="*/ 819 h 88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</a:cxnLst>
                <a:rect l="0" t="0" r="r" b="b"/>
                <a:pathLst>
                  <a:path w="870" h="887">
                    <a:moveTo>
                      <a:pt x="318" y="142"/>
                    </a:moveTo>
                    <a:lnTo>
                      <a:pt x="167" y="0"/>
                    </a:lnTo>
                    <a:lnTo>
                      <a:pt x="0" y="167"/>
                    </a:lnTo>
                    <a:lnTo>
                      <a:pt x="142" y="317"/>
                    </a:lnTo>
                    <a:lnTo>
                      <a:pt x="594" y="760"/>
                    </a:lnTo>
                    <a:lnTo>
                      <a:pt x="869" y="886"/>
                    </a:lnTo>
                    <a:lnTo>
                      <a:pt x="769" y="601"/>
                    </a:lnTo>
                    <a:lnTo>
                      <a:pt x="318" y="142"/>
                    </a:lnTo>
                    <a:close/>
                    <a:moveTo>
                      <a:pt x="117" y="225"/>
                    </a:moveTo>
                    <a:lnTo>
                      <a:pt x="58" y="167"/>
                    </a:lnTo>
                    <a:lnTo>
                      <a:pt x="167" y="58"/>
                    </a:lnTo>
                    <a:lnTo>
                      <a:pt x="226" y="116"/>
                    </a:lnTo>
                    <a:lnTo>
                      <a:pt x="117" y="225"/>
                    </a:lnTo>
                    <a:close/>
                    <a:moveTo>
                      <a:pt x="769" y="819"/>
                    </a:moveTo>
                    <a:lnTo>
                      <a:pt x="610" y="744"/>
                    </a:lnTo>
                    <a:lnTo>
                      <a:pt x="594" y="727"/>
                    </a:lnTo>
                    <a:lnTo>
                      <a:pt x="677" y="735"/>
                    </a:lnTo>
                    <a:lnTo>
                      <a:pt x="669" y="668"/>
                    </a:lnTo>
                    <a:lnTo>
                      <a:pt x="736" y="677"/>
                    </a:lnTo>
                    <a:lnTo>
                      <a:pt x="736" y="593"/>
                    </a:lnTo>
                    <a:lnTo>
                      <a:pt x="752" y="610"/>
                    </a:lnTo>
                    <a:lnTo>
                      <a:pt x="811" y="769"/>
                    </a:lnTo>
                    <a:lnTo>
                      <a:pt x="769" y="819"/>
                    </a:lnTo>
                    <a:close/>
                    <a:moveTo>
                      <a:pt x="769" y="819"/>
                    </a:moveTo>
                    <a:lnTo>
                      <a:pt x="769" y="819"/>
                    </a:lnTo>
                    <a:close/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2" name="Freeform 425"/>
              <p:cNvSpPr>
                <a:spLocks noChangeArrowheads="1"/>
              </p:cNvSpPr>
              <p:nvPr/>
            </p:nvSpPr>
            <p:spPr bwMode="auto">
              <a:xfrm>
                <a:off x="5473700" y="4070349"/>
                <a:ext cx="312738" cy="319088"/>
              </a:xfrm>
              <a:custGeom>
                <a:avLst/>
                <a:gdLst>
                  <a:gd name="T0" fmla="*/ 318 w 870"/>
                  <a:gd name="T1" fmla="*/ 142 h 887"/>
                  <a:gd name="T2" fmla="*/ 318 w 870"/>
                  <a:gd name="T3" fmla="*/ 142 h 887"/>
                  <a:gd name="T4" fmla="*/ 167 w 870"/>
                  <a:gd name="T5" fmla="*/ 0 h 887"/>
                  <a:gd name="T6" fmla="*/ 0 w 870"/>
                  <a:gd name="T7" fmla="*/ 167 h 887"/>
                  <a:gd name="T8" fmla="*/ 142 w 870"/>
                  <a:gd name="T9" fmla="*/ 317 h 887"/>
                  <a:gd name="T10" fmla="*/ 142 w 870"/>
                  <a:gd name="T11" fmla="*/ 317 h 887"/>
                  <a:gd name="T12" fmla="*/ 594 w 870"/>
                  <a:gd name="T13" fmla="*/ 760 h 887"/>
                  <a:gd name="T14" fmla="*/ 869 w 870"/>
                  <a:gd name="T15" fmla="*/ 886 h 887"/>
                  <a:gd name="T16" fmla="*/ 769 w 870"/>
                  <a:gd name="T17" fmla="*/ 601 h 887"/>
                  <a:gd name="T18" fmla="*/ 318 w 870"/>
                  <a:gd name="T19" fmla="*/ 142 h 88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870" h="887">
                    <a:moveTo>
                      <a:pt x="318" y="142"/>
                    </a:moveTo>
                    <a:lnTo>
                      <a:pt x="318" y="142"/>
                    </a:lnTo>
                    <a:lnTo>
                      <a:pt x="167" y="0"/>
                    </a:lnTo>
                    <a:lnTo>
                      <a:pt x="0" y="167"/>
                    </a:lnTo>
                    <a:lnTo>
                      <a:pt x="142" y="317"/>
                    </a:lnTo>
                    <a:lnTo>
                      <a:pt x="142" y="317"/>
                    </a:lnTo>
                    <a:lnTo>
                      <a:pt x="594" y="760"/>
                    </a:lnTo>
                    <a:lnTo>
                      <a:pt x="869" y="886"/>
                    </a:lnTo>
                    <a:lnTo>
                      <a:pt x="769" y="601"/>
                    </a:lnTo>
                    <a:lnTo>
                      <a:pt x="318" y="142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3" name="Freeform 426"/>
              <p:cNvSpPr>
                <a:spLocks noChangeArrowheads="1"/>
              </p:cNvSpPr>
              <p:nvPr/>
            </p:nvSpPr>
            <p:spPr bwMode="auto">
              <a:xfrm>
                <a:off x="5494338" y="4090987"/>
                <a:ext cx="60325" cy="60325"/>
              </a:xfrm>
              <a:custGeom>
                <a:avLst/>
                <a:gdLst>
                  <a:gd name="T0" fmla="*/ 59 w 169"/>
                  <a:gd name="T1" fmla="*/ 167 h 168"/>
                  <a:gd name="T2" fmla="*/ 0 w 169"/>
                  <a:gd name="T3" fmla="*/ 109 h 168"/>
                  <a:gd name="T4" fmla="*/ 109 w 169"/>
                  <a:gd name="T5" fmla="*/ 0 h 168"/>
                  <a:gd name="T6" fmla="*/ 168 w 169"/>
                  <a:gd name="T7" fmla="*/ 58 h 168"/>
                  <a:gd name="T8" fmla="*/ 59 w 169"/>
                  <a:gd name="T9" fmla="*/ 167 h 16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169" h="168">
                    <a:moveTo>
                      <a:pt x="59" y="167"/>
                    </a:moveTo>
                    <a:lnTo>
                      <a:pt x="0" y="109"/>
                    </a:lnTo>
                    <a:lnTo>
                      <a:pt x="109" y="0"/>
                    </a:lnTo>
                    <a:lnTo>
                      <a:pt x="168" y="58"/>
                    </a:lnTo>
                    <a:lnTo>
                      <a:pt x="59" y="167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4" name="Freeform 427"/>
              <p:cNvSpPr>
                <a:spLocks noChangeArrowheads="1"/>
              </p:cNvSpPr>
              <p:nvPr/>
            </p:nvSpPr>
            <p:spPr bwMode="auto">
              <a:xfrm>
                <a:off x="5688013" y="4283074"/>
                <a:ext cx="77787" cy="80963"/>
              </a:xfrm>
              <a:custGeom>
                <a:avLst/>
                <a:gdLst>
                  <a:gd name="T0" fmla="*/ 175 w 218"/>
                  <a:gd name="T1" fmla="*/ 226 h 227"/>
                  <a:gd name="T2" fmla="*/ 16 w 218"/>
                  <a:gd name="T3" fmla="*/ 151 h 227"/>
                  <a:gd name="T4" fmla="*/ 0 w 218"/>
                  <a:gd name="T5" fmla="*/ 134 h 227"/>
                  <a:gd name="T6" fmla="*/ 83 w 218"/>
                  <a:gd name="T7" fmla="*/ 142 h 227"/>
                  <a:gd name="T8" fmla="*/ 75 w 218"/>
                  <a:gd name="T9" fmla="*/ 75 h 227"/>
                  <a:gd name="T10" fmla="*/ 142 w 218"/>
                  <a:gd name="T11" fmla="*/ 84 h 227"/>
                  <a:gd name="T12" fmla="*/ 142 w 218"/>
                  <a:gd name="T13" fmla="*/ 0 h 227"/>
                  <a:gd name="T14" fmla="*/ 158 w 218"/>
                  <a:gd name="T15" fmla="*/ 17 h 227"/>
                  <a:gd name="T16" fmla="*/ 217 w 218"/>
                  <a:gd name="T17" fmla="*/ 176 h 227"/>
                  <a:gd name="T18" fmla="*/ 175 w 218"/>
                  <a:gd name="T19" fmla="*/ 226 h 2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18" h="227">
                    <a:moveTo>
                      <a:pt x="175" y="226"/>
                    </a:moveTo>
                    <a:lnTo>
                      <a:pt x="16" y="151"/>
                    </a:lnTo>
                    <a:lnTo>
                      <a:pt x="0" y="134"/>
                    </a:lnTo>
                    <a:lnTo>
                      <a:pt x="83" y="142"/>
                    </a:lnTo>
                    <a:lnTo>
                      <a:pt x="75" y="75"/>
                    </a:lnTo>
                    <a:lnTo>
                      <a:pt x="142" y="84"/>
                    </a:lnTo>
                    <a:lnTo>
                      <a:pt x="142" y="0"/>
                    </a:lnTo>
                    <a:lnTo>
                      <a:pt x="158" y="17"/>
                    </a:lnTo>
                    <a:lnTo>
                      <a:pt x="217" y="176"/>
                    </a:lnTo>
                    <a:lnTo>
                      <a:pt x="175" y="226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  <p:sp>
            <p:nvSpPr>
              <p:cNvPr id="125" name="Freeform 428"/>
              <p:cNvSpPr>
                <a:spLocks noChangeArrowheads="1"/>
              </p:cNvSpPr>
              <p:nvPr/>
            </p:nvSpPr>
            <p:spPr bwMode="auto">
              <a:xfrm>
                <a:off x="5749925" y="4365624"/>
                <a:ext cx="1588" cy="1588"/>
              </a:xfrm>
              <a:custGeom>
                <a:avLst/>
                <a:gdLst>
                  <a:gd name="T0" fmla="*/ 0 w 1"/>
                  <a:gd name="T1" fmla="*/ 0 h 1"/>
                  <a:gd name="T2" fmla="*/ 0 w 1"/>
                  <a:gd name="T3" fmla="*/ 0 h 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</a:cxnLst>
                <a:rect l="0" t="0" r="r" b="b"/>
                <a:pathLst>
                  <a:path w="1" h="1">
                    <a:moveTo>
                      <a:pt x="0" y="0"/>
                    </a:moveTo>
                    <a:lnTo>
                      <a:pt x="0" y="0"/>
                    </a:lnTo>
                  </a:path>
                </a:pathLst>
              </a:custGeom>
              <a:grpFill/>
              <a:ln>
                <a:noFill/>
              </a:ln>
              <a:effectLst/>
            </p:spPr>
            <p:txBody>
              <a:bodyPr wrap="none" anchor="ctr"/>
              <a:lstStyle/>
              <a:p>
                <a:pPr marL="0" marR="0" lvl="0" indent="0" algn="l" defTabSz="913765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defRPr/>
                </a:pPr>
                <a:endParaRPr kumimoji="0" lang="en-US" sz="1800" b="0" i="0" u="none" strike="noStrike" kern="1200" cap="none" spc="0" normalizeH="0" baseline="0" noProof="0" dirty="0">
                  <a:ln>
                    <a:noFill/>
                  </a:ln>
                  <a:solidFill>
                    <a:srgbClr val="445469"/>
                  </a:solidFill>
                  <a:effectLst/>
                  <a:uLnTx/>
                  <a:uFillTx/>
                  <a:latin typeface="Agency FB" panose="020B0503020202020204" pitchFamily="34" charset="0"/>
                  <a:ea typeface="微软雅黑" panose="020B0503020204020204" pitchFamily="34" charset="-122"/>
                  <a:cs typeface="+mn-ea"/>
                  <a:sym typeface="+mn-lt"/>
                </a:endParaRPr>
              </a:p>
            </p:txBody>
          </p:sp>
        </p:grpSp>
        <p:sp>
          <p:nvSpPr>
            <p:cNvPr id="114" name="文本框 113"/>
            <p:cNvSpPr txBox="1"/>
            <p:nvPr/>
          </p:nvSpPr>
          <p:spPr>
            <a:xfrm>
              <a:off x="7070072" y="4153098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26" name="组合 125"/>
          <p:cNvGrpSpPr/>
          <p:nvPr/>
        </p:nvGrpSpPr>
        <p:grpSpPr>
          <a:xfrm>
            <a:off x="9229638" y="2449673"/>
            <a:ext cx="2159566" cy="3890741"/>
            <a:chOff x="9229638" y="2154251"/>
            <a:chExt cx="2159566" cy="3890741"/>
          </a:xfrm>
        </p:grpSpPr>
        <p:sp>
          <p:nvSpPr>
            <p:cNvPr id="127" name="Oval 98"/>
            <p:cNvSpPr/>
            <p:nvPr/>
          </p:nvSpPr>
          <p:spPr>
            <a:xfrm>
              <a:off x="9394153" y="2154251"/>
              <a:ext cx="1550732" cy="1551136"/>
            </a:xfrm>
            <a:prstGeom prst="ellipse">
              <a:avLst/>
            </a:prstGeom>
            <a:solidFill>
              <a:srgbClr val="FDB52D"/>
            </a:solidFill>
            <a:ln>
              <a:noFill/>
            </a:ln>
            <a:effectLst/>
          </p:spPr>
          <p:style>
            <a:lnRef idx="1">
              <a:schemeClr val="accent1"/>
            </a:lnRef>
            <a:fillRef idx="3">
              <a:schemeClr val="accent1"/>
            </a:fillRef>
            <a:effectRef idx="2">
              <a:schemeClr val="accent1"/>
            </a:effectRef>
            <a:fontRef idx="minor">
              <a:schemeClr val="lt1"/>
            </a:fontRef>
          </p:style>
          <p:txBody>
            <a:bodyPr lIns="121926" tIns="60963" rIns="121926" bIns="60963" rtlCol="0" anchor="ctr"/>
            <a:lstStyle/>
            <a:p>
              <a:pPr marL="0" marR="0" lvl="0" indent="0" algn="ctr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sp>
          <p:nvSpPr>
            <p:cNvPr id="128" name="Freeform 260"/>
            <p:cNvSpPr>
              <a:spLocks noChangeArrowheads="1"/>
            </p:cNvSpPr>
            <p:nvPr/>
          </p:nvSpPr>
          <p:spPr bwMode="auto">
            <a:xfrm>
              <a:off x="9890041" y="2387649"/>
              <a:ext cx="788002" cy="1050946"/>
            </a:xfrm>
            <a:custGeom>
              <a:avLst/>
              <a:gdLst>
                <a:gd name="T0" fmla="*/ 594 w 595"/>
                <a:gd name="T1" fmla="*/ 242 h 795"/>
                <a:gd name="T2" fmla="*/ 577 w 595"/>
                <a:gd name="T3" fmla="*/ 259 h 795"/>
                <a:gd name="T4" fmla="*/ 218 w 595"/>
                <a:gd name="T5" fmla="*/ 409 h 795"/>
                <a:gd name="T6" fmla="*/ 209 w 595"/>
                <a:gd name="T7" fmla="*/ 409 h 795"/>
                <a:gd name="T8" fmla="*/ 201 w 595"/>
                <a:gd name="T9" fmla="*/ 401 h 795"/>
                <a:gd name="T10" fmla="*/ 193 w 595"/>
                <a:gd name="T11" fmla="*/ 384 h 795"/>
                <a:gd name="T12" fmla="*/ 193 w 595"/>
                <a:gd name="T13" fmla="*/ 117 h 795"/>
                <a:gd name="T14" fmla="*/ 201 w 595"/>
                <a:gd name="T15" fmla="*/ 100 h 795"/>
                <a:gd name="T16" fmla="*/ 218 w 595"/>
                <a:gd name="T17" fmla="*/ 100 h 795"/>
                <a:gd name="T18" fmla="*/ 577 w 595"/>
                <a:gd name="T19" fmla="*/ 217 h 795"/>
                <a:gd name="T20" fmla="*/ 594 w 595"/>
                <a:gd name="T21" fmla="*/ 242 h 795"/>
                <a:gd name="T22" fmla="*/ 251 w 595"/>
                <a:gd name="T23" fmla="*/ 719 h 795"/>
                <a:gd name="T24" fmla="*/ 126 w 595"/>
                <a:gd name="T25" fmla="*/ 794 h 795"/>
                <a:gd name="T26" fmla="*/ 0 w 595"/>
                <a:gd name="T27" fmla="*/ 719 h 795"/>
                <a:gd name="T28" fmla="*/ 92 w 595"/>
                <a:gd name="T29" fmla="*/ 652 h 795"/>
                <a:gd name="T30" fmla="*/ 92 w 595"/>
                <a:gd name="T31" fmla="*/ 92 h 795"/>
                <a:gd name="T32" fmla="*/ 101 w 595"/>
                <a:gd name="T33" fmla="*/ 83 h 795"/>
                <a:gd name="T34" fmla="*/ 75 w 595"/>
                <a:gd name="T35" fmla="*/ 42 h 795"/>
                <a:gd name="T36" fmla="*/ 126 w 595"/>
                <a:gd name="T37" fmla="*/ 0 h 795"/>
                <a:gd name="T38" fmla="*/ 142 w 595"/>
                <a:gd name="T39" fmla="*/ 0 h 795"/>
                <a:gd name="T40" fmla="*/ 193 w 595"/>
                <a:gd name="T41" fmla="*/ 42 h 795"/>
                <a:gd name="T42" fmla="*/ 159 w 595"/>
                <a:gd name="T43" fmla="*/ 92 h 795"/>
                <a:gd name="T44" fmla="*/ 159 w 595"/>
                <a:gd name="T45" fmla="*/ 652 h 795"/>
                <a:gd name="T46" fmla="*/ 251 w 595"/>
                <a:gd name="T47" fmla="*/ 719 h 795"/>
                <a:gd name="T48" fmla="*/ 226 w 595"/>
                <a:gd name="T49" fmla="*/ 719 h 795"/>
                <a:gd name="T50" fmla="*/ 159 w 595"/>
                <a:gd name="T51" fmla="*/ 677 h 795"/>
                <a:gd name="T52" fmla="*/ 159 w 595"/>
                <a:gd name="T53" fmla="*/ 719 h 795"/>
                <a:gd name="T54" fmla="*/ 126 w 595"/>
                <a:gd name="T55" fmla="*/ 752 h 795"/>
                <a:gd name="T56" fmla="*/ 92 w 595"/>
                <a:gd name="T57" fmla="*/ 719 h 795"/>
                <a:gd name="T58" fmla="*/ 92 w 595"/>
                <a:gd name="T59" fmla="*/ 677 h 795"/>
                <a:gd name="T60" fmla="*/ 25 w 595"/>
                <a:gd name="T61" fmla="*/ 719 h 795"/>
                <a:gd name="T62" fmla="*/ 126 w 595"/>
                <a:gd name="T63" fmla="*/ 777 h 795"/>
                <a:gd name="T64" fmla="*/ 226 w 595"/>
                <a:gd name="T65" fmla="*/ 719 h 795"/>
                <a:gd name="T66" fmla="*/ 226 w 595"/>
                <a:gd name="T67" fmla="*/ 719 h 795"/>
                <a:gd name="T68" fmla="*/ 226 w 595"/>
                <a:gd name="T69" fmla="*/ 719 h 7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</a:cxnLst>
              <a:rect l="0" t="0" r="r" b="b"/>
              <a:pathLst>
                <a:path w="595" h="795">
                  <a:moveTo>
                    <a:pt x="594" y="242"/>
                  </a:moveTo>
                  <a:cubicBezTo>
                    <a:pt x="594" y="251"/>
                    <a:pt x="586" y="259"/>
                    <a:pt x="577" y="259"/>
                  </a:cubicBezTo>
                  <a:cubicBezTo>
                    <a:pt x="218" y="409"/>
                    <a:pt x="218" y="409"/>
                    <a:pt x="218" y="409"/>
                  </a:cubicBezTo>
                  <a:lnTo>
                    <a:pt x="209" y="409"/>
                  </a:lnTo>
                  <a:cubicBezTo>
                    <a:pt x="209" y="409"/>
                    <a:pt x="201" y="409"/>
                    <a:pt x="201" y="401"/>
                  </a:cubicBezTo>
                  <a:cubicBezTo>
                    <a:pt x="193" y="401"/>
                    <a:pt x="193" y="393"/>
                    <a:pt x="193" y="384"/>
                  </a:cubicBezTo>
                  <a:cubicBezTo>
                    <a:pt x="193" y="117"/>
                    <a:pt x="193" y="117"/>
                    <a:pt x="193" y="117"/>
                  </a:cubicBezTo>
                  <a:cubicBezTo>
                    <a:pt x="193" y="108"/>
                    <a:pt x="193" y="108"/>
                    <a:pt x="201" y="100"/>
                  </a:cubicBezTo>
                  <a:cubicBezTo>
                    <a:pt x="201" y="100"/>
                    <a:pt x="209" y="100"/>
                    <a:pt x="218" y="100"/>
                  </a:cubicBezTo>
                  <a:cubicBezTo>
                    <a:pt x="577" y="217"/>
                    <a:pt x="577" y="217"/>
                    <a:pt x="577" y="217"/>
                  </a:cubicBezTo>
                  <a:cubicBezTo>
                    <a:pt x="586" y="225"/>
                    <a:pt x="594" y="234"/>
                    <a:pt x="594" y="242"/>
                  </a:cubicBezTo>
                  <a:close/>
                  <a:moveTo>
                    <a:pt x="251" y="719"/>
                  </a:moveTo>
                  <a:cubicBezTo>
                    <a:pt x="251" y="760"/>
                    <a:pt x="193" y="794"/>
                    <a:pt x="126" y="794"/>
                  </a:cubicBezTo>
                  <a:cubicBezTo>
                    <a:pt x="59" y="794"/>
                    <a:pt x="0" y="760"/>
                    <a:pt x="0" y="719"/>
                  </a:cubicBezTo>
                  <a:cubicBezTo>
                    <a:pt x="0" y="685"/>
                    <a:pt x="42" y="660"/>
                    <a:pt x="92" y="652"/>
                  </a:cubicBezTo>
                  <a:cubicBezTo>
                    <a:pt x="92" y="92"/>
                    <a:pt x="92" y="92"/>
                    <a:pt x="92" y="92"/>
                  </a:cubicBezTo>
                  <a:lnTo>
                    <a:pt x="101" y="83"/>
                  </a:lnTo>
                  <a:cubicBezTo>
                    <a:pt x="84" y="75"/>
                    <a:pt x="75" y="67"/>
                    <a:pt x="75" y="42"/>
                  </a:cubicBezTo>
                  <a:cubicBezTo>
                    <a:pt x="75" y="16"/>
                    <a:pt x="92" y="0"/>
                    <a:pt x="126" y="0"/>
                  </a:cubicBezTo>
                  <a:cubicBezTo>
                    <a:pt x="142" y="0"/>
                    <a:pt x="142" y="0"/>
                    <a:pt x="142" y="0"/>
                  </a:cubicBezTo>
                  <a:cubicBezTo>
                    <a:pt x="168" y="0"/>
                    <a:pt x="193" y="16"/>
                    <a:pt x="193" y="42"/>
                  </a:cubicBezTo>
                  <a:cubicBezTo>
                    <a:pt x="193" y="67"/>
                    <a:pt x="176" y="83"/>
                    <a:pt x="159" y="92"/>
                  </a:cubicBezTo>
                  <a:cubicBezTo>
                    <a:pt x="159" y="652"/>
                    <a:pt x="159" y="652"/>
                    <a:pt x="159" y="652"/>
                  </a:cubicBezTo>
                  <a:cubicBezTo>
                    <a:pt x="209" y="660"/>
                    <a:pt x="251" y="685"/>
                    <a:pt x="251" y="719"/>
                  </a:cubicBezTo>
                  <a:close/>
                  <a:moveTo>
                    <a:pt x="226" y="719"/>
                  </a:moveTo>
                  <a:cubicBezTo>
                    <a:pt x="226" y="702"/>
                    <a:pt x="201" y="677"/>
                    <a:pt x="159" y="677"/>
                  </a:cubicBezTo>
                  <a:cubicBezTo>
                    <a:pt x="159" y="719"/>
                    <a:pt x="159" y="719"/>
                    <a:pt x="159" y="719"/>
                  </a:cubicBezTo>
                  <a:cubicBezTo>
                    <a:pt x="159" y="736"/>
                    <a:pt x="142" y="752"/>
                    <a:pt x="126" y="752"/>
                  </a:cubicBezTo>
                  <a:cubicBezTo>
                    <a:pt x="109" y="752"/>
                    <a:pt x="92" y="736"/>
                    <a:pt x="92" y="719"/>
                  </a:cubicBezTo>
                  <a:cubicBezTo>
                    <a:pt x="92" y="677"/>
                    <a:pt x="92" y="677"/>
                    <a:pt x="92" y="677"/>
                  </a:cubicBezTo>
                  <a:cubicBezTo>
                    <a:pt x="59" y="677"/>
                    <a:pt x="25" y="702"/>
                    <a:pt x="25" y="719"/>
                  </a:cubicBezTo>
                  <a:cubicBezTo>
                    <a:pt x="25" y="752"/>
                    <a:pt x="75" y="777"/>
                    <a:pt x="126" y="777"/>
                  </a:cubicBezTo>
                  <a:cubicBezTo>
                    <a:pt x="184" y="777"/>
                    <a:pt x="226" y="752"/>
                    <a:pt x="226" y="719"/>
                  </a:cubicBezTo>
                  <a:close/>
                  <a:moveTo>
                    <a:pt x="226" y="719"/>
                  </a:moveTo>
                  <a:lnTo>
                    <a:pt x="226" y="719"/>
                  </a:ln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ffectLst/>
          </p:spPr>
          <p:txBody>
            <a:bodyPr wrap="none" lIns="121926" tIns="60963" rIns="121926" bIns="60963" anchor="ctr"/>
            <a:lstStyle/>
            <a:p>
              <a:pPr marL="0" marR="0" lvl="0" indent="0" algn="l" defTabSz="913765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defRPr/>
              </a:pPr>
              <a:endPara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445469"/>
                </a:solidFill>
                <a:effectLst/>
                <a:uLnTx/>
                <a:uFillTx/>
                <a:latin typeface="Agency FB" panose="020B0503020202020204" pitchFamily="34" charset="0"/>
                <a:ea typeface="微软雅黑" panose="020B0503020204020204" pitchFamily="34" charset="-122"/>
                <a:cs typeface="+mn-ea"/>
                <a:sym typeface="+mn-lt"/>
              </a:endParaRPr>
            </a:p>
          </p:txBody>
        </p:sp>
        <p:cxnSp>
          <p:nvCxnSpPr>
            <p:cNvPr id="129" name="Straight Connector 123"/>
            <p:cNvCxnSpPr/>
            <p:nvPr/>
          </p:nvCxnSpPr>
          <p:spPr>
            <a:xfrm>
              <a:off x="10158755" y="3757517"/>
              <a:ext cx="0" cy="791163"/>
            </a:xfrm>
            <a:prstGeom prst="line">
              <a:avLst/>
            </a:prstGeom>
            <a:ln w="28575" cmpd="sng">
              <a:solidFill>
                <a:schemeClr val="bg1">
                  <a:lumMod val="75000"/>
                </a:schemeClr>
              </a:solidFill>
              <a:tailEnd type="oval"/>
            </a:ln>
            <a:effectLst/>
          </p:spPr>
          <p:style>
            <a:lnRef idx="2">
              <a:schemeClr val="accent1"/>
            </a:lnRef>
            <a:fillRef idx="0">
              <a:schemeClr val="accent1"/>
            </a:fillRef>
            <a:effectRef idx="1">
              <a:schemeClr val="accent1"/>
            </a:effectRef>
            <a:fontRef idx="minor">
              <a:schemeClr val="tx1"/>
            </a:fontRef>
          </p:style>
        </p:cxnSp>
        <p:sp>
          <p:nvSpPr>
            <p:cNvPr id="130" name="文本框 129"/>
            <p:cNvSpPr txBox="1"/>
            <p:nvPr/>
          </p:nvSpPr>
          <p:spPr>
            <a:xfrm>
              <a:off x="9229638" y="4906219"/>
              <a:ext cx="2159566" cy="1138773"/>
            </a:xfrm>
            <a:prstGeom prst="rect">
              <a:avLst/>
            </a:prstGeom>
            <a:noFill/>
            <a:effectLst/>
          </p:spPr>
          <p:txBody>
            <a:bodyPr wrap="none" rtlCol="0">
              <a:spAutoFit/>
            </a:bodyPr>
            <a:lstStyle/>
            <a:p>
              <a:r>
                <a:rPr lang="zh-CN" altLang="en-US" dirty="0">
                  <a:solidFill>
                    <a:srgbClr val="004C8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 </a:t>
              </a:r>
              <a:r>
                <a:rPr lang="zh-CN" altLang="en-US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单击此处输入标题</a:t>
              </a:r>
              <a:endParaRPr lang="en-US" altLang="zh-CN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r>
                <a:rPr lang="zh-CN" altLang="en-US" sz="1100" dirty="0">
                  <a:solidFill>
                    <a:schemeClr val="tx1">
                      <a:lumMod val="75000"/>
                      <a:lumOff val="25000"/>
                    </a:schemeClr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请在这里输入您的主要叙述内容</a:t>
              </a:r>
              <a:endParaRPr lang="en-US" altLang="zh-CN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endParaRPr lang="en-US" altLang="zh-CN" sz="28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</p:grp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900" decel="1000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6" presetID="37" presetClass="entr" presetSubtype="0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9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900" decel="1000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37" presetClass="entr" presetSubtype="0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10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900" decel="100000" fill="hold"/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0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8" presetID="37" presetClass="entr" presetSubtype="0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1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900" decel="100000" fill="hold"/>
                                        <p:tgtEl>
                                          <p:spTgt spid="1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4" presetID="37" presetClass="entr" presetSubtype="0" fill="hold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10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900" decel="1000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" name="椭圆 31"/>
          <p:cNvSpPr/>
          <p:nvPr/>
        </p:nvSpPr>
        <p:spPr>
          <a:xfrm>
            <a:off x="1779470" y="3161265"/>
            <a:ext cx="8630622" cy="972804"/>
          </a:xfrm>
          <a:prstGeom prst="ellipse">
            <a:avLst/>
          </a:prstGeom>
          <a:solidFill>
            <a:schemeClr val="tx1">
              <a:alpha val="1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3" name="组合 32"/>
          <p:cNvGrpSpPr/>
          <p:nvPr/>
        </p:nvGrpSpPr>
        <p:grpSpPr>
          <a:xfrm>
            <a:off x="2140462" y="3135267"/>
            <a:ext cx="3190688" cy="695171"/>
            <a:chOff x="2140462" y="3135267"/>
            <a:chExt cx="3190688" cy="695171"/>
          </a:xfrm>
        </p:grpSpPr>
        <p:sp>
          <p:nvSpPr>
            <p:cNvPr id="42" name="Rectangle 37"/>
            <p:cNvSpPr>
              <a:spLocks noChangeArrowheads="1"/>
            </p:cNvSpPr>
            <p:nvPr/>
          </p:nvSpPr>
          <p:spPr bwMode="auto">
            <a:xfrm>
              <a:off x="2140462" y="3135267"/>
              <a:ext cx="3190688" cy="687802"/>
            </a:xfrm>
            <a:prstGeom prst="rect">
              <a:avLst/>
            </a:prstGeom>
            <a:solidFill>
              <a:srgbClr val="AEDBA9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39" name="Rectangle 25"/>
            <p:cNvSpPr>
              <a:spLocks noChangeArrowheads="1"/>
            </p:cNvSpPr>
            <p:nvPr/>
          </p:nvSpPr>
          <p:spPr bwMode="auto">
            <a:xfrm>
              <a:off x="2447927" y="3141652"/>
              <a:ext cx="141896" cy="687802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0" name="Rectangle 25"/>
            <p:cNvSpPr>
              <a:spLocks noChangeArrowheads="1"/>
            </p:cNvSpPr>
            <p:nvPr/>
          </p:nvSpPr>
          <p:spPr bwMode="auto">
            <a:xfrm>
              <a:off x="2645535" y="3135267"/>
              <a:ext cx="141896" cy="687802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1" name="Rectangle 29"/>
            <p:cNvSpPr>
              <a:spLocks noChangeArrowheads="1"/>
            </p:cNvSpPr>
            <p:nvPr/>
          </p:nvSpPr>
          <p:spPr bwMode="auto">
            <a:xfrm>
              <a:off x="4847031" y="3140668"/>
              <a:ext cx="228608" cy="689770"/>
            </a:xfrm>
            <a:prstGeom prst="rect">
              <a:avLst/>
            </a:pr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43" name="组合 42"/>
          <p:cNvGrpSpPr/>
          <p:nvPr/>
        </p:nvGrpSpPr>
        <p:grpSpPr>
          <a:xfrm>
            <a:off x="4085521" y="450725"/>
            <a:ext cx="4136682" cy="3476443"/>
            <a:chOff x="1866900" y="304801"/>
            <a:chExt cx="3222625" cy="2708275"/>
          </a:xfrm>
        </p:grpSpPr>
        <p:sp>
          <p:nvSpPr>
            <p:cNvPr id="44" name="Freeform 41"/>
            <p:cNvSpPr/>
            <p:nvPr/>
          </p:nvSpPr>
          <p:spPr bwMode="auto">
            <a:xfrm>
              <a:off x="2084388" y="538163"/>
              <a:ext cx="2792413" cy="2241550"/>
            </a:xfrm>
            <a:custGeom>
              <a:avLst/>
              <a:gdLst>
                <a:gd name="T0" fmla="*/ 345 w 1759"/>
                <a:gd name="T1" fmla="*/ 0 h 1412"/>
                <a:gd name="T2" fmla="*/ 1759 w 1759"/>
                <a:gd name="T3" fmla="*/ 533 h 1412"/>
                <a:gd name="T4" fmla="*/ 1414 w 1759"/>
                <a:gd name="T5" fmla="*/ 1412 h 1412"/>
                <a:gd name="T6" fmla="*/ 0 w 1759"/>
                <a:gd name="T7" fmla="*/ 879 h 1412"/>
                <a:gd name="T8" fmla="*/ 345 w 1759"/>
                <a:gd name="T9" fmla="*/ 0 h 14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59" h="1412">
                  <a:moveTo>
                    <a:pt x="345" y="0"/>
                  </a:moveTo>
                  <a:lnTo>
                    <a:pt x="1759" y="533"/>
                  </a:lnTo>
                  <a:lnTo>
                    <a:pt x="1414" y="1412"/>
                  </a:lnTo>
                  <a:lnTo>
                    <a:pt x="0" y="879"/>
                  </a:lnTo>
                  <a:lnTo>
                    <a:pt x="345" y="0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5" name="Freeform 42"/>
            <p:cNvSpPr/>
            <p:nvPr/>
          </p:nvSpPr>
          <p:spPr bwMode="auto">
            <a:xfrm>
              <a:off x="2084388" y="538163"/>
              <a:ext cx="2792413" cy="2241550"/>
            </a:xfrm>
            <a:custGeom>
              <a:avLst/>
              <a:gdLst>
                <a:gd name="T0" fmla="*/ 345 w 1759"/>
                <a:gd name="T1" fmla="*/ 0 h 1412"/>
                <a:gd name="T2" fmla="*/ 1759 w 1759"/>
                <a:gd name="T3" fmla="*/ 533 h 1412"/>
                <a:gd name="T4" fmla="*/ 1414 w 1759"/>
                <a:gd name="T5" fmla="*/ 1412 h 1412"/>
                <a:gd name="T6" fmla="*/ 0 w 1759"/>
                <a:gd name="T7" fmla="*/ 879 h 1412"/>
                <a:gd name="T8" fmla="*/ 345 w 1759"/>
                <a:gd name="T9" fmla="*/ 0 h 14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59" h="1412">
                  <a:moveTo>
                    <a:pt x="345" y="0"/>
                  </a:moveTo>
                  <a:lnTo>
                    <a:pt x="1759" y="533"/>
                  </a:lnTo>
                  <a:lnTo>
                    <a:pt x="1414" y="1412"/>
                  </a:lnTo>
                  <a:lnTo>
                    <a:pt x="0" y="879"/>
                  </a:lnTo>
                  <a:lnTo>
                    <a:pt x="345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6" name="Freeform 43"/>
            <p:cNvSpPr/>
            <p:nvPr/>
          </p:nvSpPr>
          <p:spPr bwMode="auto">
            <a:xfrm>
              <a:off x="1866900" y="304801"/>
              <a:ext cx="3222625" cy="2708275"/>
            </a:xfrm>
            <a:custGeom>
              <a:avLst/>
              <a:gdLst>
                <a:gd name="T0" fmla="*/ 180 w 759"/>
                <a:gd name="T1" fmla="*/ 55 h 637"/>
                <a:gd name="T2" fmla="*/ 163 w 759"/>
                <a:gd name="T3" fmla="*/ 101 h 637"/>
                <a:gd name="T4" fmla="*/ 645 w 759"/>
                <a:gd name="T5" fmla="*/ 282 h 637"/>
                <a:gd name="T6" fmla="*/ 552 w 759"/>
                <a:gd name="T7" fmla="*/ 519 h 637"/>
                <a:gd name="T8" fmla="*/ 115 w 759"/>
                <a:gd name="T9" fmla="*/ 355 h 637"/>
                <a:gd name="T10" fmla="*/ 225 w 759"/>
                <a:gd name="T11" fmla="*/ 73 h 637"/>
                <a:gd name="T12" fmla="*/ 180 w 759"/>
                <a:gd name="T13" fmla="*/ 55 h 637"/>
                <a:gd name="T14" fmla="*/ 163 w 759"/>
                <a:gd name="T15" fmla="*/ 101 h 637"/>
                <a:gd name="T16" fmla="*/ 180 w 759"/>
                <a:gd name="T17" fmla="*/ 55 h 637"/>
                <a:gd name="T18" fmla="*/ 134 w 759"/>
                <a:gd name="T19" fmla="*/ 37 h 637"/>
                <a:gd name="T20" fmla="*/ 5 w 759"/>
                <a:gd name="T21" fmla="*/ 365 h 637"/>
                <a:gd name="T22" fmla="*/ 6 w 759"/>
                <a:gd name="T23" fmla="*/ 403 h 637"/>
                <a:gd name="T24" fmla="*/ 33 w 759"/>
                <a:gd name="T25" fmla="*/ 429 h 637"/>
                <a:gd name="T26" fmla="*/ 562 w 759"/>
                <a:gd name="T27" fmla="*/ 628 h 637"/>
                <a:gd name="T28" fmla="*/ 625 w 759"/>
                <a:gd name="T29" fmla="*/ 600 h 637"/>
                <a:gd name="T30" fmla="*/ 754 w 759"/>
                <a:gd name="T31" fmla="*/ 272 h 637"/>
                <a:gd name="T32" fmla="*/ 754 w 759"/>
                <a:gd name="T33" fmla="*/ 234 h 637"/>
                <a:gd name="T34" fmla="*/ 726 w 759"/>
                <a:gd name="T35" fmla="*/ 208 h 637"/>
                <a:gd name="T36" fmla="*/ 197 w 759"/>
                <a:gd name="T37" fmla="*/ 9 h 637"/>
                <a:gd name="T38" fmla="*/ 134 w 759"/>
                <a:gd name="T39" fmla="*/ 37 h 637"/>
                <a:gd name="T40" fmla="*/ 180 w 759"/>
                <a:gd name="T41" fmla="*/ 55 h 6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759" h="637">
                  <a:moveTo>
                    <a:pt x="180" y="55"/>
                  </a:moveTo>
                  <a:cubicBezTo>
                    <a:pt x="163" y="101"/>
                    <a:pt x="163" y="101"/>
                    <a:pt x="163" y="101"/>
                  </a:cubicBezTo>
                  <a:cubicBezTo>
                    <a:pt x="645" y="282"/>
                    <a:pt x="645" y="282"/>
                    <a:pt x="645" y="282"/>
                  </a:cubicBezTo>
                  <a:cubicBezTo>
                    <a:pt x="552" y="519"/>
                    <a:pt x="552" y="519"/>
                    <a:pt x="552" y="519"/>
                  </a:cubicBezTo>
                  <a:cubicBezTo>
                    <a:pt x="115" y="355"/>
                    <a:pt x="115" y="355"/>
                    <a:pt x="115" y="355"/>
                  </a:cubicBezTo>
                  <a:cubicBezTo>
                    <a:pt x="225" y="73"/>
                    <a:pt x="225" y="73"/>
                    <a:pt x="225" y="73"/>
                  </a:cubicBezTo>
                  <a:cubicBezTo>
                    <a:pt x="180" y="55"/>
                    <a:pt x="180" y="55"/>
                    <a:pt x="180" y="55"/>
                  </a:cubicBezTo>
                  <a:cubicBezTo>
                    <a:pt x="163" y="101"/>
                    <a:pt x="163" y="101"/>
                    <a:pt x="163" y="101"/>
                  </a:cubicBezTo>
                  <a:cubicBezTo>
                    <a:pt x="180" y="55"/>
                    <a:pt x="180" y="55"/>
                    <a:pt x="180" y="55"/>
                  </a:cubicBezTo>
                  <a:cubicBezTo>
                    <a:pt x="134" y="37"/>
                    <a:pt x="134" y="37"/>
                    <a:pt x="134" y="37"/>
                  </a:cubicBezTo>
                  <a:cubicBezTo>
                    <a:pt x="5" y="365"/>
                    <a:pt x="5" y="365"/>
                    <a:pt x="5" y="365"/>
                  </a:cubicBezTo>
                  <a:cubicBezTo>
                    <a:pt x="0" y="377"/>
                    <a:pt x="0" y="391"/>
                    <a:pt x="6" y="403"/>
                  </a:cubicBezTo>
                  <a:cubicBezTo>
                    <a:pt x="11" y="415"/>
                    <a:pt x="21" y="424"/>
                    <a:pt x="33" y="429"/>
                  </a:cubicBezTo>
                  <a:cubicBezTo>
                    <a:pt x="562" y="628"/>
                    <a:pt x="562" y="628"/>
                    <a:pt x="562" y="628"/>
                  </a:cubicBezTo>
                  <a:cubicBezTo>
                    <a:pt x="587" y="637"/>
                    <a:pt x="615" y="625"/>
                    <a:pt x="625" y="600"/>
                  </a:cubicBezTo>
                  <a:cubicBezTo>
                    <a:pt x="754" y="272"/>
                    <a:pt x="754" y="272"/>
                    <a:pt x="754" y="272"/>
                  </a:cubicBezTo>
                  <a:cubicBezTo>
                    <a:pt x="759" y="260"/>
                    <a:pt x="759" y="246"/>
                    <a:pt x="754" y="234"/>
                  </a:cubicBezTo>
                  <a:cubicBezTo>
                    <a:pt x="748" y="222"/>
                    <a:pt x="738" y="212"/>
                    <a:pt x="726" y="208"/>
                  </a:cubicBezTo>
                  <a:cubicBezTo>
                    <a:pt x="197" y="9"/>
                    <a:pt x="197" y="9"/>
                    <a:pt x="197" y="9"/>
                  </a:cubicBezTo>
                  <a:cubicBezTo>
                    <a:pt x="172" y="0"/>
                    <a:pt x="144" y="12"/>
                    <a:pt x="134" y="37"/>
                  </a:cubicBezTo>
                  <a:cubicBezTo>
                    <a:pt x="180" y="55"/>
                    <a:pt x="180" y="55"/>
                    <a:pt x="180" y="5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7" name="Freeform 44"/>
            <p:cNvSpPr/>
            <p:nvPr/>
          </p:nvSpPr>
          <p:spPr bwMode="auto">
            <a:xfrm>
              <a:off x="2147888" y="611188"/>
              <a:ext cx="2660650" cy="2097088"/>
            </a:xfrm>
            <a:custGeom>
              <a:avLst/>
              <a:gdLst>
                <a:gd name="T0" fmla="*/ 321 w 1676"/>
                <a:gd name="T1" fmla="*/ 0 h 1321"/>
                <a:gd name="T2" fmla="*/ 1676 w 1676"/>
                <a:gd name="T3" fmla="*/ 509 h 1321"/>
                <a:gd name="T4" fmla="*/ 1358 w 1676"/>
                <a:gd name="T5" fmla="*/ 1321 h 1321"/>
                <a:gd name="T6" fmla="*/ 0 w 1676"/>
                <a:gd name="T7" fmla="*/ 811 h 1321"/>
                <a:gd name="T8" fmla="*/ 321 w 1676"/>
                <a:gd name="T9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76" h="1321">
                  <a:moveTo>
                    <a:pt x="321" y="0"/>
                  </a:moveTo>
                  <a:lnTo>
                    <a:pt x="1676" y="509"/>
                  </a:lnTo>
                  <a:lnTo>
                    <a:pt x="1358" y="1321"/>
                  </a:lnTo>
                  <a:lnTo>
                    <a:pt x="0" y="811"/>
                  </a:lnTo>
                  <a:lnTo>
                    <a:pt x="321" y="0"/>
                  </a:lnTo>
                  <a:close/>
                </a:path>
              </a:pathLst>
            </a:custGeom>
            <a:solidFill>
              <a:srgbClr val="C5C5C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8" name="Freeform 45"/>
            <p:cNvSpPr/>
            <p:nvPr/>
          </p:nvSpPr>
          <p:spPr bwMode="auto">
            <a:xfrm>
              <a:off x="2147888" y="611188"/>
              <a:ext cx="2660650" cy="2097088"/>
            </a:xfrm>
            <a:custGeom>
              <a:avLst/>
              <a:gdLst>
                <a:gd name="T0" fmla="*/ 321 w 1676"/>
                <a:gd name="T1" fmla="*/ 0 h 1321"/>
                <a:gd name="T2" fmla="*/ 1676 w 1676"/>
                <a:gd name="T3" fmla="*/ 509 h 1321"/>
                <a:gd name="T4" fmla="*/ 1358 w 1676"/>
                <a:gd name="T5" fmla="*/ 1321 h 1321"/>
                <a:gd name="T6" fmla="*/ 0 w 1676"/>
                <a:gd name="T7" fmla="*/ 811 h 1321"/>
                <a:gd name="T8" fmla="*/ 321 w 1676"/>
                <a:gd name="T9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676" h="1321">
                  <a:moveTo>
                    <a:pt x="321" y="0"/>
                  </a:moveTo>
                  <a:lnTo>
                    <a:pt x="1676" y="509"/>
                  </a:lnTo>
                  <a:lnTo>
                    <a:pt x="1358" y="1321"/>
                  </a:lnTo>
                  <a:lnTo>
                    <a:pt x="0" y="811"/>
                  </a:lnTo>
                  <a:lnTo>
                    <a:pt x="321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49" name="Freeform 46"/>
            <p:cNvSpPr/>
            <p:nvPr/>
          </p:nvSpPr>
          <p:spPr bwMode="auto">
            <a:xfrm>
              <a:off x="3582988" y="831851"/>
              <a:ext cx="363538" cy="161925"/>
            </a:xfrm>
            <a:custGeom>
              <a:avLst/>
              <a:gdLst>
                <a:gd name="T0" fmla="*/ 3 w 86"/>
                <a:gd name="T1" fmla="*/ 8 h 38"/>
                <a:gd name="T2" fmla="*/ 80 w 86"/>
                <a:gd name="T3" fmla="*/ 37 h 38"/>
                <a:gd name="T4" fmla="*/ 85 w 86"/>
                <a:gd name="T5" fmla="*/ 35 h 38"/>
                <a:gd name="T6" fmla="*/ 85 w 86"/>
                <a:gd name="T7" fmla="*/ 35 h 38"/>
                <a:gd name="T8" fmla="*/ 83 w 86"/>
                <a:gd name="T9" fmla="*/ 29 h 38"/>
                <a:gd name="T10" fmla="*/ 6 w 86"/>
                <a:gd name="T11" fmla="*/ 1 h 38"/>
                <a:gd name="T12" fmla="*/ 1 w 86"/>
                <a:gd name="T13" fmla="*/ 3 h 38"/>
                <a:gd name="T14" fmla="*/ 3 w 86"/>
                <a:gd name="T15" fmla="*/ 8 h 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6" h="38">
                  <a:moveTo>
                    <a:pt x="3" y="8"/>
                  </a:moveTo>
                  <a:cubicBezTo>
                    <a:pt x="80" y="37"/>
                    <a:pt x="80" y="37"/>
                    <a:pt x="80" y="37"/>
                  </a:cubicBezTo>
                  <a:cubicBezTo>
                    <a:pt x="82" y="38"/>
                    <a:pt x="84" y="37"/>
                    <a:pt x="85" y="35"/>
                  </a:cubicBezTo>
                  <a:cubicBezTo>
                    <a:pt x="85" y="35"/>
                    <a:pt x="85" y="35"/>
                    <a:pt x="85" y="35"/>
                  </a:cubicBezTo>
                  <a:cubicBezTo>
                    <a:pt x="86" y="32"/>
                    <a:pt x="85" y="30"/>
                    <a:pt x="83" y="29"/>
                  </a:cubicBezTo>
                  <a:cubicBezTo>
                    <a:pt x="6" y="1"/>
                    <a:pt x="6" y="1"/>
                    <a:pt x="6" y="1"/>
                  </a:cubicBezTo>
                  <a:cubicBezTo>
                    <a:pt x="4" y="0"/>
                    <a:pt x="2" y="1"/>
                    <a:pt x="1" y="3"/>
                  </a:cubicBezTo>
                  <a:cubicBezTo>
                    <a:pt x="0" y="5"/>
                    <a:pt x="1" y="8"/>
                    <a:pt x="3" y="8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0" name="Freeform 47"/>
            <p:cNvSpPr/>
            <p:nvPr/>
          </p:nvSpPr>
          <p:spPr bwMode="auto">
            <a:xfrm>
              <a:off x="2398713" y="836613"/>
              <a:ext cx="2211388" cy="1624013"/>
            </a:xfrm>
            <a:custGeom>
              <a:avLst/>
              <a:gdLst>
                <a:gd name="T0" fmla="*/ 0 w 1393"/>
                <a:gd name="T1" fmla="*/ 573 h 1023"/>
                <a:gd name="T2" fmla="*/ 1173 w 1393"/>
                <a:gd name="T3" fmla="*/ 1023 h 1023"/>
                <a:gd name="T4" fmla="*/ 1393 w 1393"/>
                <a:gd name="T5" fmla="*/ 450 h 1023"/>
                <a:gd name="T6" fmla="*/ 219 w 1393"/>
                <a:gd name="T7" fmla="*/ 0 h 1023"/>
                <a:gd name="T8" fmla="*/ 0 w 1393"/>
                <a:gd name="T9" fmla="*/ 573 h 10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93" h="1023">
                  <a:moveTo>
                    <a:pt x="0" y="573"/>
                  </a:moveTo>
                  <a:lnTo>
                    <a:pt x="1173" y="1023"/>
                  </a:lnTo>
                  <a:lnTo>
                    <a:pt x="1393" y="450"/>
                  </a:lnTo>
                  <a:lnTo>
                    <a:pt x="219" y="0"/>
                  </a:lnTo>
                  <a:lnTo>
                    <a:pt x="0" y="573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1" name="Freeform 48"/>
            <p:cNvSpPr/>
            <p:nvPr/>
          </p:nvSpPr>
          <p:spPr bwMode="auto">
            <a:xfrm>
              <a:off x="2398713" y="836613"/>
              <a:ext cx="2211388" cy="1624013"/>
            </a:xfrm>
            <a:custGeom>
              <a:avLst/>
              <a:gdLst>
                <a:gd name="T0" fmla="*/ 0 w 1393"/>
                <a:gd name="T1" fmla="*/ 573 h 1023"/>
                <a:gd name="T2" fmla="*/ 1173 w 1393"/>
                <a:gd name="T3" fmla="*/ 1023 h 1023"/>
                <a:gd name="T4" fmla="*/ 1393 w 1393"/>
                <a:gd name="T5" fmla="*/ 450 h 1023"/>
                <a:gd name="T6" fmla="*/ 219 w 1393"/>
                <a:gd name="T7" fmla="*/ 0 h 1023"/>
                <a:gd name="T8" fmla="*/ 0 w 1393"/>
                <a:gd name="T9" fmla="*/ 573 h 10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93" h="1023">
                  <a:moveTo>
                    <a:pt x="0" y="573"/>
                  </a:moveTo>
                  <a:lnTo>
                    <a:pt x="1173" y="1023"/>
                  </a:lnTo>
                  <a:lnTo>
                    <a:pt x="1393" y="450"/>
                  </a:lnTo>
                  <a:lnTo>
                    <a:pt x="219" y="0"/>
                  </a:lnTo>
                  <a:lnTo>
                    <a:pt x="0" y="57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2" name="Freeform 49"/>
            <p:cNvSpPr/>
            <p:nvPr/>
          </p:nvSpPr>
          <p:spPr bwMode="auto">
            <a:xfrm>
              <a:off x="2728913" y="836613"/>
              <a:ext cx="1881188" cy="755650"/>
            </a:xfrm>
            <a:custGeom>
              <a:avLst/>
              <a:gdLst>
                <a:gd name="T0" fmla="*/ 0 w 1185"/>
                <a:gd name="T1" fmla="*/ 26 h 476"/>
                <a:gd name="T2" fmla="*/ 1174 w 1185"/>
                <a:gd name="T3" fmla="*/ 476 h 476"/>
                <a:gd name="T4" fmla="*/ 1185 w 1185"/>
                <a:gd name="T5" fmla="*/ 450 h 476"/>
                <a:gd name="T6" fmla="*/ 11 w 1185"/>
                <a:gd name="T7" fmla="*/ 0 h 476"/>
                <a:gd name="T8" fmla="*/ 0 w 1185"/>
                <a:gd name="T9" fmla="*/ 26 h 4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5" h="476">
                  <a:moveTo>
                    <a:pt x="0" y="26"/>
                  </a:moveTo>
                  <a:lnTo>
                    <a:pt x="1174" y="476"/>
                  </a:lnTo>
                  <a:lnTo>
                    <a:pt x="1185" y="450"/>
                  </a:lnTo>
                  <a:lnTo>
                    <a:pt x="11" y="0"/>
                  </a:lnTo>
                  <a:lnTo>
                    <a:pt x="0" y="2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3" name="Freeform 50"/>
            <p:cNvSpPr/>
            <p:nvPr/>
          </p:nvSpPr>
          <p:spPr bwMode="auto">
            <a:xfrm>
              <a:off x="2728913" y="836613"/>
              <a:ext cx="1881188" cy="755650"/>
            </a:xfrm>
            <a:custGeom>
              <a:avLst/>
              <a:gdLst>
                <a:gd name="T0" fmla="*/ 0 w 1185"/>
                <a:gd name="T1" fmla="*/ 26 h 476"/>
                <a:gd name="T2" fmla="*/ 1174 w 1185"/>
                <a:gd name="T3" fmla="*/ 476 h 476"/>
                <a:gd name="T4" fmla="*/ 1185 w 1185"/>
                <a:gd name="T5" fmla="*/ 450 h 476"/>
                <a:gd name="T6" fmla="*/ 11 w 1185"/>
                <a:gd name="T7" fmla="*/ 0 h 476"/>
                <a:gd name="T8" fmla="*/ 0 w 1185"/>
                <a:gd name="T9" fmla="*/ 26 h 4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5" h="476">
                  <a:moveTo>
                    <a:pt x="0" y="26"/>
                  </a:moveTo>
                  <a:lnTo>
                    <a:pt x="1174" y="476"/>
                  </a:lnTo>
                  <a:lnTo>
                    <a:pt x="1185" y="450"/>
                  </a:lnTo>
                  <a:lnTo>
                    <a:pt x="11" y="0"/>
                  </a:lnTo>
                  <a:lnTo>
                    <a:pt x="0" y="2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4" name="Freeform 51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0 w 561"/>
                <a:gd name="T1" fmla="*/ 43 h 252"/>
                <a:gd name="T2" fmla="*/ 545 w 561"/>
                <a:gd name="T3" fmla="*/ 252 h 252"/>
                <a:gd name="T4" fmla="*/ 561 w 561"/>
                <a:gd name="T5" fmla="*/ 209 h 252"/>
                <a:gd name="T6" fmla="*/ 16 w 561"/>
                <a:gd name="T7" fmla="*/ 0 h 252"/>
                <a:gd name="T8" fmla="*/ 0 w 561"/>
                <a:gd name="T9" fmla="*/ 43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0" y="43"/>
                  </a:move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lnTo>
                    <a:pt x="0" y="43"/>
                  </a:lnTo>
                  <a:close/>
                </a:path>
              </a:pathLst>
            </a:custGeom>
            <a:solidFill>
              <a:srgbClr val="ACD85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5" name="Freeform 52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0 w 561"/>
                <a:gd name="T1" fmla="*/ 43 h 252"/>
                <a:gd name="T2" fmla="*/ 545 w 561"/>
                <a:gd name="T3" fmla="*/ 252 h 252"/>
                <a:gd name="T4" fmla="*/ 561 w 561"/>
                <a:gd name="T5" fmla="*/ 209 h 252"/>
                <a:gd name="T6" fmla="*/ 16 w 561"/>
                <a:gd name="T7" fmla="*/ 0 h 252"/>
                <a:gd name="T8" fmla="*/ 0 w 561"/>
                <a:gd name="T9" fmla="*/ 43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0" y="43"/>
                  </a:move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lnTo>
                    <a:pt x="0" y="43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6" name="Freeform 53"/>
            <p:cNvSpPr/>
            <p:nvPr/>
          </p:nvSpPr>
          <p:spPr bwMode="auto">
            <a:xfrm>
              <a:off x="2589213" y="1052513"/>
              <a:ext cx="1935163" cy="898525"/>
            </a:xfrm>
            <a:custGeom>
              <a:avLst/>
              <a:gdLst>
                <a:gd name="T0" fmla="*/ 0 w 1219"/>
                <a:gd name="T1" fmla="*/ 118 h 566"/>
                <a:gd name="T2" fmla="*/ 1176 w 1219"/>
                <a:gd name="T3" fmla="*/ 566 h 566"/>
                <a:gd name="T4" fmla="*/ 1219 w 1219"/>
                <a:gd name="T5" fmla="*/ 450 h 566"/>
                <a:gd name="T6" fmla="*/ 45 w 1219"/>
                <a:gd name="T7" fmla="*/ 0 h 566"/>
                <a:gd name="T8" fmla="*/ 0 w 1219"/>
                <a:gd name="T9" fmla="*/ 118 h 5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19" h="566">
                  <a:moveTo>
                    <a:pt x="0" y="118"/>
                  </a:moveTo>
                  <a:lnTo>
                    <a:pt x="1176" y="566"/>
                  </a:lnTo>
                  <a:lnTo>
                    <a:pt x="1219" y="450"/>
                  </a:lnTo>
                  <a:lnTo>
                    <a:pt x="45" y="0"/>
                  </a:lnTo>
                  <a:lnTo>
                    <a:pt x="0" y="118"/>
                  </a:lnTo>
                  <a:close/>
                </a:path>
              </a:pathLst>
            </a:custGeom>
            <a:solidFill>
              <a:srgbClr val="5895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7" name="Freeform 54"/>
            <p:cNvSpPr/>
            <p:nvPr/>
          </p:nvSpPr>
          <p:spPr bwMode="auto">
            <a:xfrm>
              <a:off x="2589213" y="1052513"/>
              <a:ext cx="1935163" cy="898525"/>
            </a:xfrm>
            <a:custGeom>
              <a:avLst/>
              <a:gdLst>
                <a:gd name="T0" fmla="*/ 0 w 1219"/>
                <a:gd name="T1" fmla="*/ 118 h 566"/>
                <a:gd name="T2" fmla="*/ 1176 w 1219"/>
                <a:gd name="T3" fmla="*/ 566 h 566"/>
                <a:gd name="T4" fmla="*/ 1219 w 1219"/>
                <a:gd name="T5" fmla="*/ 450 h 566"/>
                <a:gd name="T6" fmla="*/ 45 w 1219"/>
                <a:gd name="T7" fmla="*/ 0 h 566"/>
                <a:gd name="T8" fmla="*/ 0 w 1219"/>
                <a:gd name="T9" fmla="*/ 118 h 56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19" h="566">
                  <a:moveTo>
                    <a:pt x="0" y="118"/>
                  </a:moveTo>
                  <a:lnTo>
                    <a:pt x="1176" y="566"/>
                  </a:lnTo>
                  <a:lnTo>
                    <a:pt x="1219" y="450"/>
                  </a:lnTo>
                  <a:lnTo>
                    <a:pt x="45" y="0"/>
                  </a:lnTo>
                  <a:lnTo>
                    <a:pt x="0" y="1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8" name="Freeform 55"/>
            <p:cNvSpPr/>
            <p:nvPr/>
          </p:nvSpPr>
          <p:spPr bwMode="auto">
            <a:xfrm>
              <a:off x="3030538" y="1138238"/>
              <a:ext cx="1158875" cy="468313"/>
            </a:xfrm>
            <a:custGeom>
              <a:avLst/>
              <a:gdLst>
                <a:gd name="T0" fmla="*/ 0 w 730"/>
                <a:gd name="T1" fmla="*/ 16 h 295"/>
                <a:gd name="T2" fmla="*/ 722 w 730"/>
                <a:gd name="T3" fmla="*/ 295 h 295"/>
                <a:gd name="T4" fmla="*/ 730 w 730"/>
                <a:gd name="T5" fmla="*/ 276 h 295"/>
                <a:gd name="T6" fmla="*/ 5 w 730"/>
                <a:gd name="T7" fmla="*/ 0 h 295"/>
                <a:gd name="T8" fmla="*/ 0 w 730"/>
                <a:gd name="T9" fmla="*/ 16 h 2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30" h="295">
                  <a:moveTo>
                    <a:pt x="0" y="16"/>
                  </a:moveTo>
                  <a:lnTo>
                    <a:pt x="722" y="295"/>
                  </a:lnTo>
                  <a:lnTo>
                    <a:pt x="730" y="276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59" name="Freeform 56"/>
            <p:cNvSpPr/>
            <p:nvPr/>
          </p:nvSpPr>
          <p:spPr bwMode="auto">
            <a:xfrm>
              <a:off x="3030538" y="1138238"/>
              <a:ext cx="1158875" cy="468313"/>
            </a:xfrm>
            <a:custGeom>
              <a:avLst/>
              <a:gdLst>
                <a:gd name="T0" fmla="*/ 0 w 730"/>
                <a:gd name="T1" fmla="*/ 16 h 295"/>
                <a:gd name="T2" fmla="*/ 722 w 730"/>
                <a:gd name="T3" fmla="*/ 295 h 295"/>
                <a:gd name="T4" fmla="*/ 730 w 730"/>
                <a:gd name="T5" fmla="*/ 276 h 295"/>
                <a:gd name="T6" fmla="*/ 5 w 730"/>
                <a:gd name="T7" fmla="*/ 0 h 295"/>
                <a:gd name="T8" fmla="*/ 0 w 730"/>
                <a:gd name="T9" fmla="*/ 16 h 29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30" h="295">
                  <a:moveTo>
                    <a:pt x="0" y="16"/>
                  </a:moveTo>
                  <a:lnTo>
                    <a:pt x="722" y="295"/>
                  </a:lnTo>
                  <a:lnTo>
                    <a:pt x="730" y="276"/>
                  </a:lnTo>
                  <a:lnTo>
                    <a:pt x="5" y="0"/>
                  </a:lnTo>
                  <a:lnTo>
                    <a:pt x="0" y="1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0" name="Freeform 57"/>
            <p:cNvSpPr/>
            <p:nvPr/>
          </p:nvSpPr>
          <p:spPr bwMode="auto">
            <a:xfrm>
              <a:off x="2632075" y="1320801"/>
              <a:ext cx="525463" cy="327025"/>
            </a:xfrm>
            <a:custGeom>
              <a:avLst/>
              <a:gdLst>
                <a:gd name="T0" fmla="*/ 0 w 331"/>
                <a:gd name="T1" fmla="*/ 94 h 206"/>
                <a:gd name="T2" fmla="*/ 294 w 331"/>
                <a:gd name="T3" fmla="*/ 206 h 206"/>
                <a:gd name="T4" fmla="*/ 331 w 331"/>
                <a:gd name="T5" fmla="*/ 113 h 206"/>
                <a:gd name="T6" fmla="*/ 37 w 331"/>
                <a:gd name="T7" fmla="*/ 0 h 206"/>
                <a:gd name="T8" fmla="*/ 0 w 331"/>
                <a:gd name="T9" fmla="*/ 94 h 20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6">
                  <a:moveTo>
                    <a:pt x="0" y="94"/>
                  </a:moveTo>
                  <a:lnTo>
                    <a:pt x="294" y="206"/>
                  </a:lnTo>
                  <a:lnTo>
                    <a:pt x="331" y="113"/>
                  </a:lnTo>
                  <a:lnTo>
                    <a:pt x="37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FFAD0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1" name="Freeform 58"/>
            <p:cNvSpPr/>
            <p:nvPr/>
          </p:nvSpPr>
          <p:spPr bwMode="auto">
            <a:xfrm>
              <a:off x="3217863" y="1541463"/>
              <a:ext cx="525463" cy="331788"/>
            </a:xfrm>
            <a:custGeom>
              <a:avLst/>
              <a:gdLst>
                <a:gd name="T0" fmla="*/ 0 w 331"/>
                <a:gd name="T1" fmla="*/ 94 h 209"/>
                <a:gd name="T2" fmla="*/ 294 w 331"/>
                <a:gd name="T3" fmla="*/ 209 h 209"/>
                <a:gd name="T4" fmla="*/ 331 w 331"/>
                <a:gd name="T5" fmla="*/ 113 h 209"/>
                <a:gd name="T6" fmla="*/ 34 w 331"/>
                <a:gd name="T7" fmla="*/ 0 h 209"/>
                <a:gd name="T8" fmla="*/ 0 w 331"/>
                <a:gd name="T9" fmla="*/ 94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9">
                  <a:moveTo>
                    <a:pt x="0" y="94"/>
                  </a:moveTo>
                  <a:lnTo>
                    <a:pt x="294" y="209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FF493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2" name="Freeform 59"/>
            <p:cNvSpPr/>
            <p:nvPr/>
          </p:nvSpPr>
          <p:spPr bwMode="auto">
            <a:xfrm>
              <a:off x="3217863" y="1541463"/>
              <a:ext cx="525463" cy="331788"/>
            </a:xfrm>
            <a:custGeom>
              <a:avLst/>
              <a:gdLst>
                <a:gd name="T0" fmla="*/ 0 w 331"/>
                <a:gd name="T1" fmla="*/ 94 h 209"/>
                <a:gd name="T2" fmla="*/ 294 w 331"/>
                <a:gd name="T3" fmla="*/ 209 h 209"/>
                <a:gd name="T4" fmla="*/ 331 w 331"/>
                <a:gd name="T5" fmla="*/ 113 h 209"/>
                <a:gd name="T6" fmla="*/ 34 w 331"/>
                <a:gd name="T7" fmla="*/ 0 h 209"/>
                <a:gd name="T8" fmla="*/ 0 w 331"/>
                <a:gd name="T9" fmla="*/ 94 h 20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9">
                  <a:moveTo>
                    <a:pt x="0" y="94"/>
                  </a:moveTo>
                  <a:lnTo>
                    <a:pt x="294" y="209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3" name="Freeform 60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0 w 331"/>
                <a:gd name="T1" fmla="*/ 94 h 207"/>
                <a:gd name="T2" fmla="*/ 294 w 331"/>
                <a:gd name="T3" fmla="*/ 207 h 207"/>
                <a:gd name="T4" fmla="*/ 331 w 331"/>
                <a:gd name="T5" fmla="*/ 113 h 207"/>
                <a:gd name="T6" fmla="*/ 34 w 331"/>
                <a:gd name="T7" fmla="*/ 0 h 207"/>
                <a:gd name="T8" fmla="*/ 0 w 331"/>
                <a:gd name="T9" fmla="*/ 94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0" y="94"/>
                  </a:move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  <a:close/>
                </a:path>
              </a:pathLst>
            </a:custGeom>
            <a:solidFill>
              <a:srgbClr val="94B950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4" name="Freeform 61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0 w 331"/>
                <a:gd name="T1" fmla="*/ 94 h 207"/>
                <a:gd name="T2" fmla="*/ 294 w 331"/>
                <a:gd name="T3" fmla="*/ 207 h 207"/>
                <a:gd name="T4" fmla="*/ 331 w 331"/>
                <a:gd name="T5" fmla="*/ 113 h 207"/>
                <a:gd name="T6" fmla="*/ 34 w 331"/>
                <a:gd name="T7" fmla="*/ 0 h 207"/>
                <a:gd name="T8" fmla="*/ 0 w 331"/>
                <a:gd name="T9" fmla="*/ 94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0" y="94"/>
                  </a:move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lnTo>
                    <a:pt x="0" y="94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5" name="Freeform 62"/>
            <p:cNvSpPr/>
            <p:nvPr/>
          </p:nvSpPr>
          <p:spPr bwMode="auto">
            <a:xfrm>
              <a:off x="2398713" y="1665288"/>
              <a:ext cx="1892300" cy="795338"/>
            </a:xfrm>
            <a:custGeom>
              <a:avLst/>
              <a:gdLst>
                <a:gd name="T0" fmla="*/ 0 w 1192"/>
                <a:gd name="T1" fmla="*/ 51 h 501"/>
                <a:gd name="T2" fmla="*/ 1173 w 1192"/>
                <a:gd name="T3" fmla="*/ 501 h 501"/>
                <a:gd name="T4" fmla="*/ 1192 w 1192"/>
                <a:gd name="T5" fmla="*/ 450 h 501"/>
                <a:gd name="T6" fmla="*/ 18 w 1192"/>
                <a:gd name="T7" fmla="*/ 0 h 501"/>
                <a:gd name="T8" fmla="*/ 0 w 1192"/>
                <a:gd name="T9" fmla="*/ 51 h 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501">
                  <a:moveTo>
                    <a:pt x="0" y="51"/>
                  </a:moveTo>
                  <a:lnTo>
                    <a:pt x="1173" y="501"/>
                  </a:lnTo>
                  <a:lnTo>
                    <a:pt x="1192" y="450"/>
                  </a:lnTo>
                  <a:lnTo>
                    <a:pt x="18" y="0"/>
                  </a:lnTo>
                  <a:lnTo>
                    <a:pt x="0" y="51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6" name="Freeform 63"/>
            <p:cNvSpPr/>
            <p:nvPr/>
          </p:nvSpPr>
          <p:spPr bwMode="auto">
            <a:xfrm>
              <a:off x="2398713" y="1665288"/>
              <a:ext cx="1892300" cy="795338"/>
            </a:xfrm>
            <a:custGeom>
              <a:avLst/>
              <a:gdLst>
                <a:gd name="T0" fmla="*/ 0 w 1192"/>
                <a:gd name="T1" fmla="*/ 51 h 501"/>
                <a:gd name="T2" fmla="*/ 1173 w 1192"/>
                <a:gd name="T3" fmla="*/ 501 h 501"/>
                <a:gd name="T4" fmla="*/ 1192 w 1192"/>
                <a:gd name="T5" fmla="*/ 450 h 501"/>
                <a:gd name="T6" fmla="*/ 18 w 1192"/>
                <a:gd name="T7" fmla="*/ 0 h 501"/>
                <a:gd name="T8" fmla="*/ 0 w 1192"/>
                <a:gd name="T9" fmla="*/ 51 h 5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92" h="501">
                  <a:moveTo>
                    <a:pt x="0" y="51"/>
                  </a:moveTo>
                  <a:lnTo>
                    <a:pt x="1173" y="501"/>
                  </a:lnTo>
                  <a:lnTo>
                    <a:pt x="1192" y="450"/>
                  </a:lnTo>
                  <a:lnTo>
                    <a:pt x="18" y="0"/>
                  </a:lnTo>
                  <a:lnTo>
                    <a:pt x="0" y="51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7" name="Freeform 64"/>
            <p:cNvSpPr/>
            <p:nvPr/>
          </p:nvSpPr>
          <p:spPr bwMode="auto">
            <a:xfrm>
              <a:off x="2614613" y="1490663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8" name="Freeform 65"/>
            <p:cNvSpPr/>
            <p:nvPr/>
          </p:nvSpPr>
          <p:spPr bwMode="auto">
            <a:xfrm>
              <a:off x="2593975" y="153828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6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6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69" name="Freeform 66"/>
            <p:cNvSpPr/>
            <p:nvPr/>
          </p:nvSpPr>
          <p:spPr bwMode="auto">
            <a:xfrm>
              <a:off x="2576513" y="1589088"/>
              <a:ext cx="479425" cy="203200"/>
            </a:xfrm>
            <a:custGeom>
              <a:avLst/>
              <a:gdLst>
                <a:gd name="T0" fmla="*/ 0 w 302"/>
                <a:gd name="T1" fmla="*/ 16 h 128"/>
                <a:gd name="T2" fmla="*/ 294 w 302"/>
                <a:gd name="T3" fmla="*/ 128 h 128"/>
                <a:gd name="T4" fmla="*/ 302 w 302"/>
                <a:gd name="T5" fmla="*/ 112 h 128"/>
                <a:gd name="T6" fmla="*/ 8 w 302"/>
                <a:gd name="T7" fmla="*/ 0 h 128"/>
                <a:gd name="T8" fmla="*/ 0 w 302"/>
                <a:gd name="T9" fmla="*/ 16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8">
                  <a:moveTo>
                    <a:pt x="0" y="16"/>
                  </a:moveTo>
                  <a:lnTo>
                    <a:pt x="294" y="128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0" name="Freeform 67"/>
            <p:cNvSpPr/>
            <p:nvPr/>
          </p:nvSpPr>
          <p:spPr bwMode="auto">
            <a:xfrm>
              <a:off x="2559050" y="1635126"/>
              <a:ext cx="306388" cy="141288"/>
            </a:xfrm>
            <a:custGeom>
              <a:avLst/>
              <a:gdLst>
                <a:gd name="T0" fmla="*/ 0 w 193"/>
                <a:gd name="T1" fmla="*/ 19 h 89"/>
                <a:gd name="T2" fmla="*/ 187 w 193"/>
                <a:gd name="T3" fmla="*/ 89 h 89"/>
                <a:gd name="T4" fmla="*/ 193 w 193"/>
                <a:gd name="T5" fmla="*/ 73 h 89"/>
                <a:gd name="T6" fmla="*/ 6 w 193"/>
                <a:gd name="T7" fmla="*/ 0 h 89"/>
                <a:gd name="T8" fmla="*/ 0 w 193"/>
                <a:gd name="T9" fmla="*/ 19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3" h="89">
                  <a:moveTo>
                    <a:pt x="0" y="19"/>
                  </a:moveTo>
                  <a:lnTo>
                    <a:pt x="187" y="89"/>
                  </a:lnTo>
                  <a:lnTo>
                    <a:pt x="193" y="73"/>
                  </a:lnTo>
                  <a:lnTo>
                    <a:pt x="6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1" name="Freeform 68"/>
            <p:cNvSpPr/>
            <p:nvPr/>
          </p:nvSpPr>
          <p:spPr bwMode="auto">
            <a:xfrm>
              <a:off x="3200400" y="1712913"/>
              <a:ext cx="474663" cy="207963"/>
            </a:xfrm>
            <a:custGeom>
              <a:avLst/>
              <a:gdLst>
                <a:gd name="T0" fmla="*/ 0 w 299"/>
                <a:gd name="T1" fmla="*/ 18 h 131"/>
                <a:gd name="T2" fmla="*/ 294 w 299"/>
                <a:gd name="T3" fmla="*/ 131 h 131"/>
                <a:gd name="T4" fmla="*/ 299 w 299"/>
                <a:gd name="T5" fmla="*/ 112 h 131"/>
                <a:gd name="T6" fmla="*/ 5 w 299"/>
                <a:gd name="T7" fmla="*/ 0 h 131"/>
                <a:gd name="T8" fmla="*/ 0 w 299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9" h="131">
                  <a:moveTo>
                    <a:pt x="0" y="18"/>
                  </a:moveTo>
                  <a:lnTo>
                    <a:pt x="294" y="131"/>
                  </a:lnTo>
                  <a:lnTo>
                    <a:pt x="299" y="112"/>
                  </a:lnTo>
                  <a:lnTo>
                    <a:pt x="5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2" name="Freeform 69"/>
            <p:cNvSpPr/>
            <p:nvPr/>
          </p:nvSpPr>
          <p:spPr bwMode="auto">
            <a:xfrm>
              <a:off x="3200400" y="1712913"/>
              <a:ext cx="474663" cy="207963"/>
            </a:xfrm>
            <a:custGeom>
              <a:avLst/>
              <a:gdLst>
                <a:gd name="T0" fmla="*/ 0 w 299"/>
                <a:gd name="T1" fmla="*/ 18 h 131"/>
                <a:gd name="T2" fmla="*/ 294 w 299"/>
                <a:gd name="T3" fmla="*/ 131 h 131"/>
                <a:gd name="T4" fmla="*/ 299 w 299"/>
                <a:gd name="T5" fmla="*/ 112 h 131"/>
                <a:gd name="T6" fmla="*/ 5 w 299"/>
                <a:gd name="T7" fmla="*/ 0 h 131"/>
                <a:gd name="T8" fmla="*/ 0 w 299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9" h="131">
                  <a:moveTo>
                    <a:pt x="0" y="18"/>
                  </a:moveTo>
                  <a:lnTo>
                    <a:pt x="294" y="131"/>
                  </a:lnTo>
                  <a:lnTo>
                    <a:pt x="299" y="112"/>
                  </a:lnTo>
                  <a:lnTo>
                    <a:pt x="5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3" name="Freeform 70"/>
            <p:cNvSpPr/>
            <p:nvPr/>
          </p:nvSpPr>
          <p:spPr bwMode="auto">
            <a:xfrm>
              <a:off x="3179763" y="1763713"/>
              <a:ext cx="479425" cy="203200"/>
            </a:xfrm>
            <a:custGeom>
              <a:avLst/>
              <a:gdLst>
                <a:gd name="T0" fmla="*/ 0 w 302"/>
                <a:gd name="T1" fmla="*/ 16 h 128"/>
                <a:gd name="T2" fmla="*/ 296 w 302"/>
                <a:gd name="T3" fmla="*/ 128 h 128"/>
                <a:gd name="T4" fmla="*/ 302 w 302"/>
                <a:gd name="T5" fmla="*/ 112 h 128"/>
                <a:gd name="T6" fmla="*/ 8 w 302"/>
                <a:gd name="T7" fmla="*/ 0 h 128"/>
                <a:gd name="T8" fmla="*/ 0 w 302"/>
                <a:gd name="T9" fmla="*/ 16 h 12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8">
                  <a:moveTo>
                    <a:pt x="0" y="16"/>
                  </a:moveTo>
                  <a:lnTo>
                    <a:pt x="296" y="128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4" name="Freeform 71"/>
            <p:cNvSpPr/>
            <p:nvPr/>
          </p:nvSpPr>
          <p:spPr bwMode="auto">
            <a:xfrm>
              <a:off x="3162300" y="1809751"/>
              <a:ext cx="479425" cy="207963"/>
            </a:xfrm>
            <a:custGeom>
              <a:avLst/>
              <a:gdLst>
                <a:gd name="T0" fmla="*/ 0 w 302"/>
                <a:gd name="T1" fmla="*/ 19 h 131"/>
                <a:gd name="T2" fmla="*/ 294 w 302"/>
                <a:gd name="T3" fmla="*/ 131 h 131"/>
                <a:gd name="T4" fmla="*/ 302 w 302"/>
                <a:gd name="T5" fmla="*/ 113 h 131"/>
                <a:gd name="T6" fmla="*/ 5 w 302"/>
                <a:gd name="T7" fmla="*/ 0 h 131"/>
                <a:gd name="T8" fmla="*/ 0 w 302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9"/>
                  </a:moveTo>
                  <a:lnTo>
                    <a:pt x="294" y="131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5" name="Freeform 72"/>
            <p:cNvSpPr/>
            <p:nvPr/>
          </p:nvSpPr>
          <p:spPr bwMode="auto">
            <a:xfrm>
              <a:off x="3144838" y="1860551"/>
              <a:ext cx="306388" cy="141288"/>
            </a:xfrm>
            <a:custGeom>
              <a:avLst/>
              <a:gdLst>
                <a:gd name="T0" fmla="*/ 0 w 193"/>
                <a:gd name="T1" fmla="*/ 16 h 89"/>
                <a:gd name="T2" fmla="*/ 185 w 193"/>
                <a:gd name="T3" fmla="*/ 89 h 89"/>
                <a:gd name="T4" fmla="*/ 193 w 193"/>
                <a:gd name="T5" fmla="*/ 70 h 89"/>
                <a:gd name="T6" fmla="*/ 5 w 193"/>
                <a:gd name="T7" fmla="*/ 0 h 89"/>
                <a:gd name="T8" fmla="*/ 0 w 193"/>
                <a:gd name="T9" fmla="*/ 16 h 8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3" h="89">
                  <a:moveTo>
                    <a:pt x="0" y="16"/>
                  </a:moveTo>
                  <a:lnTo>
                    <a:pt x="185" y="89"/>
                  </a:lnTo>
                  <a:lnTo>
                    <a:pt x="193" y="70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6" name="Freeform 73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7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7" name="Freeform 74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0 w 302"/>
                <a:gd name="T1" fmla="*/ 18 h 131"/>
                <a:gd name="T2" fmla="*/ 297 w 302"/>
                <a:gd name="T3" fmla="*/ 131 h 131"/>
                <a:gd name="T4" fmla="*/ 302 w 302"/>
                <a:gd name="T5" fmla="*/ 112 h 131"/>
                <a:gd name="T6" fmla="*/ 8 w 302"/>
                <a:gd name="T7" fmla="*/ 0 h 131"/>
                <a:gd name="T8" fmla="*/ 0 w 302"/>
                <a:gd name="T9" fmla="*/ 18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0" y="18"/>
                  </a:move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8" name="Freeform 75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0 w 303"/>
                <a:gd name="T1" fmla="*/ 19 h 131"/>
                <a:gd name="T2" fmla="*/ 295 w 303"/>
                <a:gd name="T3" fmla="*/ 131 h 131"/>
                <a:gd name="T4" fmla="*/ 303 w 303"/>
                <a:gd name="T5" fmla="*/ 113 h 131"/>
                <a:gd name="T6" fmla="*/ 9 w 303"/>
                <a:gd name="T7" fmla="*/ 0 h 131"/>
                <a:gd name="T8" fmla="*/ 0 w 303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0" y="19"/>
                  </a:move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lnTo>
                    <a:pt x="0" y="19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79" name="Freeform 76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0 w 303"/>
                <a:gd name="T1" fmla="*/ 19 h 131"/>
                <a:gd name="T2" fmla="*/ 295 w 303"/>
                <a:gd name="T3" fmla="*/ 131 h 131"/>
                <a:gd name="T4" fmla="*/ 303 w 303"/>
                <a:gd name="T5" fmla="*/ 113 h 131"/>
                <a:gd name="T6" fmla="*/ 9 w 303"/>
                <a:gd name="T7" fmla="*/ 0 h 131"/>
                <a:gd name="T8" fmla="*/ 0 w 303"/>
                <a:gd name="T9" fmla="*/ 19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0" y="19"/>
                  </a:move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lnTo>
                    <a:pt x="0" y="19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0" name="Freeform 77"/>
            <p:cNvSpPr/>
            <p:nvPr/>
          </p:nvSpPr>
          <p:spPr bwMode="auto">
            <a:xfrm>
              <a:off x="3748088" y="2035176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1" name="Freeform 78"/>
            <p:cNvSpPr/>
            <p:nvPr/>
          </p:nvSpPr>
          <p:spPr bwMode="auto">
            <a:xfrm>
              <a:off x="3748088" y="2035176"/>
              <a:ext cx="479425" cy="204788"/>
            </a:xfrm>
            <a:custGeom>
              <a:avLst/>
              <a:gdLst>
                <a:gd name="T0" fmla="*/ 0 w 302"/>
                <a:gd name="T1" fmla="*/ 16 h 129"/>
                <a:gd name="T2" fmla="*/ 294 w 302"/>
                <a:gd name="T3" fmla="*/ 129 h 129"/>
                <a:gd name="T4" fmla="*/ 302 w 302"/>
                <a:gd name="T5" fmla="*/ 113 h 129"/>
                <a:gd name="T6" fmla="*/ 5 w 302"/>
                <a:gd name="T7" fmla="*/ 0 h 129"/>
                <a:gd name="T8" fmla="*/ 0 w 302"/>
                <a:gd name="T9" fmla="*/ 16 h 12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29">
                  <a:moveTo>
                    <a:pt x="0" y="16"/>
                  </a:moveTo>
                  <a:lnTo>
                    <a:pt x="294" y="129"/>
                  </a:lnTo>
                  <a:lnTo>
                    <a:pt x="302" y="113"/>
                  </a:lnTo>
                  <a:lnTo>
                    <a:pt x="5" y="0"/>
                  </a:lnTo>
                  <a:lnTo>
                    <a:pt x="0" y="16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2" name="Freeform 79"/>
            <p:cNvSpPr/>
            <p:nvPr/>
          </p:nvSpPr>
          <p:spPr bwMode="auto">
            <a:xfrm>
              <a:off x="3725863" y="2082801"/>
              <a:ext cx="311150" cy="139700"/>
            </a:xfrm>
            <a:custGeom>
              <a:avLst/>
              <a:gdLst>
                <a:gd name="T0" fmla="*/ 0 w 196"/>
                <a:gd name="T1" fmla="*/ 18 h 88"/>
                <a:gd name="T2" fmla="*/ 188 w 196"/>
                <a:gd name="T3" fmla="*/ 88 h 88"/>
                <a:gd name="T4" fmla="*/ 196 w 196"/>
                <a:gd name="T5" fmla="*/ 72 h 88"/>
                <a:gd name="T6" fmla="*/ 8 w 196"/>
                <a:gd name="T7" fmla="*/ 0 h 88"/>
                <a:gd name="T8" fmla="*/ 0 w 196"/>
                <a:gd name="T9" fmla="*/ 18 h 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6" h="88">
                  <a:moveTo>
                    <a:pt x="0" y="18"/>
                  </a:moveTo>
                  <a:lnTo>
                    <a:pt x="188" y="88"/>
                  </a:lnTo>
                  <a:lnTo>
                    <a:pt x="196" y="72"/>
                  </a:lnTo>
                  <a:lnTo>
                    <a:pt x="8" y="0"/>
                  </a:lnTo>
                  <a:lnTo>
                    <a:pt x="0" y="18"/>
                  </a:lnTo>
                  <a:close/>
                </a:path>
              </a:pathLst>
            </a:custGeom>
            <a:solidFill>
              <a:srgbClr val="90BCE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3" name="Freeform 80"/>
            <p:cNvSpPr/>
            <p:nvPr/>
          </p:nvSpPr>
          <p:spPr bwMode="auto">
            <a:xfrm>
              <a:off x="3725863" y="2082801"/>
              <a:ext cx="311150" cy="139700"/>
            </a:xfrm>
            <a:custGeom>
              <a:avLst/>
              <a:gdLst>
                <a:gd name="T0" fmla="*/ 0 w 196"/>
                <a:gd name="T1" fmla="*/ 18 h 88"/>
                <a:gd name="T2" fmla="*/ 188 w 196"/>
                <a:gd name="T3" fmla="*/ 88 h 88"/>
                <a:gd name="T4" fmla="*/ 196 w 196"/>
                <a:gd name="T5" fmla="*/ 72 h 88"/>
                <a:gd name="T6" fmla="*/ 8 w 196"/>
                <a:gd name="T7" fmla="*/ 0 h 88"/>
                <a:gd name="T8" fmla="*/ 0 w 196"/>
                <a:gd name="T9" fmla="*/ 18 h 8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6" h="88">
                  <a:moveTo>
                    <a:pt x="0" y="18"/>
                  </a:moveTo>
                  <a:lnTo>
                    <a:pt x="188" y="88"/>
                  </a:lnTo>
                  <a:lnTo>
                    <a:pt x="196" y="72"/>
                  </a:lnTo>
                  <a:lnTo>
                    <a:pt x="8" y="0"/>
                  </a:lnTo>
                  <a:lnTo>
                    <a:pt x="0" y="18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4" name="Freeform 81"/>
            <p:cNvSpPr/>
            <p:nvPr/>
          </p:nvSpPr>
          <p:spPr bwMode="auto">
            <a:xfrm>
              <a:off x="2657475" y="611188"/>
              <a:ext cx="2151063" cy="2097088"/>
            </a:xfrm>
            <a:custGeom>
              <a:avLst/>
              <a:gdLst>
                <a:gd name="T0" fmla="*/ 0 w 1355"/>
                <a:gd name="T1" fmla="*/ 0 h 1321"/>
                <a:gd name="T2" fmla="*/ 133 w 1355"/>
                <a:gd name="T3" fmla="*/ 171 h 1321"/>
                <a:gd name="T4" fmla="*/ 1230 w 1355"/>
                <a:gd name="T5" fmla="*/ 592 h 1321"/>
                <a:gd name="T6" fmla="*/ 1010 w 1355"/>
                <a:gd name="T7" fmla="*/ 1165 h 1321"/>
                <a:gd name="T8" fmla="*/ 871 w 1355"/>
                <a:gd name="T9" fmla="*/ 1112 h 1321"/>
                <a:gd name="T10" fmla="*/ 1037 w 1355"/>
                <a:gd name="T11" fmla="*/ 1321 h 1321"/>
                <a:gd name="T12" fmla="*/ 1355 w 1355"/>
                <a:gd name="T13" fmla="*/ 509 h 1321"/>
                <a:gd name="T14" fmla="*/ 0 w 1355"/>
                <a:gd name="T15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355" h="1321">
                  <a:moveTo>
                    <a:pt x="0" y="0"/>
                  </a:moveTo>
                  <a:lnTo>
                    <a:pt x="133" y="171"/>
                  </a:lnTo>
                  <a:lnTo>
                    <a:pt x="1230" y="592"/>
                  </a:lnTo>
                  <a:lnTo>
                    <a:pt x="1010" y="1165"/>
                  </a:lnTo>
                  <a:lnTo>
                    <a:pt x="871" y="1112"/>
                  </a:lnTo>
                  <a:lnTo>
                    <a:pt x="1037" y="1321"/>
                  </a:lnTo>
                  <a:lnTo>
                    <a:pt x="1355" y="50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B1B1B7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5" name="Freeform 82"/>
            <p:cNvSpPr/>
            <p:nvPr/>
          </p:nvSpPr>
          <p:spPr bwMode="auto">
            <a:xfrm>
              <a:off x="2657475" y="611188"/>
              <a:ext cx="2151063" cy="2097088"/>
            </a:xfrm>
            <a:custGeom>
              <a:avLst/>
              <a:gdLst>
                <a:gd name="T0" fmla="*/ 0 w 1355"/>
                <a:gd name="T1" fmla="*/ 0 h 1321"/>
                <a:gd name="T2" fmla="*/ 133 w 1355"/>
                <a:gd name="T3" fmla="*/ 171 h 1321"/>
                <a:gd name="T4" fmla="*/ 1230 w 1355"/>
                <a:gd name="T5" fmla="*/ 592 h 1321"/>
                <a:gd name="T6" fmla="*/ 1010 w 1355"/>
                <a:gd name="T7" fmla="*/ 1165 h 1321"/>
                <a:gd name="T8" fmla="*/ 871 w 1355"/>
                <a:gd name="T9" fmla="*/ 1112 h 1321"/>
                <a:gd name="T10" fmla="*/ 1037 w 1355"/>
                <a:gd name="T11" fmla="*/ 1321 h 1321"/>
                <a:gd name="T12" fmla="*/ 1355 w 1355"/>
                <a:gd name="T13" fmla="*/ 509 h 1321"/>
                <a:gd name="T14" fmla="*/ 0 w 1355"/>
                <a:gd name="T15" fmla="*/ 0 h 132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355" h="1321">
                  <a:moveTo>
                    <a:pt x="0" y="0"/>
                  </a:moveTo>
                  <a:lnTo>
                    <a:pt x="133" y="171"/>
                  </a:lnTo>
                  <a:lnTo>
                    <a:pt x="1230" y="592"/>
                  </a:lnTo>
                  <a:lnTo>
                    <a:pt x="1010" y="1165"/>
                  </a:lnTo>
                  <a:lnTo>
                    <a:pt x="871" y="1112"/>
                  </a:lnTo>
                  <a:lnTo>
                    <a:pt x="1037" y="1321"/>
                  </a:lnTo>
                  <a:lnTo>
                    <a:pt x="1355" y="509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6" name="Freeform 83"/>
            <p:cNvSpPr>
              <a:spLocks noEditPoints="1"/>
            </p:cNvSpPr>
            <p:nvPr/>
          </p:nvSpPr>
          <p:spPr bwMode="auto">
            <a:xfrm>
              <a:off x="2928938" y="955676"/>
              <a:ext cx="1681163" cy="1504950"/>
            </a:xfrm>
            <a:custGeom>
              <a:avLst/>
              <a:gdLst>
                <a:gd name="T0" fmla="*/ 821 w 1059"/>
                <a:gd name="T1" fmla="*/ 779 h 948"/>
                <a:gd name="T2" fmla="*/ 526 w 1059"/>
                <a:gd name="T3" fmla="*/ 667 h 948"/>
                <a:gd name="T4" fmla="*/ 535 w 1059"/>
                <a:gd name="T5" fmla="*/ 648 h 948"/>
                <a:gd name="T6" fmla="*/ 829 w 1059"/>
                <a:gd name="T7" fmla="*/ 761 h 948"/>
                <a:gd name="T8" fmla="*/ 821 w 1059"/>
                <a:gd name="T9" fmla="*/ 779 h 948"/>
                <a:gd name="T10" fmla="*/ 834 w 1059"/>
                <a:gd name="T11" fmla="*/ 750 h 948"/>
                <a:gd name="T12" fmla="*/ 537 w 1059"/>
                <a:gd name="T13" fmla="*/ 637 h 948"/>
                <a:gd name="T14" fmla="*/ 545 w 1059"/>
                <a:gd name="T15" fmla="*/ 619 h 948"/>
                <a:gd name="T16" fmla="*/ 839 w 1059"/>
                <a:gd name="T17" fmla="*/ 731 h 948"/>
                <a:gd name="T18" fmla="*/ 834 w 1059"/>
                <a:gd name="T19" fmla="*/ 750 h 948"/>
                <a:gd name="T20" fmla="*/ 845 w 1059"/>
                <a:gd name="T21" fmla="*/ 718 h 948"/>
                <a:gd name="T22" fmla="*/ 551 w 1059"/>
                <a:gd name="T23" fmla="*/ 605 h 948"/>
                <a:gd name="T24" fmla="*/ 585 w 1059"/>
                <a:gd name="T25" fmla="*/ 511 h 948"/>
                <a:gd name="T26" fmla="*/ 882 w 1059"/>
                <a:gd name="T27" fmla="*/ 624 h 948"/>
                <a:gd name="T28" fmla="*/ 845 w 1059"/>
                <a:gd name="T29" fmla="*/ 718 h 948"/>
                <a:gd name="T30" fmla="*/ 711 w 1059"/>
                <a:gd name="T31" fmla="*/ 340 h 948"/>
                <a:gd name="T32" fmla="*/ 166 w 1059"/>
                <a:gd name="T33" fmla="*/ 131 h 948"/>
                <a:gd name="T34" fmla="*/ 182 w 1059"/>
                <a:gd name="T35" fmla="*/ 88 h 948"/>
                <a:gd name="T36" fmla="*/ 727 w 1059"/>
                <a:gd name="T37" fmla="*/ 297 h 948"/>
                <a:gd name="T38" fmla="*/ 711 w 1059"/>
                <a:gd name="T39" fmla="*/ 340 h 948"/>
                <a:gd name="T40" fmla="*/ 0 w 1059"/>
                <a:gd name="T41" fmla="*/ 0 h 948"/>
                <a:gd name="T42" fmla="*/ 96 w 1059"/>
                <a:gd name="T43" fmla="*/ 125 h 948"/>
                <a:gd name="T44" fmla="*/ 794 w 1059"/>
                <a:gd name="T45" fmla="*/ 391 h 948"/>
                <a:gd name="T46" fmla="*/ 786 w 1059"/>
                <a:gd name="T47" fmla="*/ 410 h 948"/>
                <a:gd name="T48" fmla="*/ 120 w 1059"/>
                <a:gd name="T49" fmla="*/ 155 h 948"/>
                <a:gd name="T50" fmla="*/ 139 w 1059"/>
                <a:gd name="T51" fmla="*/ 179 h 948"/>
                <a:gd name="T52" fmla="*/ 1005 w 1059"/>
                <a:gd name="T53" fmla="*/ 511 h 948"/>
                <a:gd name="T54" fmla="*/ 962 w 1059"/>
                <a:gd name="T55" fmla="*/ 627 h 948"/>
                <a:gd name="T56" fmla="*/ 289 w 1059"/>
                <a:gd name="T57" fmla="*/ 369 h 948"/>
                <a:gd name="T58" fmla="*/ 321 w 1059"/>
                <a:gd name="T59" fmla="*/ 410 h 948"/>
                <a:gd name="T60" fmla="*/ 513 w 1059"/>
                <a:gd name="T61" fmla="*/ 482 h 948"/>
                <a:gd name="T62" fmla="*/ 476 w 1059"/>
                <a:gd name="T63" fmla="*/ 578 h 948"/>
                <a:gd name="T64" fmla="*/ 441 w 1059"/>
                <a:gd name="T65" fmla="*/ 565 h 948"/>
                <a:gd name="T66" fmla="*/ 457 w 1059"/>
                <a:gd name="T67" fmla="*/ 584 h 948"/>
                <a:gd name="T68" fmla="*/ 470 w 1059"/>
                <a:gd name="T69" fmla="*/ 589 h 948"/>
                <a:gd name="T70" fmla="*/ 468 w 1059"/>
                <a:gd name="T71" fmla="*/ 597 h 948"/>
                <a:gd name="T72" fmla="*/ 537 w 1059"/>
                <a:gd name="T73" fmla="*/ 686 h 948"/>
                <a:gd name="T74" fmla="*/ 818 w 1059"/>
                <a:gd name="T75" fmla="*/ 793 h 948"/>
                <a:gd name="T76" fmla="*/ 810 w 1059"/>
                <a:gd name="T77" fmla="*/ 809 h 948"/>
                <a:gd name="T78" fmla="*/ 559 w 1059"/>
                <a:gd name="T79" fmla="*/ 715 h 948"/>
                <a:gd name="T80" fmla="*/ 575 w 1059"/>
                <a:gd name="T81" fmla="*/ 736 h 948"/>
                <a:gd name="T82" fmla="*/ 698 w 1059"/>
                <a:gd name="T83" fmla="*/ 782 h 948"/>
                <a:gd name="T84" fmla="*/ 690 w 1059"/>
                <a:gd name="T85" fmla="*/ 798 h 948"/>
                <a:gd name="T86" fmla="*/ 599 w 1059"/>
                <a:gd name="T87" fmla="*/ 763 h 948"/>
                <a:gd name="T88" fmla="*/ 636 w 1059"/>
                <a:gd name="T89" fmla="*/ 811 h 948"/>
                <a:gd name="T90" fmla="*/ 858 w 1059"/>
                <a:gd name="T91" fmla="*/ 897 h 948"/>
                <a:gd name="T92" fmla="*/ 839 w 1059"/>
                <a:gd name="T93" fmla="*/ 948 h 948"/>
                <a:gd name="T94" fmla="*/ 700 w 1059"/>
                <a:gd name="T95" fmla="*/ 895 h 948"/>
                <a:gd name="T96" fmla="*/ 839 w 1059"/>
                <a:gd name="T97" fmla="*/ 948 h 948"/>
                <a:gd name="T98" fmla="*/ 1059 w 1059"/>
                <a:gd name="T99" fmla="*/ 375 h 948"/>
                <a:gd name="T100" fmla="*/ 1048 w 1059"/>
                <a:gd name="T101" fmla="*/ 401 h 948"/>
                <a:gd name="T102" fmla="*/ 0 w 1059"/>
                <a:gd name="T103" fmla="*/ 0 h 9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</a:cxnLst>
              <a:rect l="0" t="0" r="r" b="b"/>
              <a:pathLst>
                <a:path w="1059" h="948">
                  <a:moveTo>
                    <a:pt x="821" y="779"/>
                  </a:moveTo>
                  <a:lnTo>
                    <a:pt x="526" y="667"/>
                  </a:lnTo>
                  <a:lnTo>
                    <a:pt x="535" y="648"/>
                  </a:lnTo>
                  <a:lnTo>
                    <a:pt x="829" y="761"/>
                  </a:lnTo>
                  <a:lnTo>
                    <a:pt x="821" y="779"/>
                  </a:lnTo>
                  <a:close/>
                  <a:moveTo>
                    <a:pt x="834" y="750"/>
                  </a:moveTo>
                  <a:lnTo>
                    <a:pt x="537" y="637"/>
                  </a:lnTo>
                  <a:lnTo>
                    <a:pt x="545" y="619"/>
                  </a:lnTo>
                  <a:lnTo>
                    <a:pt x="839" y="731"/>
                  </a:lnTo>
                  <a:lnTo>
                    <a:pt x="834" y="750"/>
                  </a:lnTo>
                  <a:close/>
                  <a:moveTo>
                    <a:pt x="845" y="718"/>
                  </a:moveTo>
                  <a:lnTo>
                    <a:pt x="551" y="605"/>
                  </a:lnTo>
                  <a:lnTo>
                    <a:pt x="585" y="511"/>
                  </a:lnTo>
                  <a:lnTo>
                    <a:pt x="882" y="624"/>
                  </a:lnTo>
                  <a:lnTo>
                    <a:pt x="845" y="718"/>
                  </a:lnTo>
                  <a:close/>
                  <a:moveTo>
                    <a:pt x="711" y="340"/>
                  </a:moveTo>
                  <a:lnTo>
                    <a:pt x="166" y="131"/>
                  </a:lnTo>
                  <a:lnTo>
                    <a:pt x="182" y="88"/>
                  </a:lnTo>
                  <a:lnTo>
                    <a:pt x="727" y="297"/>
                  </a:lnTo>
                  <a:lnTo>
                    <a:pt x="711" y="340"/>
                  </a:lnTo>
                  <a:close/>
                  <a:moveTo>
                    <a:pt x="0" y="0"/>
                  </a:moveTo>
                  <a:lnTo>
                    <a:pt x="96" y="125"/>
                  </a:lnTo>
                  <a:lnTo>
                    <a:pt x="794" y="391"/>
                  </a:lnTo>
                  <a:lnTo>
                    <a:pt x="786" y="410"/>
                  </a:lnTo>
                  <a:lnTo>
                    <a:pt x="120" y="155"/>
                  </a:lnTo>
                  <a:lnTo>
                    <a:pt x="139" y="179"/>
                  </a:lnTo>
                  <a:lnTo>
                    <a:pt x="1005" y="511"/>
                  </a:lnTo>
                  <a:lnTo>
                    <a:pt x="962" y="627"/>
                  </a:lnTo>
                  <a:lnTo>
                    <a:pt x="289" y="369"/>
                  </a:lnTo>
                  <a:lnTo>
                    <a:pt x="321" y="410"/>
                  </a:lnTo>
                  <a:lnTo>
                    <a:pt x="513" y="482"/>
                  </a:lnTo>
                  <a:lnTo>
                    <a:pt x="476" y="578"/>
                  </a:lnTo>
                  <a:lnTo>
                    <a:pt x="441" y="565"/>
                  </a:lnTo>
                  <a:lnTo>
                    <a:pt x="457" y="584"/>
                  </a:lnTo>
                  <a:lnTo>
                    <a:pt x="470" y="589"/>
                  </a:lnTo>
                  <a:lnTo>
                    <a:pt x="468" y="597"/>
                  </a:lnTo>
                  <a:lnTo>
                    <a:pt x="537" y="686"/>
                  </a:lnTo>
                  <a:lnTo>
                    <a:pt x="818" y="793"/>
                  </a:lnTo>
                  <a:lnTo>
                    <a:pt x="810" y="809"/>
                  </a:lnTo>
                  <a:lnTo>
                    <a:pt x="559" y="715"/>
                  </a:lnTo>
                  <a:lnTo>
                    <a:pt x="575" y="736"/>
                  </a:lnTo>
                  <a:lnTo>
                    <a:pt x="698" y="782"/>
                  </a:lnTo>
                  <a:lnTo>
                    <a:pt x="690" y="798"/>
                  </a:lnTo>
                  <a:lnTo>
                    <a:pt x="599" y="763"/>
                  </a:lnTo>
                  <a:lnTo>
                    <a:pt x="636" y="811"/>
                  </a:lnTo>
                  <a:lnTo>
                    <a:pt x="858" y="897"/>
                  </a:lnTo>
                  <a:lnTo>
                    <a:pt x="839" y="948"/>
                  </a:lnTo>
                  <a:lnTo>
                    <a:pt x="700" y="895"/>
                  </a:lnTo>
                  <a:lnTo>
                    <a:pt x="839" y="948"/>
                  </a:lnTo>
                  <a:lnTo>
                    <a:pt x="1059" y="375"/>
                  </a:lnTo>
                  <a:lnTo>
                    <a:pt x="1048" y="40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E5E5E5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7" name="Freeform 84"/>
            <p:cNvSpPr>
              <a:spLocks noEditPoints="1"/>
            </p:cNvSpPr>
            <p:nvPr/>
          </p:nvSpPr>
          <p:spPr bwMode="auto">
            <a:xfrm>
              <a:off x="2928938" y="955676"/>
              <a:ext cx="1681163" cy="1504950"/>
            </a:xfrm>
            <a:custGeom>
              <a:avLst/>
              <a:gdLst>
                <a:gd name="T0" fmla="*/ 821 w 1059"/>
                <a:gd name="T1" fmla="*/ 779 h 948"/>
                <a:gd name="T2" fmla="*/ 526 w 1059"/>
                <a:gd name="T3" fmla="*/ 667 h 948"/>
                <a:gd name="T4" fmla="*/ 535 w 1059"/>
                <a:gd name="T5" fmla="*/ 648 h 948"/>
                <a:gd name="T6" fmla="*/ 829 w 1059"/>
                <a:gd name="T7" fmla="*/ 761 h 948"/>
                <a:gd name="T8" fmla="*/ 821 w 1059"/>
                <a:gd name="T9" fmla="*/ 779 h 948"/>
                <a:gd name="T10" fmla="*/ 834 w 1059"/>
                <a:gd name="T11" fmla="*/ 750 h 948"/>
                <a:gd name="T12" fmla="*/ 537 w 1059"/>
                <a:gd name="T13" fmla="*/ 637 h 948"/>
                <a:gd name="T14" fmla="*/ 545 w 1059"/>
                <a:gd name="T15" fmla="*/ 619 h 948"/>
                <a:gd name="T16" fmla="*/ 839 w 1059"/>
                <a:gd name="T17" fmla="*/ 731 h 948"/>
                <a:gd name="T18" fmla="*/ 834 w 1059"/>
                <a:gd name="T19" fmla="*/ 750 h 948"/>
                <a:gd name="T20" fmla="*/ 845 w 1059"/>
                <a:gd name="T21" fmla="*/ 718 h 948"/>
                <a:gd name="T22" fmla="*/ 551 w 1059"/>
                <a:gd name="T23" fmla="*/ 605 h 948"/>
                <a:gd name="T24" fmla="*/ 585 w 1059"/>
                <a:gd name="T25" fmla="*/ 511 h 948"/>
                <a:gd name="T26" fmla="*/ 882 w 1059"/>
                <a:gd name="T27" fmla="*/ 624 h 948"/>
                <a:gd name="T28" fmla="*/ 845 w 1059"/>
                <a:gd name="T29" fmla="*/ 718 h 948"/>
                <a:gd name="T30" fmla="*/ 711 w 1059"/>
                <a:gd name="T31" fmla="*/ 340 h 948"/>
                <a:gd name="T32" fmla="*/ 166 w 1059"/>
                <a:gd name="T33" fmla="*/ 131 h 948"/>
                <a:gd name="T34" fmla="*/ 182 w 1059"/>
                <a:gd name="T35" fmla="*/ 88 h 948"/>
                <a:gd name="T36" fmla="*/ 727 w 1059"/>
                <a:gd name="T37" fmla="*/ 297 h 948"/>
                <a:gd name="T38" fmla="*/ 711 w 1059"/>
                <a:gd name="T39" fmla="*/ 340 h 948"/>
                <a:gd name="T40" fmla="*/ 0 w 1059"/>
                <a:gd name="T41" fmla="*/ 0 h 948"/>
                <a:gd name="T42" fmla="*/ 96 w 1059"/>
                <a:gd name="T43" fmla="*/ 125 h 948"/>
                <a:gd name="T44" fmla="*/ 794 w 1059"/>
                <a:gd name="T45" fmla="*/ 391 h 948"/>
                <a:gd name="T46" fmla="*/ 786 w 1059"/>
                <a:gd name="T47" fmla="*/ 410 h 948"/>
                <a:gd name="T48" fmla="*/ 120 w 1059"/>
                <a:gd name="T49" fmla="*/ 155 h 948"/>
                <a:gd name="T50" fmla="*/ 139 w 1059"/>
                <a:gd name="T51" fmla="*/ 179 h 948"/>
                <a:gd name="T52" fmla="*/ 1005 w 1059"/>
                <a:gd name="T53" fmla="*/ 511 h 948"/>
                <a:gd name="T54" fmla="*/ 962 w 1059"/>
                <a:gd name="T55" fmla="*/ 627 h 948"/>
                <a:gd name="T56" fmla="*/ 289 w 1059"/>
                <a:gd name="T57" fmla="*/ 369 h 948"/>
                <a:gd name="T58" fmla="*/ 321 w 1059"/>
                <a:gd name="T59" fmla="*/ 410 h 948"/>
                <a:gd name="T60" fmla="*/ 513 w 1059"/>
                <a:gd name="T61" fmla="*/ 482 h 948"/>
                <a:gd name="T62" fmla="*/ 476 w 1059"/>
                <a:gd name="T63" fmla="*/ 578 h 948"/>
                <a:gd name="T64" fmla="*/ 441 w 1059"/>
                <a:gd name="T65" fmla="*/ 565 h 948"/>
                <a:gd name="T66" fmla="*/ 457 w 1059"/>
                <a:gd name="T67" fmla="*/ 584 h 948"/>
                <a:gd name="T68" fmla="*/ 470 w 1059"/>
                <a:gd name="T69" fmla="*/ 589 h 948"/>
                <a:gd name="T70" fmla="*/ 468 w 1059"/>
                <a:gd name="T71" fmla="*/ 597 h 948"/>
                <a:gd name="T72" fmla="*/ 537 w 1059"/>
                <a:gd name="T73" fmla="*/ 686 h 948"/>
                <a:gd name="T74" fmla="*/ 818 w 1059"/>
                <a:gd name="T75" fmla="*/ 793 h 948"/>
                <a:gd name="T76" fmla="*/ 810 w 1059"/>
                <a:gd name="T77" fmla="*/ 809 h 948"/>
                <a:gd name="T78" fmla="*/ 559 w 1059"/>
                <a:gd name="T79" fmla="*/ 715 h 948"/>
                <a:gd name="T80" fmla="*/ 575 w 1059"/>
                <a:gd name="T81" fmla="*/ 736 h 948"/>
                <a:gd name="T82" fmla="*/ 698 w 1059"/>
                <a:gd name="T83" fmla="*/ 782 h 948"/>
                <a:gd name="T84" fmla="*/ 690 w 1059"/>
                <a:gd name="T85" fmla="*/ 798 h 948"/>
                <a:gd name="T86" fmla="*/ 599 w 1059"/>
                <a:gd name="T87" fmla="*/ 763 h 948"/>
                <a:gd name="T88" fmla="*/ 636 w 1059"/>
                <a:gd name="T89" fmla="*/ 811 h 948"/>
                <a:gd name="T90" fmla="*/ 858 w 1059"/>
                <a:gd name="T91" fmla="*/ 897 h 948"/>
                <a:gd name="T92" fmla="*/ 839 w 1059"/>
                <a:gd name="T93" fmla="*/ 948 h 948"/>
                <a:gd name="T94" fmla="*/ 700 w 1059"/>
                <a:gd name="T95" fmla="*/ 895 h 948"/>
                <a:gd name="T96" fmla="*/ 839 w 1059"/>
                <a:gd name="T97" fmla="*/ 948 h 948"/>
                <a:gd name="T98" fmla="*/ 1059 w 1059"/>
                <a:gd name="T99" fmla="*/ 375 h 948"/>
                <a:gd name="T100" fmla="*/ 1048 w 1059"/>
                <a:gd name="T101" fmla="*/ 401 h 948"/>
                <a:gd name="T102" fmla="*/ 0 w 1059"/>
                <a:gd name="T103" fmla="*/ 0 h 9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</a:cxnLst>
              <a:rect l="0" t="0" r="r" b="b"/>
              <a:pathLst>
                <a:path w="1059" h="948">
                  <a:moveTo>
                    <a:pt x="821" y="779"/>
                  </a:moveTo>
                  <a:lnTo>
                    <a:pt x="526" y="667"/>
                  </a:lnTo>
                  <a:lnTo>
                    <a:pt x="535" y="648"/>
                  </a:lnTo>
                  <a:lnTo>
                    <a:pt x="829" y="761"/>
                  </a:lnTo>
                  <a:lnTo>
                    <a:pt x="821" y="779"/>
                  </a:lnTo>
                  <a:moveTo>
                    <a:pt x="834" y="750"/>
                  </a:moveTo>
                  <a:lnTo>
                    <a:pt x="537" y="637"/>
                  </a:lnTo>
                  <a:lnTo>
                    <a:pt x="545" y="619"/>
                  </a:lnTo>
                  <a:lnTo>
                    <a:pt x="839" y="731"/>
                  </a:lnTo>
                  <a:lnTo>
                    <a:pt x="834" y="750"/>
                  </a:lnTo>
                  <a:moveTo>
                    <a:pt x="845" y="718"/>
                  </a:moveTo>
                  <a:lnTo>
                    <a:pt x="551" y="605"/>
                  </a:lnTo>
                  <a:lnTo>
                    <a:pt x="585" y="511"/>
                  </a:lnTo>
                  <a:lnTo>
                    <a:pt x="882" y="624"/>
                  </a:lnTo>
                  <a:lnTo>
                    <a:pt x="845" y="718"/>
                  </a:lnTo>
                  <a:moveTo>
                    <a:pt x="711" y="340"/>
                  </a:moveTo>
                  <a:lnTo>
                    <a:pt x="166" y="131"/>
                  </a:lnTo>
                  <a:lnTo>
                    <a:pt x="182" y="88"/>
                  </a:lnTo>
                  <a:lnTo>
                    <a:pt x="727" y="297"/>
                  </a:lnTo>
                  <a:lnTo>
                    <a:pt x="711" y="340"/>
                  </a:lnTo>
                  <a:moveTo>
                    <a:pt x="0" y="0"/>
                  </a:moveTo>
                  <a:lnTo>
                    <a:pt x="96" y="125"/>
                  </a:lnTo>
                  <a:lnTo>
                    <a:pt x="794" y="391"/>
                  </a:lnTo>
                  <a:lnTo>
                    <a:pt x="786" y="410"/>
                  </a:lnTo>
                  <a:lnTo>
                    <a:pt x="120" y="155"/>
                  </a:lnTo>
                  <a:lnTo>
                    <a:pt x="139" y="179"/>
                  </a:lnTo>
                  <a:lnTo>
                    <a:pt x="1005" y="511"/>
                  </a:lnTo>
                  <a:lnTo>
                    <a:pt x="962" y="627"/>
                  </a:lnTo>
                  <a:lnTo>
                    <a:pt x="289" y="369"/>
                  </a:lnTo>
                  <a:lnTo>
                    <a:pt x="321" y="410"/>
                  </a:lnTo>
                  <a:lnTo>
                    <a:pt x="513" y="482"/>
                  </a:lnTo>
                  <a:lnTo>
                    <a:pt x="476" y="578"/>
                  </a:lnTo>
                  <a:lnTo>
                    <a:pt x="441" y="565"/>
                  </a:lnTo>
                  <a:lnTo>
                    <a:pt x="457" y="584"/>
                  </a:lnTo>
                  <a:lnTo>
                    <a:pt x="470" y="589"/>
                  </a:lnTo>
                  <a:lnTo>
                    <a:pt x="468" y="597"/>
                  </a:lnTo>
                  <a:lnTo>
                    <a:pt x="537" y="686"/>
                  </a:lnTo>
                  <a:lnTo>
                    <a:pt x="818" y="793"/>
                  </a:lnTo>
                  <a:lnTo>
                    <a:pt x="810" y="809"/>
                  </a:lnTo>
                  <a:lnTo>
                    <a:pt x="559" y="715"/>
                  </a:lnTo>
                  <a:lnTo>
                    <a:pt x="575" y="736"/>
                  </a:lnTo>
                  <a:lnTo>
                    <a:pt x="698" y="782"/>
                  </a:lnTo>
                  <a:lnTo>
                    <a:pt x="690" y="798"/>
                  </a:lnTo>
                  <a:lnTo>
                    <a:pt x="599" y="763"/>
                  </a:lnTo>
                  <a:lnTo>
                    <a:pt x="636" y="811"/>
                  </a:lnTo>
                  <a:lnTo>
                    <a:pt x="858" y="897"/>
                  </a:lnTo>
                  <a:lnTo>
                    <a:pt x="839" y="948"/>
                  </a:lnTo>
                  <a:lnTo>
                    <a:pt x="700" y="895"/>
                  </a:lnTo>
                  <a:lnTo>
                    <a:pt x="839" y="948"/>
                  </a:lnTo>
                  <a:lnTo>
                    <a:pt x="1059" y="375"/>
                  </a:lnTo>
                  <a:lnTo>
                    <a:pt x="1048" y="401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8" name="Freeform 85"/>
            <p:cNvSpPr/>
            <p:nvPr/>
          </p:nvSpPr>
          <p:spPr bwMode="auto">
            <a:xfrm>
              <a:off x="2868613" y="882651"/>
              <a:ext cx="1741488" cy="709613"/>
            </a:xfrm>
            <a:custGeom>
              <a:avLst/>
              <a:gdLst>
                <a:gd name="T0" fmla="*/ 0 w 1097"/>
                <a:gd name="T1" fmla="*/ 0 h 447"/>
                <a:gd name="T2" fmla="*/ 38 w 1097"/>
                <a:gd name="T3" fmla="*/ 46 h 447"/>
                <a:gd name="T4" fmla="*/ 1086 w 1097"/>
                <a:gd name="T5" fmla="*/ 447 h 447"/>
                <a:gd name="T6" fmla="*/ 1097 w 1097"/>
                <a:gd name="T7" fmla="*/ 421 h 447"/>
                <a:gd name="T8" fmla="*/ 0 w 1097"/>
                <a:gd name="T9" fmla="*/ 0 h 4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97" h="447">
                  <a:moveTo>
                    <a:pt x="0" y="0"/>
                  </a:moveTo>
                  <a:lnTo>
                    <a:pt x="38" y="46"/>
                  </a:lnTo>
                  <a:lnTo>
                    <a:pt x="1086" y="447"/>
                  </a:lnTo>
                  <a:lnTo>
                    <a:pt x="1097" y="421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89" name="Freeform 86"/>
            <p:cNvSpPr/>
            <p:nvPr/>
          </p:nvSpPr>
          <p:spPr bwMode="auto">
            <a:xfrm>
              <a:off x="2868613" y="882651"/>
              <a:ext cx="1741488" cy="709613"/>
            </a:xfrm>
            <a:custGeom>
              <a:avLst/>
              <a:gdLst>
                <a:gd name="T0" fmla="*/ 0 w 1097"/>
                <a:gd name="T1" fmla="*/ 0 h 447"/>
                <a:gd name="T2" fmla="*/ 38 w 1097"/>
                <a:gd name="T3" fmla="*/ 46 h 447"/>
                <a:gd name="T4" fmla="*/ 1086 w 1097"/>
                <a:gd name="T5" fmla="*/ 447 h 447"/>
                <a:gd name="T6" fmla="*/ 1097 w 1097"/>
                <a:gd name="T7" fmla="*/ 421 h 447"/>
                <a:gd name="T8" fmla="*/ 0 w 1097"/>
                <a:gd name="T9" fmla="*/ 0 h 4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97" h="447">
                  <a:moveTo>
                    <a:pt x="0" y="0"/>
                  </a:moveTo>
                  <a:lnTo>
                    <a:pt x="38" y="46"/>
                  </a:lnTo>
                  <a:lnTo>
                    <a:pt x="1086" y="447"/>
                  </a:lnTo>
                  <a:lnTo>
                    <a:pt x="1097" y="421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0" name="Freeform 87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16 w 561"/>
                <a:gd name="T1" fmla="*/ 0 h 252"/>
                <a:gd name="T2" fmla="*/ 0 w 561"/>
                <a:gd name="T3" fmla="*/ 43 h 252"/>
                <a:gd name="T4" fmla="*/ 545 w 561"/>
                <a:gd name="T5" fmla="*/ 252 h 252"/>
                <a:gd name="T6" fmla="*/ 561 w 561"/>
                <a:gd name="T7" fmla="*/ 209 h 252"/>
                <a:gd name="T8" fmla="*/ 16 w 561"/>
                <a:gd name="T9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16" y="0"/>
                  </a:moveTo>
                  <a:lnTo>
                    <a:pt x="0" y="43"/>
                  </a:ln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  <a:close/>
                </a:path>
              </a:pathLst>
            </a:custGeom>
            <a:solidFill>
              <a:srgbClr val="9AC25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1" name="Freeform 88"/>
            <p:cNvSpPr/>
            <p:nvPr/>
          </p:nvSpPr>
          <p:spPr bwMode="auto">
            <a:xfrm>
              <a:off x="3192463" y="1095376"/>
              <a:ext cx="890588" cy="400050"/>
            </a:xfrm>
            <a:custGeom>
              <a:avLst/>
              <a:gdLst>
                <a:gd name="T0" fmla="*/ 16 w 561"/>
                <a:gd name="T1" fmla="*/ 0 h 252"/>
                <a:gd name="T2" fmla="*/ 0 w 561"/>
                <a:gd name="T3" fmla="*/ 43 h 252"/>
                <a:gd name="T4" fmla="*/ 545 w 561"/>
                <a:gd name="T5" fmla="*/ 252 h 252"/>
                <a:gd name="T6" fmla="*/ 561 w 561"/>
                <a:gd name="T7" fmla="*/ 209 h 252"/>
                <a:gd name="T8" fmla="*/ 16 w 561"/>
                <a:gd name="T9" fmla="*/ 0 h 25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61" h="252">
                  <a:moveTo>
                    <a:pt x="16" y="0"/>
                  </a:moveTo>
                  <a:lnTo>
                    <a:pt x="0" y="43"/>
                  </a:lnTo>
                  <a:lnTo>
                    <a:pt x="545" y="252"/>
                  </a:lnTo>
                  <a:lnTo>
                    <a:pt x="561" y="209"/>
                  </a:lnTo>
                  <a:lnTo>
                    <a:pt x="16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2" name="Freeform 89"/>
            <p:cNvSpPr/>
            <p:nvPr/>
          </p:nvSpPr>
          <p:spPr bwMode="auto">
            <a:xfrm>
              <a:off x="3149600" y="1239838"/>
              <a:ext cx="1374775" cy="711200"/>
            </a:xfrm>
            <a:custGeom>
              <a:avLst/>
              <a:gdLst>
                <a:gd name="T0" fmla="*/ 0 w 866"/>
                <a:gd name="T1" fmla="*/ 0 h 448"/>
                <a:gd name="T2" fmla="*/ 150 w 866"/>
                <a:gd name="T3" fmla="*/ 190 h 448"/>
                <a:gd name="T4" fmla="*/ 823 w 866"/>
                <a:gd name="T5" fmla="*/ 448 h 448"/>
                <a:gd name="T6" fmla="*/ 866 w 866"/>
                <a:gd name="T7" fmla="*/ 332 h 448"/>
                <a:gd name="T8" fmla="*/ 0 w 866"/>
                <a:gd name="T9" fmla="*/ 0 h 4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66" h="448">
                  <a:moveTo>
                    <a:pt x="0" y="0"/>
                  </a:moveTo>
                  <a:lnTo>
                    <a:pt x="150" y="190"/>
                  </a:lnTo>
                  <a:lnTo>
                    <a:pt x="823" y="448"/>
                  </a:lnTo>
                  <a:lnTo>
                    <a:pt x="866" y="33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4F86B6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3" name="Freeform 90"/>
            <p:cNvSpPr/>
            <p:nvPr/>
          </p:nvSpPr>
          <p:spPr bwMode="auto">
            <a:xfrm>
              <a:off x="3149600" y="1239838"/>
              <a:ext cx="1374775" cy="711200"/>
            </a:xfrm>
            <a:custGeom>
              <a:avLst/>
              <a:gdLst>
                <a:gd name="T0" fmla="*/ 0 w 866"/>
                <a:gd name="T1" fmla="*/ 0 h 448"/>
                <a:gd name="T2" fmla="*/ 150 w 866"/>
                <a:gd name="T3" fmla="*/ 190 h 448"/>
                <a:gd name="T4" fmla="*/ 823 w 866"/>
                <a:gd name="T5" fmla="*/ 448 h 448"/>
                <a:gd name="T6" fmla="*/ 866 w 866"/>
                <a:gd name="T7" fmla="*/ 332 h 448"/>
                <a:gd name="T8" fmla="*/ 0 w 866"/>
                <a:gd name="T9" fmla="*/ 0 h 4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66" h="448">
                  <a:moveTo>
                    <a:pt x="0" y="0"/>
                  </a:moveTo>
                  <a:lnTo>
                    <a:pt x="150" y="190"/>
                  </a:lnTo>
                  <a:lnTo>
                    <a:pt x="823" y="448"/>
                  </a:lnTo>
                  <a:lnTo>
                    <a:pt x="866" y="332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4" name="Freeform 91"/>
            <p:cNvSpPr/>
            <p:nvPr/>
          </p:nvSpPr>
          <p:spPr bwMode="auto">
            <a:xfrm>
              <a:off x="3081338" y="1154113"/>
              <a:ext cx="1108075" cy="452438"/>
            </a:xfrm>
            <a:custGeom>
              <a:avLst/>
              <a:gdLst>
                <a:gd name="T0" fmla="*/ 0 w 698"/>
                <a:gd name="T1" fmla="*/ 0 h 285"/>
                <a:gd name="T2" fmla="*/ 24 w 698"/>
                <a:gd name="T3" fmla="*/ 30 h 285"/>
                <a:gd name="T4" fmla="*/ 690 w 698"/>
                <a:gd name="T5" fmla="*/ 285 h 285"/>
                <a:gd name="T6" fmla="*/ 698 w 698"/>
                <a:gd name="T7" fmla="*/ 266 h 285"/>
                <a:gd name="T8" fmla="*/ 0 w 698"/>
                <a:gd name="T9" fmla="*/ 0 h 2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8" h="285">
                  <a:moveTo>
                    <a:pt x="0" y="0"/>
                  </a:moveTo>
                  <a:lnTo>
                    <a:pt x="24" y="30"/>
                  </a:lnTo>
                  <a:lnTo>
                    <a:pt x="690" y="285"/>
                  </a:lnTo>
                  <a:lnTo>
                    <a:pt x="698" y="26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5" name="Freeform 92"/>
            <p:cNvSpPr/>
            <p:nvPr/>
          </p:nvSpPr>
          <p:spPr bwMode="auto">
            <a:xfrm>
              <a:off x="3081338" y="1154113"/>
              <a:ext cx="1108075" cy="452438"/>
            </a:xfrm>
            <a:custGeom>
              <a:avLst/>
              <a:gdLst>
                <a:gd name="T0" fmla="*/ 0 w 698"/>
                <a:gd name="T1" fmla="*/ 0 h 285"/>
                <a:gd name="T2" fmla="*/ 24 w 698"/>
                <a:gd name="T3" fmla="*/ 30 h 285"/>
                <a:gd name="T4" fmla="*/ 690 w 698"/>
                <a:gd name="T5" fmla="*/ 285 h 285"/>
                <a:gd name="T6" fmla="*/ 698 w 698"/>
                <a:gd name="T7" fmla="*/ 266 h 285"/>
                <a:gd name="T8" fmla="*/ 0 w 698"/>
                <a:gd name="T9" fmla="*/ 0 h 28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8" h="285">
                  <a:moveTo>
                    <a:pt x="0" y="0"/>
                  </a:moveTo>
                  <a:lnTo>
                    <a:pt x="24" y="30"/>
                  </a:lnTo>
                  <a:lnTo>
                    <a:pt x="690" y="285"/>
                  </a:lnTo>
                  <a:lnTo>
                    <a:pt x="698" y="26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6" name="Freeform 93"/>
            <p:cNvSpPr/>
            <p:nvPr/>
          </p:nvSpPr>
          <p:spPr bwMode="auto">
            <a:xfrm>
              <a:off x="3438525" y="1606551"/>
              <a:ext cx="304800" cy="266700"/>
            </a:xfrm>
            <a:custGeom>
              <a:avLst/>
              <a:gdLst>
                <a:gd name="T0" fmla="*/ 0 w 192"/>
                <a:gd name="T1" fmla="*/ 0 h 168"/>
                <a:gd name="T2" fmla="*/ 120 w 192"/>
                <a:gd name="T3" fmla="*/ 155 h 168"/>
                <a:gd name="T4" fmla="*/ 155 w 192"/>
                <a:gd name="T5" fmla="*/ 168 h 168"/>
                <a:gd name="T6" fmla="*/ 192 w 192"/>
                <a:gd name="T7" fmla="*/ 72 h 168"/>
                <a:gd name="T8" fmla="*/ 0 w 192"/>
                <a:gd name="T9" fmla="*/ 0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2" h="168">
                  <a:moveTo>
                    <a:pt x="0" y="0"/>
                  </a:moveTo>
                  <a:lnTo>
                    <a:pt x="120" y="155"/>
                  </a:lnTo>
                  <a:lnTo>
                    <a:pt x="155" y="168"/>
                  </a:lnTo>
                  <a:lnTo>
                    <a:pt x="192" y="72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E54232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7" name="Freeform 94"/>
            <p:cNvSpPr/>
            <p:nvPr/>
          </p:nvSpPr>
          <p:spPr bwMode="auto">
            <a:xfrm>
              <a:off x="3438525" y="1606551"/>
              <a:ext cx="304800" cy="266700"/>
            </a:xfrm>
            <a:custGeom>
              <a:avLst/>
              <a:gdLst>
                <a:gd name="T0" fmla="*/ 0 w 192"/>
                <a:gd name="T1" fmla="*/ 0 h 168"/>
                <a:gd name="T2" fmla="*/ 120 w 192"/>
                <a:gd name="T3" fmla="*/ 155 h 168"/>
                <a:gd name="T4" fmla="*/ 155 w 192"/>
                <a:gd name="T5" fmla="*/ 168 h 168"/>
                <a:gd name="T6" fmla="*/ 192 w 192"/>
                <a:gd name="T7" fmla="*/ 72 h 168"/>
                <a:gd name="T8" fmla="*/ 0 w 192"/>
                <a:gd name="T9" fmla="*/ 0 h 16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92" h="168">
                  <a:moveTo>
                    <a:pt x="0" y="0"/>
                  </a:moveTo>
                  <a:lnTo>
                    <a:pt x="120" y="155"/>
                  </a:lnTo>
                  <a:lnTo>
                    <a:pt x="155" y="168"/>
                  </a:lnTo>
                  <a:lnTo>
                    <a:pt x="192" y="72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8" name="Freeform 95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34 w 331"/>
                <a:gd name="T1" fmla="*/ 0 h 207"/>
                <a:gd name="T2" fmla="*/ 0 w 331"/>
                <a:gd name="T3" fmla="*/ 94 h 207"/>
                <a:gd name="T4" fmla="*/ 294 w 331"/>
                <a:gd name="T5" fmla="*/ 207 h 207"/>
                <a:gd name="T6" fmla="*/ 331 w 331"/>
                <a:gd name="T7" fmla="*/ 113 h 207"/>
                <a:gd name="T8" fmla="*/ 34 w 331"/>
                <a:gd name="T9" fmla="*/ 0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34" y="0"/>
                  </a:moveTo>
                  <a:lnTo>
                    <a:pt x="0" y="94"/>
                  </a:ln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  <a:close/>
                </a:path>
              </a:pathLst>
            </a:custGeom>
            <a:solidFill>
              <a:srgbClr val="85A648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99" name="Freeform 96"/>
            <p:cNvSpPr/>
            <p:nvPr/>
          </p:nvSpPr>
          <p:spPr bwMode="auto">
            <a:xfrm>
              <a:off x="3803650" y="1766888"/>
              <a:ext cx="525463" cy="328613"/>
            </a:xfrm>
            <a:custGeom>
              <a:avLst/>
              <a:gdLst>
                <a:gd name="T0" fmla="*/ 34 w 331"/>
                <a:gd name="T1" fmla="*/ 0 h 207"/>
                <a:gd name="T2" fmla="*/ 0 w 331"/>
                <a:gd name="T3" fmla="*/ 94 h 207"/>
                <a:gd name="T4" fmla="*/ 294 w 331"/>
                <a:gd name="T5" fmla="*/ 207 h 207"/>
                <a:gd name="T6" fmla="*/ 331 w 331"/>
                <a:gd name="T7" fmla="*/ 113 h 207"/>
                <a:gd name="T8" fmla="*/ 34 w 331"/>
                <a:gd name="T9" fmla="*/ 0 h 20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31" h="207">
                  <a:moveTo>
                    <a:pt x="34" y="0"/>
                  </a:moveTo>
                  <a:lnTo>
                    <a:pt x="0" y="94"/>
                  </a:lnTo>
                  <a:lnTo>
                    <a:pt x="294" y="207"/>
                  </a:lnTo>
                  <a:lnTo>
                    <a:pt x="331" y="113"/>
                  </a:lnTo>
                  <a:lnTo>
                    <a:pt x="34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0" name="Freeform 97"/>
            <p:cNvSpPr/>
            <p:nvPr/>
          </p:nvSpPr>
          <p:spPr bwMode="auto">
            <a:xfrm>
              <a:off x="3938588" y="2243138"/>
              <a:ext cx="352425" cy="217488"/>
            </a:xfrm>
            <a:custGeom>
              <a:avLst/>
              <a:gdLst>
                <a:gd name="T0" fmla="*/ 0 w 222"/>
                <a:gd name="T1" fmla="*/ 0 h 137"/>
                <a:gd name="T2" fmla="*/ 64 w 222"/>
                <a:gd name="T3" fmla="*/ 84 h 137"/>
                <a:gd name="T4" fmla="*/ 203 w 222"/>
                <a:gd name="T5" fmla="*/ 137 h 137"/>
                <a:gd name="T6" fmla="*/ 222 w 222"/>
                <a:gd name="T7" fmla="*/ 86 h 137"/>
                <a:gd name="T8" fmla="*/ 0 w 222"/>
                <a:gd name="T9" fmla="*/ 0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2" h="137">
                  <a:moveTo>
                    <a:pt x="0" y="0"/>
                  </a:moveTo>
                  <a:lnTo>
                    <a:pt x="64" y="84"/>
                  </a:lnTo>
                  <a:lnTo>
                    <a:pt x="203" y="137"/>
                  </a:lnTo>
                  <a:lnTo>
                    <a:pt x="222" y="8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1" name="Freeform 98"/>
            <p:cNvSpPr/>
            <p:nvPr/>
          </p:nvSpPr>
          <p:spPr bwMode="auto">
            <a:xfrm>
              <a:off x="3938588" y="2243138"/>
              <a:ext cx="352425" cy="217488"/>
            </a:xfrm>
            <a:custGeom>
              <a:avLst/>
              <a:gdLst>
                <a:gd name="T0" fmla="*/ 0 w 222"/>
                <a:gd name="T1" fmla="*/ 0 h 137"/>
                <a:gd name="T2" fmla="*/ 64 w 222"/>
                <a:gd name="T3" fmla="*/ 84 h 137"/>
                <a:gd name="T4" fmla="*/ 203 w 222"/>
                <a:gd name="T5" fmla="*/ 137 h 137"/>
                <a:gd name="T6" fmla="*/ 222 w 222"/>
                <a:gd name="T7" fmla="*/ 86 h 137"/>
                <a:gd name="T8" fmla="*/ 0 w 222"/>
                <a:gd name="T9" fmla="*/ 0 h 1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2" h="137">
                  <a:moveTo>
                    <a:pt x="0" y="0"/>
                  </a:moveTo>
                  <a:lnTo>
                    <a:pt x="64" y="84"/>
                  </a:lnTo>
                  <a:lnTo>
                    <a:pt x="203" y="137"/>
                  </a:lnTo>
                  <a:lnTo>
                    <a:pt x="222" y="8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2" name="Freeform 99"/>
            <p:cNvSpPr/>
            <p:nvPr/>
          </p:nvSpPr>
          <p:spPr bwMode="auto">
            <a:xfrm>
              <a:off x="3654425" y="1882776"/>
              <a:ext cx="20638" cy="20638"/>
            </a:xfrm>
            <a:custGeom>
              <a:avLst/>
              <a:gdLst>
                <a:gd name="T0" fmla="*/ 0 w 13"/>
                <a:gd name="T1" fmla="*/ 0 h 13"/>
                <a:gd name="T2" fmla="*/ 11 w 13"/>
                <a:gd name="T3" fmla="*/ 13 h 13"/>
                <a:gd name="T4" fmla="*/ 13 w 13"/>
                <a:gd name="T5" fmla="*/ 5 h 13"/>
                <a:gd name="T6" fmla="*/ 0 w 13"/>
                <a:gd name="T7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3">
                  <a:moveTo>
                    <a:pt x="0" y="0"/>
                  </a:moveTo>
                  <a:lnTo>
                    <a:pt x="11" y="13"/>
                  </a:lnTo>
                  <a:lnTo>
                    <a:pt x="13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3" name="Freeform 100"/>
            <p:cNvSpPr/>
            <p:nvPr/>
          </p:nvSpPr>
          <p:spPr bwMode="auto">
            <a:xfrm>
              <a:off x="3654425" y="1882776"/>
              <a:ext cx="20638" cy="20638"/>
            </a:xfrm>
            <a:custGeom>
              <a:avLst/>
              <a:gdLst>
                <a:gd name="T0" fmla="*/ 0 w 13"/>
                <a:gd name="T1" fmla="*/ 0 h 13"/>
                <a:gd name="T2" fmla="*/ 11 w 13"/>
                <a:gd name="T3" fmla="*/ 13 h 13"/>
                <a:gd name="T4" fmla="*/ 13 w 13"/>
                <a:gd name="T5" fmla="*/ 5 h 13"/>
                <a:gd name="T6" fmla="*/ 0 w 13"/>
                <a:gd name="T7" fmla="*/ 0 h 1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3">
                  <a:moveTo>
                    <a:pt x="0" y="0"/>
                  </a:moveTo>
                  <a:lnTo>
                    <a:pt x="11" y="13"/>
                  </a:lnTo>
                  <a:lnTo>
                    <a:pt x="13" y="5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4" name="Freeform 101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8 w 302"/>
                <a:gd name="T1" fmla="*/ 0 h 131"/>
                <a:gd name="T2" fmla="*/ 0 w 302"/>
                <a:gd name="T3" fmla="*/ 18 h 131"/>
                <a:gd name="T4" fmla="*/ 297 w 302"/>
                <a:gd name="T5" fmla="*/ 131 h 131"/>
                <a:gd name="T6" fmla="*/ 302 w 302"/>
                <a:gd name="T7" fmla="*/ 112 h 131"/>
                <a:gd name="T8" fmla="*/ 8 w 302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8" y="0"/>
                  </a:moveTo>
                  <a:lnTo>
                    <a:pt x="0" y="18"/>
                  </a:ln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5" name="Freeform 102"/>
            <p:cNvSpPr/>
            <p:nvPr/>
          </p:nvSpPr>
          <p:spPr bwMode="auto">
            <a:xfrm>
              <a:off x="3781425" y="1938338"/>
              <a:ext cx="479425" cy="207963"/>
            </a:xfrm>
            <a:custGeom>
              <a:avLst/>
              <a:gdLst>
                <a:gd name="T0" fmla="*/ 8 w 302"/>
                <a:gd name="T1" fmla="*/ 0 h 131"/>
                <a:gd name="T2" fmla="*/ 0 w 302"/>
                <a:gd name="T3" fmla="*/ 18 h 131"/>
                <a:gd name="T4" fmla="*/ 297 w 302"/>
                <a:gd name="T5" fmla="*/ 131 h 131"/>
                <a:gd name="T6" fmla="*/ 302 w 302"/>
                <a:gd name="T7" fmla="*/ 112 h 131"/>
                <a:gd name="T8" fmla="*/ 8 w 302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2" h="131">
                  <a:moveTo>
                    <a:pt x="8" y="0"/>
                  </a:moveTo>
                  <a:lnTo>
                    <a:pt x="0" y="18"/>
                  </a:lnTo>
                  <a:lnTo>
                    <a:pt x="297" y="131"/>
                  </a:lnTo>
                  <a:lnTo>
                    <a:pt x="302" y="112"/>
                  </a:lnTo>
                  <a:lnTo>
                    <a:pt x="8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6" name="Freeform 103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9 w 303"/>
                <a:gd name="T1" fmla="*/ 0 h 131"/>
                <a:gd name="T2" fmla="*/ 0 w 303"/>
                <a:gd name="T3" fmla="*/ 19 h 131"/>
                <a:gd name="T4" fmla="*/ 295 w 303"/>
                <a:gd name="T5" fmla="*/ 131 h 131"/>
                <a:gd name="T6" fmla="*/ 303 w 303"/>
                <a:gd name="T7" fmla="*/ 113 h 131"/>
                <a:gd name="T8" fmla="*/ 9 w 303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9" y="0"/>
                  </a:moveTo>
                  <a:lnTo>
                    <a:pt x="0" y="19"/>
                  </a:ln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7" name="Freeform 104"/>
            <p:cNvSpPr/>
            <p:nvPr/>
          </p:nvSpPr>
          <p:spPr bwMode="auto">
            <a:xfrm>
              <a:off x="3763963" y="1984376"/>
              <a:ext cx="481013" cy="207963"/>
            </a:xfrm>
            <a:custGeom>
              <a:avLst/>
              <a:gdLst>
                <a:gd name="T0" fmla="*/ 9 w 303"/>
                <a:gd name="T1" fmla="*/ 0 h 131"/>
                <a:gd name="T2" fmla="*/ 0 w 303"/>
                <a:gd name="T3" fmla="*/ 19 h 131"/>
                <a:gd name="T4" fmla="*/ 295 w 303"/>
                <a:gd name="T5" fmla="*/ 131 h 131"/>
                <a:gd name="T6" fmla="*/ 303 w 303"/>
                <a:gd name="T7" fmla="*/ 113 h 131"/>
                <a:gd name="T8" fmla="*/ 9 w 303"/>
                <a:gd name="T9" fmla="*/ 0 h 13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3" h="131">
                  <a:moveTo>
                    <a:pt x="9" y="0"/>
                  </a:moveTo>
                  <a:lnTo>
                    <a:pt x="0" y="19"/>
                  </a:lnTo>
                  <a:lnTo>
                    <a:pt x="295" y="131"/>
                  </a:lnTo>
                  <a:lnTo>
                    <a:pt x="303" y="113"/>
                  </a:lnTo>
                  <a:lnTo>
                    <a:pt x="9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8" name="Freeform 105"/>
            <p:cNvSpPr/>
            <p:nvPr/>
          </p:nvSpPr>
          <p:spPr bwMode="auto">
            <a:xfrm>
              <a:off x="3781425" y="2044701"/>
              <a:ext cx="446088" cy="195263"/>
            </a:xfrm>
            <a:custGeom>
              <a:avLst/>
              <a:gdLst>
                <a:gd name="T0" fmla="*/ 0 w 281"/>
                <a:gd name="T1" fmla="*/ 0 h 123"/>
                <a:gd name="T2" fmla="*/ 22 w 281"/>
                <a:gd name="T3" fmla="*/ 29 h 123"/>
                <a:gd name="T4" fmla="*/ 273 w 281"/>
                <a:gd name="T5" fmla="*/ 123 h 123"/>
                <a:gd name="T6" fmla="*/ 281 w 281"/>
                <a:gd name="T7" fmla="*/ 107 h 123"/>
                <a:gd name="T8" fmla="*/ 0 w 281"/>
                <a:gd name="T9" fmla="*/ 0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1" h="123">
                  <a:moveTo>
                    <a:pt x="0" y="0"/>
                  </a:moveTo>
                  <a:lnTo>
                    <a:pt x="22" y="29"/>
                  </a:lnTo>
                  <a:lnTo>
                    <a:pt x="273" y="123"/>
                  </a:lnTo>
                  <a:lnTo>
                    <a:pt x="281" y="107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09" name="Freeform 106"/>
            <p:cNvSpPr/>
            <p:nvPr/>
          </p:nvSpPr>
          <p:spPr bwMode="auto">
            <a:xfrm>
              <a:off x="3781425" y="2044701"/>
              <a:ext cx="446088" cy="195263"/>
            </a:xfrm>
            <a:custGeom>
              <a:avLst/>
              <a:gdLst>
                <a:gd name="T0" fmla="*/ 0 w 281"/>
                <a:gd name="T1" fmla="*/ 0 h 123"/>
                <a:gd name="T2" fmla="*/ 22 w 281"/>
                <a:gd name="T3" fmla="*/ 29 h 123"/>
                <a:gd name="T4" fmla="*/ 273 w 281"/>
                <a:gd name="T5" fmla="*/ 123 h 123"/>
                <a:gd name="T6" fmla="*/ 281 w 281"/>
                <a:gd name="T7" fmla="*/ 107 h 123"/>
                <a:gd name="T8" fmla="*/ 0 w 281"/>
                <a:gd name="T9" fmla="*/ 0 h 1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81" h="123">
                  <a:moveTo>
                    <a:pt x="0" y="0"/>
                  </a:moveTo>
                  <a:lnTo>
                    <a:pt x="22" y="29"/>
                  </a:lnTo>
                  <a:lnTo>
                    <a:pt x="273" y="123"/>
                  </a:lnTo>
                  <a:lnTo>
                    <a:pt x="281" y="107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0" name="Freeform 107"/>
            <p:cNvSpPr/>
            <p:nvPr/>
          </p:nvSpPr>
          <p:spPr bwMode="auto">
            <a:xfrm>
              <a:off x="3841750" y="2124076"/>
              <a:ext cx="195263" cy="98425"/>
            </a:xfrm>
            <a:custGeom>
              <a:avLst/>
              <a:gdLst>
                <a:gd name="T0" fmla="*/ 0 w 123"/>
                <a:gd name="T1" fmla="*/ 0 h 62"/>
                <a:gd name="T2" fmla="*/ 24 w 123"/>
                <a:gd name="T3" fmla="*/ 27 h 62"/>
                <a:gd name="T4" fmla="*/ 115 w 123"/>
                <a:gd name="T5" fmla="*/ 62 h 62"/>
                <a:gd name="T6" fmla="*/ 123 w 123"/>
                <a:gd name="T7" fmla="*/ 46 h 62"/>
                <a:gd name="T8" fmla="*/ 0 w 123"/>
                <a:gd name="T9" fmla="*/ 0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3" h="62">
                  <a:moveTo>
                    <a:pt x="0" y="0"/>
                  </a:moveTo>
                  <a:lnTo>
                    <a:pt x="24" y="27"/>
                  </a:lnTo>
                  <a:lnTo>
                    <a:pt x="115" y="62"/>
                  </a:lnTo>
                  <a:lnTo>
                    <a:pt x="123" y="46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81A9C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1" name="Freeform 108"/>
            <p:cNvSpPr/>
            <p:nvPr/>
          </p:nvSpPr>
          <p:spPr bwMode="auto">
            <a:xfrm>
              <a:off x="3841750" y="2124076"/>
              <a:ext cx="195263" cy="98425"/>
            </a:xfrm>
            <a:custGeom>
              <a:avLst/>
              <a:gdLst>
                <a:gd name="T0" fmla="*/ 0 w 123"/>
                <a:gd name="T1" fmla="*/ 0 h 62"/>
                <a:gd name="T2" fmla="*/ 24 w 123"/>
                <a:gd name="T3" fmla="*/ 27 h 62"/>
                <a:gd name="T4" fmla="*/ 115 w 123"/>
                <a:gd name="T5" fmla="*/ 62 h 62"/>
                <a:gd name="T6" fmla="*/ 123 w 123"/>
                <a:gd name="T7" fmla="*/ 46 h 62"/>
                <a:gd name="T8" fmla="*/ 0 w 123"/>
                <a:gd name="T9" fmla="*/ 0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3" h="62">
                  <a:moveTo>
                    <a:pt x="0" y="0"/>
                  </a:moveTo>
                  <a:lnTo>
                    <a:pt x="24" y="27"/>
                  </a:lnTo>
                  <a:lnTo>
                    <a:pt x="115" y="62"/>
                  </a:lnTo>
                  <a:lnTo>
                    <a:pt x="123" y="46"/>
                  </a:lnTo>
                  <a:lnTo>
                    <a:pt x="0" y="0"/>
                  </a:lnTo>
                </a:path>
              </a:pathLst>
            </a:cu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2" name="Freeform 109"/>
            <p:cNvSpPr/>
            <p:nvPr/>
          </p:nvSpPr>
          <p:spPr bwMode="auto">
            <a:xfrm>
              <a:off x="2881313" y="2295526"/>
              <a:ext cx="608013" cy="263525"/>
            </a:xfrm>
            <a:custGeom>
              <a:avLst/>
              <a:gdLst>
                <a:gd name="T0" fmla="*/ 5 w 143"/>
                <a:gd name="T1" fmla="*/ 13 h 62"/>
                <a:gd name="T2" fmla="*/ 134 w 143"/>
                <a:gd name="T3" fmla="*/ 61 h 62"/>
                <a:gd name="T4" fmla="*/ 142 w 143"/>
                <a:gd name="T5" fmla="*/ 57 h 62"/>
                <a:gd name="T6" fmla="*/ 138 w 143"/>
                <a:gd name="T7" fmla="*/ 49 h 62"/>
                <a:gd name="T8" fmla="*/ 9 w 143"/>
                <a:gd name="T9" fmla="*/ 1 h 62"/>
                <a:gd name="T10" fmla="*/ 1 w 143"/>
                <a:gd name="T11" fmla="*/ 5 h 62"/>
                <a:gd name="T12" fmla="*/ 5 w 143"/>
                <a:gd name="T13" fmla="*/ 13 h 6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3" h="62">
                  <a:moveTo>
                    <a:pt x="5" y="13"/>
                  </a:moveTo>
                  <a:cubicBezTo>
                    <a:pt x="134" y="61"/>
                    <a:pt x="134" y="61"/>
                    <a:pt x="134" y="61"/>
                  </a:cubicBezTo>
                  <a:cubicBezTo>
                    <a:pt x="137" y="62"/>
                    <a:pt x="141" y="60"/>
                    <a:pt x="142" y="57"/>
                  </a:cubicBezTo>
                  <a:cubicBezTo>
                    <a:pt x="143" y="54"/>
                    <a:pt x="142" y="50"/>
                    <a:pt x="138" y="49"/>
                  </a:cubicBezTo>
                  <a:cubicBezTo>
                    <a:pt x="9" y="1"/>
                    <a:pt x="9" y="1"/>
                    <a:pt x="9" y="1"/>
                  </a:cubicBezTo>
                  <a:cubicBezTo>
                    <a:pt x="6" y="0"/>
                    <a:pt x="3" y="1"/>
                    <a:pt x="1" y="5"/>
                  </a:cubicBezTo>
                  <a:cubicBezTo>
                    <a:pt x="0" y="8"/>
                    <a:pt x="2" y="12"/>
                    <a:pt x="5" y="13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3" name="Freeform 110"/>
            <p:cNvSpPr/>
            <p:nvPr/>
          </p:nvSpPr>
          <p:spPr bwMode="auto">
            <a:xfrm>
              <a:off x="3068638" y="2308226"/>
              <a:ext cx="233363" cy="238125"/>
            </a:xfrm>
            <a:custGeom>
              <a:avLst/>
              <a:gdLst>
                <a:gd name="T0" fmla="*/ 36 w 55"/>
                <a:gd name="T1" fmla="*/ 5 h 56"/>
                <a:gd name="T2" fmla="*/ 50 w 55"/>
                <a:gd name="T3" fmla="*/ 36 h 56"/>
                <a:gd name="T4" fmla="*/ 19 w 55"/>
                <a:gd name="T5" fmla="*/ 51 h 56"/>
                <a:gd name="T6" fmla="*/ 5 w 55"/>
                <a:gd name="T7" fmla="*/ 19 h 56"/>
                <a:gd name="T8" fmla="*/ 36 w 55"/>
                <a:gd name="T9" fmla="*/ 5 h 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5" h="56">
                  <a:moveTo>
                    <a:pt x="36" y="5"/>
                  </a:moveTo>
                  <a:cubicBezTo>
                    <a:pt x="49" y="9"/>
                    <a:pt x="55" y="24"/>
                    <a:pt x="50" y="36"/>
                  </a:cubicBezTo>
                  <a:cubicBezTo>
                    <a:pt x="46" y="49"/>
                    <a:pt x="31" y="56"/>
                    <a:pt x="19" y="51"/>
                  </a:cubicBezTo>
                  <a:cubicBezTo>
                    <a:pt x="6" y="46"/>
                    <a:pt x="0" y="32"/>
                    <a:pt x="5" y="19"/>
                  </a:cubicBezTo>
                  <a:cubicBezTo>
                    <a:pt x="9" y="6"/>
                    <a:pt x="24" y="0"/>
                    <a:pt x="36" y="5"/>
                  </a:cubicBezTo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4" name="Freeform 111"/>
            <p:cNvSpPr/>
            <p:nvPr/>
          </p:nvSpPr>
          <p:spPr bwMode="auto">
            <a:xfrm>
              <a:off x="3101975" y="2341563"/>
              <a:ext cx="166688" cy="166688"/>
            </a:xfrm>
            <a:custGeom>
              <a:avLst/>
              <a:gdLst>
                <a:gd name="T0" fmla="*/ 26 w 39"/>
                <a:gd name="T1" fmla="*/ 3 h 39"/>
                <a:gd name="T2" fmla="*/ 36 w 39"/>
                <a:gd name="T3" fmla="*/ 26 h 39"/>
                <a:gd name="T4" fmla="*/ 13 w 39"/>
                <a:gd name="T5" fmla="*/ 36 h 39"/>
                <a:gd name="T6" fmla="*/ 3 w 39"/>
                <a:gd name="T7" fmla="*/ 14 h 39"/>
                <a:gd name="T8" fmla="*/ 26 w 39"/>
                <a:gd name="T9" fmla="*/ 3 h 3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39">
                  <a:moveTo>
                    <a:pt x="26" y="3"/>
                  </a:moveTo>
                  <a:cubicBezTo>
                    <a:pt x="35" y="7"/>
                    <a:pt x="39" y="17"/>
                    <a:pt x="36" y="26"/>
                  </a:cubicBezTo>
                  <a:cubicBezTo>
                    <a:pt x="32" y="35"/>
                    <a:pt x="22" y="39"/>
                    <a:pt x="13" y="36"/>
                  </a:cubicBezTo>
                  <a:cubicBezTo>
                    <a:pt x="4" y="33"/>
                    <a:pt x="0" y="23"/>
                    <a:pt x="3" y="14"/>
                  </a:cubicBezTo>
                  <a:cubicBezTo>
                    <a:pt x="7" y="5"/>
                    <a:pt x="17" y="0"/>
                    <a:pt x="26" y="3"/>
                  </a:cubicBezTo>
                </a:path>
              </a:pathLst>
            </a:custGeom>
            <a:solidFill>
              <a:srgbClr val="B3B3B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115" name="组合 114"/>
          <p:cNvGrpSpPr/>
          <p:nvPr/>
        </p:nvGrpSpPr>
        <p:grpSpPr>
          <a:xfrm>
            <a:off x="7103695" y="3022397"/>
            <a:ext cx="2870657" cy="791498"/>
            <a:chOff x="4938713" y="3109913"/>
            <a:chExt cx="2314575" cy="638175"/>
          </a:xfrm>
        </p:grpSpPr>
        <p:sp>
          <p:nvSpPr>
            <p:cNvPr id="116" name="Freeform 13"/>
            <p:cNvSpPr/>
            <p:nvPr/>
          </p:nvSpPr>
          <p:spPr bwMode="auto">
            <a:xfrm>
              <a:off x="4972050" y="3144838"/>
              <a:ext cx="2230438" cy="569913"/>
            </a:xfrm>
            <a:custGeom>
              <a:avLst/>
              <a:gdLst>
                <a:gd name="T0" fmla="*/ 524 w 524"/>
                <a:gd name="T1" fmla="*/ 132 h 132"/>
                <a:gd name="T2" fmla="*/ 64 w 524"/>
                <a:gd name="T3" fmla="*/ 132 h 132"/>
                <a:gd name="T4" fmla="*/ 0 w 524"/>
                <a:gd name="T5" fmla="*/ 67 h 132"/>
                <a:gd name="T6" fmla="*/ 0 w 524"/>
                <a:gd name="T7" fmla="*/ 57 h 132"/>
                <a:gd name="T8" fmla="*/ 64 w 524"/>
                <a:gd name="T9" fmla="*/ 0 h 132"/>
                <a:gd name="T10" fmla="*/ 524 w 524"/>
                <a:gd name="T11" fmla="*/ 0 h 132"/>
                <a:gd name="T12" fmla="*/ 509 w 524"/>
                <a:gd name="T13" fmla="*/ 63 h 132"/>
                <a:gd name="T14" fmla="*/ 524 w 524"/>
                <a:gd name="T15" fmla="*/ 132 h 13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524" h="132">
                  <a:moveTo>
                    <a:pt x="524" y="132"/>
                  </a:moveTo>
                  <a:cubicBezTo>
                    <a:pt x="64" y="132"/>
                    <a:pt x="64" y="132"/>
                    <a:pt x="64" y="132"/>
                  </a:cubicBezTo>
                  <a:cubicBezTo>
                    <a:pt x="29" y="132"/>
                    <a:pt x="0" y="101"/>
                    <a:pt x="0" y="67"/>
                  </a:cubicBezTo>
                  <a:cubicBezTo>
                    <a:pt x="0" y="57"/>
                    <a:pt x="0" y="57"/>
                    <a:pt x="0" y="57"/>
                  </a:cubicBezTo>
                  <a:cubicBezTo>
                    <a:pt x="0" y="23"/>
                    <a:pt x="29" y="0"/>
                    <a:pt x="64" y="0"/>
                  </a:cubicBezTo>
                  <a:cubicBezTo>
                    <a:pt x="524" y="0"/>
                    <a:pt x="524" y="0"/>
                    <a:pt x="524" y="0"/>
                  </a:cubicBezTo>
                  <a:cubicBezTo>
                    <a:pt x="524" y="0"/>
                    <a:pt x="509" y="21"/>
                    <a:pt x="509" y="63"/>
                  </a:cubicBezTo>
                  <a:cubicBezTo>
                    <a:pt x="509" y="111"/>
                    <a:pt x="524" y="132"/>
                    <a:pt x="524" y="132"/>
                  </a:cubicBezTo>
                </a:path>
              </a:pathLst>
            </a:custGeom>
            <a:solidFill>
              <a:srgbClr val="FCF6EA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7" name="Freeform 14"/>
            <p:cNvSpPr/>
            <p:nvPr/>
          </p:nvSpPr>
          <p:spPr bwMode="auto">
            <a:xfrm>
              <a:off x="4989513" y="3109913"/>
              <a:ext cx="319088" cy="630238"/>
            </a:xfrm>
            <a:custGeom>
              <a:avLst/>
              <a:gdLst>
                <a:gd name="T0" fmla="*/ 67 w 75"/>
                <a:gd name="T1" fmla="*/ 146 h 146"/>
                <a:gd name="T2" fmla="*/ 0 w 75"/>
                <a:gd name="T3" fmla="*/ 76 h 146"/>
                <a:gd name="T4" fmla="*/ 0 w 75"/>
                <a:gd name="T5" fmla="*/ 67 h 146"/>
                <a:gd name="T6" fmla="*/ 69 w 75"/>
                <a:gd name="T7" fmla="*/ 0 h 146"/>
                <a:gd name="T8" fmla="*/ 75 w 75"/>
                <a:gd name="T9" fmla="*/ 6 h 146"/>
                <a:gd name="T10" fmla="*/ 69 w 75"/>
                <a:gd name="T11" fmla="*/ 12 h 146"/>
                <a:gd name="T12" fmla="*/ 12 w 75"/>
                <a:gd name="T13" fmla="*/ 67 h 146"/>
                <a:gd name="T14" fmla="*/ 12 w 75"/>
                <a:gd name="T15" fmla="*/ 76 h 146"/>
                <a:gd name="T16" fmla="*/ 67 w 75"/>
                <a:gd name="T17" fmla="*/ 133 h 146"/>
                <a:gd name="T18" fmla="*/ 73 w 75"/>
                <a:gd name="T19" fmla="*/ 140 h 146"/>
                <a:gd name="T20" fmla="*/ 67 w 75"/>
                <a:gd name="T21" fmla="*/ 146 h 14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75" h="146">
                  <a:moveTo>
                    <a:pt x="67" y="146"/>
                  </a:moveTo>
                  <a:cubicBezTo>
                    <a:pt x="30" y="146"/>
                    <a:pt x="0" y="115"/>
                    <a:pt x="0" y="76"/>
                  </a:cubicBezTo>
                  <a:cubicBezTo>
                    <a:pt x="0" y="67"/>
                    <a:pt x="0" y="67"/>
                    <a:pt x="0" y="67"/>
                  </a:cubicBezTo>
                  <a:cubicBezTo>
                    <a:pt x="0" y="30"/>
                    <a:pt x="31" y="0"/>
                    <a:pt x="69" y="0"/>
                  </a:cubicBezTo>
                  <a:cubicBezTo>
                    <a:pt x="72" y="0"/>
                    <a:pt x="75" y="2"/>
                    <a:pt x="75" y="6"/>
                  </a:cubicBezTo>
                  <a:cubicBezTo>
                    <a:pt x="75" y="9"/>
                    <a:pt x="72" y="12"/>
                    <a:pt x="69" y="12"/>
                  </a:cubicBezTo>
                  <a:cubicBezTo>
                    <a:pt x="37" y="12"/>
                    <a:pt x="12" y="36"/>
                    <a:pt x="12" y="67"/>
                  </a:cubicBezTo>
                  <a:cubicBezTo>
                    <a:pt x="12" y="76"/>
                    <a:pt x="12" y="76"/>
                    <a:pt x="12" y="76"/>
                  </a:cubicBezTo>
                  <a:cubicBezTo>
                    <a:pt x="12" y="108"/>
                    <a:pt x="37" y="133"/>
                    <a:pt x="67" y="133"/>
                  </a:cubicBezTo>
                  <a:cubicBezTo>
                    <a:pt x="70" y="133"/>
                    <a:pt x="73" y="136"/>
                    <a:pt x="73" y="140"/>
                  </a:cubicBezTo>
                  <a:cubicBezTo>
                    <a:pt x="73" y="143"/>
                    <a:pt x="70" y="146"/>
                    <a:pt x="67" y="146"/>
                  </a:cubicBezTo>
                </a:path>
              </a:pathLst>
            </a:custGeom>
            <a:solidFill>
              <a:srgbClr val="8C8C8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8" name="Freeform 15"/>
            <p:cNvSpPr/>
            <p:nvPr/>
          </p:nvSpPr>
          <p:spPr bwMode="auto">
            <a:xfrm>
              <a:off x="4938713" y="3109913"/>
              <a:ext cx="2314575" cy="638175"/>
            </a:xfrm>
            <a:custGeom>
              <a:avLst/>
              <a:gdLst>
                <a:gd name="T0" fmla="*/ 544 w 544"/>
                <a:gd name="T1" fmla="*/ 148 h 148"/>
                <a:gd name="T2" fmla="*/ 70 w 544"/>
                <a:gd name="T3" fmla="*/ 148 h 148"/>
                <a:gd name="T4" fmla="*/ 0 w 544"/>
                <a:gd name="T5" fmla="*/ 75 h 148"/>
                <a:gd name="T6" fmla="*/ 0 w 544"/>
                <a:gd name="T7" fmla="*/ 65 h 148"/>
                <a:gd name="T8" fmla="*/ 70 w 544"/>
                <a:gd name="T9" fmla="*/ 0 h 148"/>
                <a:gd name="T10" fmla="*/ 544 w 544"/>
                <a:gd name="T11" fmla="*/ 0 h 148"/>
                <a:gd name="T12" fmla="*/ 544 w 544"/>
                <a:gd name="T13" fmla="*/ 12 h 148"/>
                <a:gd name="T14" fmla="*/ 70 w 544"/>
                <a:gd name="T15" fmla="*/ 12 h 148"/>
                <a:gd name="T16" fmla="*/ 12 w 544"/>
                <a:gd name="T17" fmla="*/ 65 h 148"/>
                <a:gd name="T18" fmla="*/ 12 w 544"/>
                <a:gd name="T19" fmla="*/ 75 h 148"/>
                <a:gd name="T20" fmla="*/ 70 w 544"/>
                <a:gd name="T21" fmla="*/ 132 h 148"/>
                <a:gd name="T22" fmla="*/ 544 w 544"/>
                <a:gd name="T23" fmla="*/ 132 h 148"/>
                <a:gd name="T24" fmla="*/ 544 w 544"/>
                <a:gd name="T25" fmla="*/ 148 h 14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544" h="148">
                  <a:moveTo>
                    <a:pt x="544" y="148"/>
                  </a:moveTo>
                  <a:cubicBezTo>
                    <a:pt x="70" y="148"/>
                    <a:pt x="70" y="148"/>
                    <a:pt x="70" y="148"/>
                  </a:cubicBezTo>
                  <a:cubicBezTo>
                    <a:pt x="33" y="148"/>
                    <a:pt x="0" y="114"/>
                    <a:pt x="0" y="75"/>
                  </a:cubicBezTo>
                  <a:cubicBezTo>
                    <a:pt x="0" y="65"/>
                    <a:pt x="0" y="65"/>
                    <a:pt x="0" y="65"/>
                  </a:cubicBezTo>
                  <a:cubicBezTo>
                    <a:pt x="0" y="28"/>
                    <a:pt x="31" y="0"/>
                    <a:pt x="70" y="0"/>
                  </a:cubicBezTo>
                  <a:cubicBezTo>
                    <a:pt x="544" y="0"/>
                    <a:pt x="544" y="0"/>
                    <a:pt x="544" y="0"/>
                  </a:cubicBezTo>
                  <a:cubicBezTo>
                    <a:pt x="544" y="12"/>
                    <a:pt x="544" y="12"/>
                    <a:pt x="544" y="12"/>
                  </a:cubicBezTo>
                  <a:cubicBezTo>
                    <a:pt x="70" y="12"/>
                    <a:pt x="70" y="12"/>
                    <a:pt x="70" y="12"/>
                  </a:cubicBezTo>
                  <a:cubicBezTo>
                    <a:pt x="38" y="12"/>
                    <a:pt x="12" y="36"/>
                    <a:pt x="12" y="65"/>
                  </a:cubicBezTo>
                  <a:cubicBezTo>
                    <a:pt x="12" y="75"/>
                    <a:pt x="12" y="75"/>
                    <a:pt x="12" y="75"/>
                  </a:cubicBezTo>
                  <a:cubicBezTo>
                    <a:pt x="12" y="106"/>
                    <a:pt x="40" y="132"/>
                    <a:pt x="70" y="132"/>
                  </a:cubicBezTo>
                  <a:cubicBezTo>
                    <a:pt x="544" y="132"/>
                    <a:pt x="544" y="132"/>
                    <a:pt x="544" y="132"/>
                  </a:cubicBezTo>
                  <a:lnTo>
                    <a:pt x="544" y="148"/>
                  </a:lnTo>
                  <a:close/>
                </a:path>
              </a:pathLst>
            </a:custGeom>
            <a:solidFill>
              <a:srgbClr val="F1654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19" name="Line 16"/>
            <p:cNvSpPr>
              <a:spLocks noChangeShapeType="1"/>
            </p:cNvSpPr>
            <p:nvPr/>
          </p:nvSpPr>
          <p:spPr bwMode="auto">
            <a:xfrm>
              <a:off x="5270500" y="3562350"/>
              <a:ext cx="18303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0" name="Line 17"/>
            <p:cNvSpPr>
              <a:spLocks noChangeShapeType="1"/>
            </p:cNvSpPr>
            <p:nvPr/>
          </p:nvSpPr>
          <p:spPr bwMode="auto">
            <a:xfrm>
              <a:off x="5245100" y="3614738"/>
              <a:ext cx="1739900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1" name="Line 18"/>
            <p:cNvSpPr>
              <a:spLocks noChangeShapeType="1"/>
            </p:cNvSpPr>
            <p:nvPr/>
          </p:nvSpPr>
          <p:spPr bwMode="auto">
            <a:xfrm>
              <a:off x="5440363" y="3498850"/>
              <a:ext cx="1638300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2" name="Line 19"/>
            <p:cNvSpPr>
              <a:spLocks noChangeShapeType="1"/>
            </p:cNvSpPr>
            <p:nvPr/>
          </p:nvSpPr>
          <p:spPr bwMode="auto">
            <a:xfrm>
              <a:off x="5381625" y="3363913"/>
              <a:ext cx="13223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3" name="Line 20"/>
            <p:cNvSpPr>
              <a:spLocks noChangeShapeType="1"/>
            </p:cNvSpPr>
            <p:nvPr/>
          </p:nvSpPr>
          <p:spPr bwMode="auto">
            <a:xfrm>
              <a:off x="5184775" y="3286125"/>
              <a:ext cx="1893888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4" name="Line 21"/>
            <p:cNvSpPr>
              <a:spLocks noChangeShapeType="1"/>
            </p:cNvSpPr>
            <p:nvPr/>
          </p:nvSpPr>
          <p:spPr bwMode="auto">
            <a:xfrm>
              <a:off x="5354638" y="3225800"/>
              <a:ext cx="1724025" cy="0"/>
            </a:xfrm>
            <a:prstGeom prst="line">
              <a:avLst/>
            </a:prstGeom>
            <a:noFill/>
            <a:ln w="17463" cap="rnd">
              <a:solidFill>
                <a:srgbClr val="C5C5CC"/>
              </a:solidFill>
              <a:prstDash val="solid"/>
              <a:rou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2" name="组合 1"/>
          <p:cNvGrpSpPr/>
          <p:nvPr/>
        </p:nvGrpSpPr>
        <p:grpSpPr>
          <a:xfrm>
            <a:off x="7061527" y="2558004"/>
            <a:ext cx="3136462" cy="480110"/>
            <a:chOff x="7061527" y="2558004"/>
            <a:chExt cx="3136462" cy="480110"/>
          </a:xfrm>
        </p:grpSpPr>
        <p:sp>
          <p:nvSpPr>
            <p:cNvPr id="126" name="Rectangle 112"/>
            <p:cNvSpPr>
              <a:spLocks noChangeArrowheads="1"/>
            </p:cNvSpPr>
            <p:nvPr/>
          </p:nvSpPr>
          <p:spPr bwMode="auto">
            <a:xfrm>
              <a:off x="7061527" y="2558671"/>
              <a:ext cx="3136462" cy="464661"/>
            </a:xfrm>
            <a:prstGeom prst="rect">
              <a:avLst/>
            </a:prstGeom>
            <a:solidFill>
              <a:srgbClr val="F5D983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7" name="Rectangle 113"/>
            <p:cNvSpPr>
              <a:spLocks noChangeArrowheads="1"/>
            </p:cNvSpPr>
            <p:nvPr/>
          </p:nvSpPr>
          <p:spPr bwMode="auto">
            <a:xfrm>
              <a:off x="7238024" y="2558004"/>
              <a:ext cx="145699" cy="464661"/>
            </a:xfrm>
            <a:prstGeom prst="rect">
              <a:avLst/>
            </a:prstGeom>
            <a:solidFill>
              <a:srgbClr val="FBB03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  <p:sp>
          <p:nvSpPr>
            <p:cNvPr id="125" name="Rectangle 33"/>
            <p:cNvSpPr>
              <a:spLocks noChangeArrowheads="1"/>
            </p:cNvSpPr>
            <p:nvPr/>
          </p:nvSpPr>
          <p:spPr bwMode="auto">
            <a:xfrm>
              <a:off x="9892642" y="2559671"/>
              <a:ext cx="163419" cy="478443"/>
            </a:xfrm>
            <a:prstGeom prst="rect">
              <a:avLst/>
            </a:prstGeom>
            <a:solidFill>
              <a:srgbClr val="FBB03B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4" name="组合 3"/>
          <p:cNvGrpSpPr/>
          <p:nvPr/>
        </p:nvGrpSpPr>
        <p:grpSpPr>
          <a:xfrm>
            <a:off x="8613367" y="1250214"/>
            <a:ext cx="1135916" cy="1341139"/>
            <a:chOff x="7698578" y="210044"/>
            <a:chExt cx="1135916" cy="1341139"/>
          </a:xfrm>
        </p:grpSpPr>
        <p:grpSp>
          <p:nvGrpSpPr>
            <p:cNvPr id="128" name="组合 127"/>
            <p:cNvGrpSpPr/>
            <p:nvPr/>
          </p:nvGrpSpPr>
          <p:grpSpPr>
            <a:xfrm>
              <a:off x="7698578" y="210044"/>
              <a:ext cx="1135916" cy="1332246"/>
              <a:chOff x="5419725" y="908051"/>
              <a:chExt cx="900113" cy="1055687"/>
            </a:xfrm>
          </p:grpSpPr>
          <p:sp>
            <p:nvSpPr>
              <p:cNvPr id="129" name="Freeform 125"/>
              <p:cNvSpPr/>
              <p:nvPr/>
            </p:nvSpPr>
            <p:spPr bwMode="auto">
              <a:xfrm>
                <a:off x="5419725" y="1325563"/>
                <a:ext cx="628650" cy="638175"/>
              </a:xfrm>
              <a:custGeom>
                <a:avLst/>
                <a:gdLst>
                  <a:gd name="T0" fmla="*/ 9 w 148"/>
                  <a:gd name="T1" fmla="*/ 0 h 150"/>
                  <a:gd name="T2" fmla="*/ 0 w 148"/>
                  <a:gd name="T3" fmla="*/ 13 h 150"/>
                  <a:gd name="T4" fmla="*/ 0 w 148"/>
                  <a:gd name="T5" fmla="*/ 117 h 150"/>
                  <a:gd name="T6" fmla="*/ 30 w 148"/>
                  <a:gd name="T7" fmla="*/ 150 h 150"/>
                  <a:gd name="T8" fmla="*/ 123 w 148"/>
                  <a:gd name="T9" fmla="*/ 150 h 150"/>
                  <a:gd name="T10" fmla="*/ 148 w 148"/>
                  <a:gd name="T11" fmla="*/ 114 h 150"/>
                  <a:gd name="T12" fmla="*/ 148 w 148"/>
                  <a:gd name="T13" fmla="*/ 11 h 150"/>
                  <a:gd name="T14" fmla="*/ 140 w 148"/>
                  <a:gd name="T15" fmla="*/ 0 h 150"/>
                  <a:gd name="T16" fmla="*/ 9 w 148"/>
                  <a:gd name="T17" fmla="*/ 0 h 1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48" h="150">
                    <a:moveTo>
                      <a:pt x="9" y="0"/>
                    </a:moveTo>
                    <a:cubicBezTo>
                      <a:pt x="9" y="0"/>
                      <a:pt x="2" y="2"/>
                      <a:pt x="0" y="13"/>
                    </a:cubicBezTo>
                    <a:cubicBezTo>
                      <a:pt x="0" y="117"/>
                      <a:pt x="0" y="117"/>
                      <a:pt x="0" y="117"/>
                    </a:cubicBezTo>
                    <a:cubicBezTo>
                      <a:pt x="0" y="117"/>
                      <a:pt x="12" y="143"/>
                      <a:pt x="30" y="150"/>
                    </a:cubicBezTo>
                    <a:cubicBezTo>
                      <a:pt x="123" y="150"/>
                      <a:pt x="123" y="150"/>
                      <a:pt x="123" y="150"/>
                    </a:cubicBezTo>
                    <a:cubicBezTo>
                      <a:pt x="123" y="150"/>
                      <a:pt x="141" y="140"/>
                      <a:pt x="148" y="114"/>
                    </a:cubicBezTo>
                    <a:cubicBezTo>
                      <a:pt x="148" y="11"/>
                      <a:pt x="148" y="11"/>
                      <a:pt x="148" y="11"/>
                    </a:cubicBezTo>
                    <a:cubicBezTo>
                      <a:pt x="148" y="11"/>
                      <a:pt x="146" y="5"/>
                      <a:pt x="140" y="0"/>
                    </a:cubicBezTo>
                    <a:lnTo>
                      <a:pt x="9" y="0"/>
                    </a:lnTo>
                    <a:close/>
                  </a:path>
                </a:pathLst>
              </a:custGeom>
              <a:solidFill>
                <a:srgbClr val="3E465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0" name="Freeform 126"/>
              <p:cNvSpPr/>
              <p:nvPr/>
            </p:nvSpPr>
            <p:spPr bwMode="auto">
              <a:xfrm>
                <a:off x="5419725" y="1325563"/>
                <a:ext cx="628650" cy="638175"/>
              </a:xfrm>
              <a:custGeom>
                <a:avLst/>
                <a:gdLst>
                  <a:gd name="T0" fmla="*/ 9 w 148"/>
                  <a:gd name="T1" fmla="*/ 0 h 150"/>
                  <a:gd name="T2" fmla="*/ 0 w 148"/>
                  <a:gd name="T3" fmla="*/ 13 h 150"/>
                  <a:gd name="T4" fmla="*/ 0 w 148"/>
                  <a:gd name="T5" fmla="*/ 117 h 150"/>
                  <a:gd name="T6" fmla="*/ 30 w 148"/>
                  <a:gd name="T7" fmla="*/ 150 h 150"/>
                  <a:gd name="T8" fmla="*/ 123 w 148"/>
                  <a:gd name="T9" fmla="*/ 150 h 150"/>
                  <a:gd name="T10" fmla="*/ 148 w 148"/>
                  <a:gd name="T11" fmla="*/ 114 h 150"/>
                  <a:gd name="T12" fmla="*/ 148 w 148"/>
                  <a:gd name="T13" fmla="*/ 11 h 150"/>
                  <a:gd name="T14" fmla="*/ 140 w 148"/>
                  <a:gd name="T15" fmla="*/ 0 h 150"/>
                  <a:gd name="T16" fmla="*/ 9 w 148"/>
                  <a:gd name="T17" fmla="*/ 0 h 15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148" h="150">
                    <a:moveTo>
                      <a:pt x="9" y="0"/>
                    </a:moveTo>
                    <a:cubicBezTo>
                      <a:pt x="9" y="0"/>
                      <a:pt x="2" y="2"/>
                      <a:pt x="0" y="13"/>
                    </a:cubicBezTo>
                    <a:cubicBezTo>
                      <a:pt x="0" y="117"/>
                      <a:pt x="0" y="117"/>
                      <a:pt x="0" y="117"/>
                    </a:cubicBezTo>
                    <a:cubicBezTo>
                      <a:pt x="0" y="117"/>
                      <a:pt x="12" y="143"/>
                      <a:pt x="30" y="150"/>
                    </a:cubicBezTo>
                    <a:cubicBezTo>
                      <a:pt x="123" y="150"/>
                      <a:pt x="123" y="150"/>
                      <a:pt x="123" y="150"/>
                    </a:cubicBezTo>
                    <a:cubicBezTo>
                      <a:pt x="123" y="150"/>
                      <a:pt x="141" y="140"/>
                      <a:pt x="148" y="114"/>
                    </a:cubicBezTo>
                    <a:cubicBezTo>
                      <a:pt x="148" y="11"/>
                      <a:pt x="148" y="11"/>
                      <a:pt x="148" y="11"/>
                    </a:cubicBezTo>
                    <a:cubicBezTo>
                      <a:pt x="148" y="11"/>
                      <a:pt x="146" y="5"/>
                      <a:pt x="140" y="0"/>
                    </a:cubicBezTo>
                    <a:lnTo>
                      <a:pt x="9" y="0"/>
                    </a:lnTo>
                    <a:close/>
                  </a:path>
                </a:pathLst>
              </a:custGeom>
              <a:noFill/>
              <a:ln w="33338" cap="rnd">
                <a:solidFill>
                  <a:srgbClr val="3E4651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1" name="Freeform 127"/>
              <p:cNvSpPr/>
              <p:nvPr/>
            </p:nvSpPr>
            <p:spPr bwMode="auto">
              <a:xfrm>
                <a:off x="5992813" y="1312863"/>
                <a:ext cx="327025" cy="514350"/>
              </a:xfrm>
              <a:custGeom>
                <a:avLst/>
                <a:gdLst>
                  <a:gd name="T0" fmla="*/ 6 w 77"/>
                  <a:gd name="T1" fmla="*/ 29 h 121"/>
                  <a:gd name="T2" fmla="*/ 60 w 77"/>
                  <a:gd name="T3" fmla="*/ 27 h 121"/>
                  <a:gd name="T4" fmla="*/ 57 w 77"/>
                  <a:gd name="T5" fmla="*/ 93 h 121"/>
                  <a:gd name="T6" fmla="*/ 0 w 77"/>
                  <a:gd name="T7" fmla="*/ 95 h 121"/>
                  <a:gd name="T8" fmla="*/ 9 w 77"/>
                  <a:gd name="T9" fmla="*/ 91 h 121"/>
                  <a:gd name="T10" fmla="*/ 59 w 77"/>
                  <a:gd name="T11" fmla="*/ 56 h 121"/>
                  <a:gd name="T12" fmla="*/ 36 w 77"/>
                  <a:gd name="T13" fmla="*/ 31 h 121"/>
                  <a:gd name="T14" fmla="*/ 5 w 77"/>
                  <a:gd name="T15" fmla="*/ 51 h 12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77" h="121">
                    <a:moveTo>
                      <a:pt x="6" y="29"/>
                    </a:moveTo>
                    <a:cubicBezTo>
                      <a:pt x="33" y="0"/>
                      <a:pt x="60" y="27"/>
                      <a:pt x="60" y="27"/>
                    </a:cubicBezTo>
                    <a:cubicBezTo>
                      <a:pt x="77" y="43"/>
                      <a:pt x="71" y="77"/>
                      <a:pt x="57" y="93"/>
                    </a:cubicBezTo>
                    <a:cubicBezTo>
                      <a:pt x="47" y="109"/>
                      <a:pt x="5" y="121"/>
                      <a:pt x="0" y="95"/>
                    </a:cubicBezTo>
                    <a:cubicBezTo>
                      <a:pt x="4" y="94"/>
                      <a:pt x="6" y="92"/>
                      <a:pt x="9" y="91"/>
                    </a:cubicBezTo>
                    <a:cubicBezTo>
                      <a:pt x="50" y="105"/>
                      <a:pt x="58" y="67"/>
                      <a:pt x="59" y="56"/>
                    </a:cubicBezTo>
                    <a:cubicBezTo>
                      <a:pt x="59" y="43"/>
                      <a:pt x="49" y="30"/>
                      <a:pt x="36" y="31"/>
                    </a:cubicBezTo>
                    <a:cubicBezTo>
                      <a:pt x="36" y="31"/>
                      <a:pt x="11" y="27"/>
                      <a:pt x="5" y="51"/>
                    </a:cubicBezTo>
                  </a:path>
                </a:pathLst>
              </a:custGeom>
              <a:solidFill>
                <a:srgbClr val="3E465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2" name="Freeform 128"/>
              <p:cNvSpPr/>
              <p:nvPr/>
            </p:nvSpPr>
            <p:spPr bwMode="auto">
              <a:xfrm>
                <a:off x="5508625" y="908051"/>
                <a:ext cx="123825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4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2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8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5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4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3" name="Freeform 129"/>
              <p:cNvSpPr/>
              <p:nvPr/>
            </p:nvSpPr>
            <p:spPr bwMode="auto">
              <a:xfrm>
                <a:off x="5670550" y="908051"/>
                <a:ext cx="122238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4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3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9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5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4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4" name="Freeform 130"/>
              <p:cNvSpPr/>
              <p:nvPr/>
            </p:nvSpPr>
            <p:spPr bwMode="auto">
              <a:xfrm>
                <a:off x="5830888" y="908051"/>
                <a:ext cx="123825" cy="344488"/>
              </a:xfrm>
              <a:custGeom>
                <a:avLst/>
                <a:gdLst>
                  <a:gd name="T0" fmla="*/ 12 w 29"/>
                  <a:gd name="T1" fmla="*/ 81 h 81"/>
                  <a:gd name="T2" fmla="*/ 9 w 29"/>
                  <a:gd name="T3" fmla="*/ 79 h 81"/>
                  <a:gd name="T4" fmla="*/ 2 w 29"/>
                  <a:gd name="T5" fmla="*/ 70 h 81"/>
                  <a:gd name="T6" fmla="*/ 0 w 29"/>
                  <a:gd name="T7" fmla="*/ 63 h 81"/>
                  <a:gd name="T8" fmla="*/ 0 w 29"/>
                  <a:gd name="T9" fmla="*/ 55 h 81"/>
                  <a:gd name="T10" fmla="*/ 3 w 29"/>
                  <a:gd name="T11" fmla="*/ 47 h 81"/>
                  <a:gd name="T12" fmla="*/ 5 w 29"/>
                  <a:gd name="T13" fmla="*/ 43 h 81"/>
                  <a:gd name="T14" fmla="*/ 7 w 29"/>
                  <a:gd name="T15" fmla="*/ 39 h 81"/>
                  <a:gd name="T16" fmla="*/ 17 w 29"/>
                  <a:gd name="T17" fmla="*/ 25 h 81"/>
                  <a:gd name="T18" fmla="*/ 22 w 29"/>
                  <a:gd name="T19" fmla="*/ 19 h 81"/>
                  <a:gd name="T20" fmla="*/ 24 w 29"/>
                  <a:gd name="T21" fmla="*/ 16 h 81"/>
                  <a:gd name="T22" fmla="*/ 25 w 29"/>
                  <a:gd name="T23" fmla="*/ 13 h 81"/>
                  <a:gd name="T24" fmla="*/ 26 w 29"/>
                  <a:gd name="T25" fmla="*/ 11 h 81"/>
                  <a:gd name="T26" fmla="*/ 27 w 29"/>
                  <a:gd name="T27" fmla="*/ 8 h 81"/>
                  <a:gd name="T28" fmla="*/ 28 w 29"/>
                  <a:gd name="T29" fmla="*/ 4 h 81"/>
                  <a:gd name="T30" fmla="*/ 29 w 29"/>
                  <a:gd name="T31" fmla="*/ 0 h 81"/>
                  <a:gd name="T32" fmla="*/ 29 w 29"/>
                  <a:gd name="T33" fmla="*/ 4 h 81"/>
                  <a:gd name="T34" fmla="*/ 29 w 29"/>
                  <a:gd name="T35" fmla="*/ 8 h 81"/>
                  <a:gd name="T36" fmla="*/ 28 w 29"/>
                  <a:gd name="T37" fmla="*/ 11 h 81"/>
                  <a:gd name="T38" fmla="*/ 27 w 29"/>
                  <a:gd name="T39" fmla="*/ 14 h 81"/>
                  <a:gd name="T40" fmla="*/ 26 w 29"/>
                  <a:gd name="T41" fmla="*/ 17 h 81"/>
                  <a:gd name="T42" fmla="*/ 24 w 29"/>
                  <a:gd name="T43" fmla="*/ 21 h 81"/>
                  <a:gd name="T44" fmla="*/ 20 w 29"/>
                  <a:gd name="T45" fmla="*/ 27 h 81"/>
                  <a:gd name="T46" fmla="*/ 15 w 29"/>
                  <a:gd name="T47" fmla="*/ 34 h 81"/>
                  <a:gd name="T48" fmla="*/ 10 w 29"/>
                  <a:gd name="T49" fmla="*/ 41 h 81"/>
                  <a:gd name="T50" fmla="*/ 8 w 29"/>
                  <a:gd name="T51" fmla="*/ 45 h 81"/>
                  <a:gd name="T52" fmla="*/ 6 w 29"/>
                  <a:gd name="T53" fmla="*/ 48 h 81"/>
                  <a:gd name="T54" fmla="*/ 4 w 29"/>
                  <a:gd name="T55" fmla="*/ 56 h 81"/>
                  <a:gd name="T56" fmla="*/ 3 w 29"/>
                  <a:gd name="T57" fmla="*/ 63 h 81"/>
                  <a:gd name="T58" fmla="*/ 4 w 29"/>
                  <a:gd name="T59" fmla="*/ 66 h 81"/>
                  <a:gd name="T60" fmla="*/ 5 w 29"/>
                  <a:gd name="T61" fmla="*/ 69 h 81"/>
                  <a:gd name="T62" fmla="*/ 9 w 29"/>
                  <a:gd name="T63" fmla="*/ 78 h 81"/>
                  <a:gd name="T64" fmla="*/ 12 w 29"/>
                  <a:gd name="T65" fmla="*/ 81 h 8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</a:cxnLst>
                <a:rect l="0" t="0" r="r" b="b"/>
                <a:pathLst>
                  <a:path w="29" h="81">
                    <a:moveTo>
                      <a:pt x="12" y="81"/>
                    </a:moveTo>
                    <a:cubicBezTo>
                      <a:pt x="12" y="81"/>
                      <a:pt x="11" y="81"/>
                      <a:pt x="9" y="79"/>
                    </a:cubicBezTo>
                    <a:cubicBezTo>
                      <a:pt x="7" y="77"/>
                      <a:pt x="4" y="74"/>
                      <a:pt x="2" y="70"/>
                    </a:cubicBezTo>
                    <a:cubicBezTo>
                      <a:pt x="1" y="68"/>
                      <a:pt x="1" y="66"/>
                      <a:pt x="0" y="63"/>
                    </a:cubicBezTo>
                    <a:cubicBezTo>
                      <a:pt x="0" y="61"/>
                      <a:pt x="0" y="58"/>
                      <a:pt x="0" y="55"/>
                    </a:cubicBezTo>
                    <a:cubicBezTo>
                      <a:pt x="1" y="52"/>
                      <a:pt x="1" y="49"/>
                      <a:pt x="3" y="47"/>
                    </a:cubicBezTo>
                    <a:cubicBezTo>
                      <a:pt x="3" y="45"/>
                      <a:pt x="4" y="44"/>
                      <a:pt x="5" y="43"/>
                    </a:cubicBezTo>
                    <a:cubicBezTo>
                      <a:pt x="5" y="41"/>
                      <a:pt x="6" y="40"/>
                      <a:pt x="7" y="39"/>
                    </a:cubicBezTo>
                    <a:cubicBezTo>
                      <a:pt x="10" y="34"/>
                      <a:pt x="14" y="29"/>
                      <a:pt x="17" y="25"/>
                    </a:cubicBezTo>
                    <a:cubicBezTo>
                      <a:pt x="19" y="23"/>
                      <a:pt x="20" y="21"/>
                      <a:pt x="22" y="19"/>
                    </a:cubicBezTo>
                    <a:cubicBezTo>
                      <a:pt x="23" y="18"/>
                      <a:pt x="23" y="17"/>
                      <a:pt x="24" y="16"/>
                    </a:cubicBezTo>
                    <a:cubicBezTo>
                      <a:pt x="24" y="15"/>
                      <a:pt x="25" y="14"/>
                      <a:pt x="25" y="13"/>
                    </a:cubicBezTo>
                    <a:cubicBezTo>
                      <a:pt x="26" y="12"/>
                      <a:pt x="26" y="12"/>
                      <a:pt x="26" y="11"/>
                    </a:cubicBezTo>
                    <a:cubicBezTo>
                      <a:pt x="27" y="10"/>
                      <a:pt x="27" y="9"/>
                      <a:pt x="27" y="8"/>
                    </a:cubicBezTo>
                    <a:cubicBezTo>
                      <a:pt x="28" y="6"/>
                      <a:pt x="28" y="5"/>
                      <a:pt x="28" y="4"/>
                    </a:cubicBezTo>
                    <a:cubicBezTo>
                      <a:pt x="28" y="1"/>
                      <a:pt x="29" y="0"/>
                      <a:pt x="29" y="0"/>
                    </a:cubicBezTo>
                    <a:cubicBezTo>
                      <a:pt x="29" y="0"/>
                      <a:pt x="29" y="1"/>
                      <a:pt x="29" y="4"/>
                    </a:cubicBezTo>
                    <a:cubicBezTo>
                      <a:pt x="29" y="5"/>
                      <a:pt x="29" y="6"/>
                      <a:pt x="29" y="8"/>
                    </a:cubicBezTo>
                    <a:cubicBezTo>
                      <a:pt x="29" y="9"/>
                      <a:pt x="28" y="10"/>
                      <a:pt x="28" y="11"/>
                    </a:cubicBezTo>
                    <a:cubicBezTo>
                      <a:pt x="28" y="12"/>
                      <a:pt x="28" y="13"/>
                      <a:pt x="27" y="14"/>
                    </a:cubicBezTo>
                    <a:cubicBezTo>
                      <a:pt x="27" y="15"/>
                      <a:pt x="27" y="16"/>
                      <a:pt x="26" y="17"/>
                    </a:cubicBezTo>
                    <a:cubicBezTo>
                      <a:pt x="26" y="19"/>
                      <a:pt x="25" y="20"/>
                      <a:pt x="24" y="21"/>
                    </a:cubicBezTo>
                    <a:cubicBezTo>
                      <a:pt x="23" y="23"/>
                      <a:pt x="21" y="25"/>
                      <a:pt x="20" y="27"/>
                    </a:cubicBezTo>
                    <a:cubicBezTo>
                      <a:pt x="18" y="29"/>
                      <a:pt x="17" y="32"/>
                      <a:pt x="15" y="34"/>
                    </a:cubicBezTo>
                    <a:cubicBezTo>
                      <a:pt x="13" y="36"/>
                      <a:pt x="12" y="39"/>
                      <a:pt x="10" y="41"/>
                    </a:cubicBezTo>
                    <a:cubicBezTo>
                      <a:pt x="9" y="42"/>
                      <a:pt x="9" y="43"/>
                      <a:pt x="8" y="45"/>
                    </a:cubicBezTo>
                    <a:cubicBezTo>
                      <a:pt x="7" y="46"/>
                      <a:pt x="7" y="47"/>
                      <a:pt x="6" y="48"/>
                    </a:cubicBezTo>
                    <a:cubicBezTo>
                      <a:pt x="5" y="51"/>
                      <a:pt x="4" y="53"/>
                      <a:pt x="4" y="56"/>
                    </a:cubicBezTo>
                    <a:cubicBezTo>
                      <a:pt x="3" y="58"/>
                      <a:pt x="3" y="61"/>
                      <a:pt x="3" y="63"/>
                    </a:cubicBezTo>
                    <a:cubicBezTo>
                      <a:pt x="3" y="64"/>
                      <a:pt x="3" y="65"/>
                      <a:pt x="4" y="66"/>
                    </a:cubicBezTo>
                    <a:cubicBezTo>
                      <a:pt x="4" y="67"/>
                      <a:pt x="4" y="68"/>
                      <a:pt x="5" y="69"/>
                    </a:cubicBezTo>
                    <a:cubicBezTo>
                      <a:pt x="6" y="73"/>
                      <a:pt x="8" y="76"/>
                      <a:pt x="9" y="78"/>
                    </a:cubicBezTo>
                    <a:cubicBezTo>
                      <a:pt x="11" y="80"/>
                      <a:pt x="12" y="81"/>
                      <a:pt x="12" y="81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sp>
          <p:nvSpPr>
            <p:cNvPr id="135" name="Freeform 9"/>
            <p:cNvSpPr/>
            <p:nvPr/>
          </p:nvSpPr>
          <p:spPr bwMode="auto">
            <a:xfrm flipH="1">
              <a:off x="8093519" y="717064"/>
              <a:ext cx="419018" cy="834119"/>
            </a:xfrm>
            <a:custGeom>
              <a:avLst/>
              <a:gdLst>
                <a:gd name="T0" fmla="*/ 79 w 79"/>
                <a:gd name="T1" fmla="*/ 0 h 158"/>
                <a:gd name="T2" fmla="*/ 13 w 79"/>
                <a:gd name="T3" fmla="*/ 0 h 158"/>
                <a:gd name="T4" fmla="*/ 12 w 79"/>
                <a:gd name="T5" fmla="*/ 0 h 158"/>
                <a:gd name="T6" fmla="*/ 0 w 79"/>
                <a:gd name="T7" fmla="*/ 17 h 158"/>
                <a:gd name="T8" fmla="*/ 0 w 79"/>
                <a:gd name="T9" fmla="*/ 17 h 158"/>
                <a:gd name="T10" fmla="*/ 0 w 79"/>
                <a:gd name="T11" fmla="*/ 121 h 158"/>
                <a:gd name="T12" fmla="*/ 1 w 79"/>
                <a:gd name="T13" fmla="*/ 123 h 158"/>
                <a:gd name="T14" fmla="*/ 32 w 79"/>
                <a:gd name="T15" fmla="*/ 157 h 158"/>
                <a:gd name="T16" fmla="*/ 34 w 79"/>
                <a:gd name="T17" fmla="*/ 158 h 158"/>
                <a:gd name="T18" fmla="*/ 79 w 79"/>
                <a:gd name="T19" fmla="*/ 158 h 158"/>
                <a:gd name="T20" fmla="*/ 79 w 79"/>
                <a:gd name="T21" fmla="*/ 0 h 1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79" h="158">
                  <a:moveTo>
                    <a:pt x="79" y="0"/>
                  </a:moveTo>
                  <a:cubicBezTo>
                    <a:pt x="13" y="0"/>
                    <a:pt x="13" y="0"/>
                    <a:pt x="13" y="0"/>
                  </a:cubicBezTo>
                  <a:cubicBezTo>
                    <a:pt x="12" y="0"/>
                    <a:pt x="12" y="0"/>
                    <a:pt x="12" y="0"/>
                  </a:cubicBezTo>
                  <a:cubicBezTo>
                    <a:pt x="12" y="1"/>
                    <a:pt x="2" y="3"/>
                    <a:pt x="0" y="17"/>
                  </a:cubicBezTo>
                  <a:cubicBezTo>
                    <a:pt x="0" y="17"/>
                    <a:pt x="0" y="17"/>
                    <a:pt x="0" y="17"/>
                  </a:cubicBezTo>
                  <a:cubicBezTo>
                    <a:pt x="0" y="121"/>
                    <a:pt x="0" y="121"/>
                    <a:pt x="0" y="121"/>
                  </a:cubicBezTo>
                  <a:cubicBezTo>
                    <a:pt x="0" y="122"/>
                    <a:pt x="0" y="122"/>
                    <a:pt x="1" y="123"/>
                  </a:cubicBezTo>
                  <a:cubicBezTo>
                    <a:pt x="1" y="124"/>
                    <a:pt x="13" y="150"/>
                    <a:pt x="32" y="157"/>
                  </a:cubicBezTo>
                  <a:cubicBezTo>
                    <a:pt x="33" y="158"/>
                    <a:pt x="33" y="158"/>
                    <a:pt x="34" y="158"/>
                  </a:cubicBezTo>
                  <a:cubicBezTo>
                    <a:pt x="79" y="158"/>
                    <a:pt x="79" y="158"/>
                    <a:pt x="79" y="158"/>
                  </a:cubicBezTo>
                  <a:cubicBezTo>
                    <a:pt x="79" y="0"/>
                    <a:pt x="79" y="0"/>
                    <a:pt x="79" y="0"/>
                  </a:cubicBezTo>
                </a:path>
              </a:pathLst>
            </a:custGeom>
            <a:solidFill>
              <a:srgbClr val="E5E5E5">
                <a:alpha val="10000"/>
              </a:srgbClr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/>
            </a:p>
          </p:txBody>
        </p:sp>
      </p:grpSp>
      <p:grpSp>
        <p:nvGrpSpPr>
          <p:cNvPr id="34" name="组合 33"/>
          <p:cNvGrpSpPr/>
          <p:nvPr/>
        </p:nvGrpSpPr>
        <p:grpSpPr>
          <a:xfrm>
            <a:off x="2573959" y="1008439"/>
            <a:ext cx="1266731" cy="2222633"/>
            <a:chOff x="2573959" y="1008439"/>
            <a:chExt cx="1266731" cy="2222633"/>
          </a:xfrm>
        </p:grpSpPr>
        <p:grpSp>
          <p:nvGrpSpPr>
            <p:cNvPr id="137" name="组合 136"/>
            <p:cNvGrpSpPr/>
            <p:nvPr/>
          </p:nvGrpSpPr>
          <p:grpSpPr>
            <a:xfrm>
              <a:off x="3452494" y="1343502"/>
              <a:ext cx="344489" cy="1577975"/>
              <a:chOff x="1230312" y="1006476"/>
              <a:chExt cx="344489" cy="1577975"/>
            </a:xfrm>
          </p:grpSpPr>
          <p:sp>
            <p:nvSpPr>
              <p:cNvPr id="138" name="Freeform 114"/>
              <p:cNvSpPr/>
              <p:nvPr/>
            </p:nvSpPr>
            <p:spPr bwMode="auto">
              <a:xfrm>
                <a:off x="1235075" y="2255838"/>
                <a:ext cx="114300" cy="196850"/>
              </a:xfrm>
              <a:custGeom>
                <a:avLst/>
                <a:gdLst>
                  <a:gd name="T0" fmla="*/ 72 w 72"/>
                  <a:gd name="T1" fmla="*/ 11 h 124"/>
                  <a:gd name="T2" fmla="*/ 3 w 72"/>
                  <a:gd name="T3" fmla="*/ 0 h 124"/>
                  <a:gd name="T4" fmla="*/ 0 w 72"/>
                  <a:gd name="T5" fmla="*/ 118 h 124"/>
                  <a:gd name="T6" fmla="*/ 35 w 72"/>
                  <a:gd name="T7" fmla="*/ 124 h 124"/>
                  <a:gd name="T8" fmla="*/ 72 w 72"/>
                  <a:gd name="T9" fmla="*/ 11 h 12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4">
                    <a:moveTo>
                      <a:pt x="72" y="11"/>
                    </a:moveTo>
                    <a:lnTo>
                      <a:pt x="3" y="0"/>
                    </a:lnTo>
                    <a:lnTo>
                      <a:pt x="0" y="118"/>
                    </a:lnTo>
                    <a:lnTo>
                      <a:pt x="35" y="124"/>
                    </a:lnTo>
                    <a:lnTo>
                      <a:pt x="72" y="11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9" name="Freeform 115"/>
              <p:cNvSpPr/>
              <p:nvPr/>
            </p:nvSpPr>
            <p:spPr bwMode="auto">
              <a:xfrm>
                <a:off x="1235075" y="2255838"/>
                <a:ext cx="114300" cy="196850"/>
              </a:xfrm>
              <a:custGeom>
                <a:avLst/>
                <a:gdLst>
                  <a:gd name="T0" fmla="*/ 72 w 72"/>
                  <a:gd name="T1" fmla="*/ 11 h 124"/>
                  <a:gd name="T2" fmla="*/ 3 w 72"/>
                  <a:gd name="T3" fmla="*/ 0 h 124"/>
                  <a:gd name="T4" fmla="*/ 0 w 72"/>
                  <a:gd name="T5" fmla="*/ 118 h 124"/>
                  <a:gd name="T6" fmla="*/ 35 w 72"/>
                  <a:gd name="T7" fmla="*/ 124 h 124"/>
                  <a:gd name="T8" fmla="*/ 72 w 72"/>
                  <a:gd name="T9" fmla="*/ 11 h 12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4">
                    <a:moveTo>
                      <a:pt x="72" y="11"/>
                    </a:moveTo>
                    <a:lnTo>
                      <a:pt x="3" y="0"/>
                    </a:lnTo>
                    <a:lnTo>
                      <a:pt x="0" y="118"/>
                    </a:lnTo>
                    <a:lnTo>
                      <a:pt x="35" y="124"/>
                    </a:lnTo>
                    <a:lnTo>
                      <a:pt x="72" y="11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0" name="Freeform 116"/>
              <p:cNvSpPr/>
              <p:nvPr/>
            </p:nvSpPr>
            <p:spPr bwMode="auto">
              <a:xfrm>
                <a:off x="1230312" y="2443163"/>
                <a:ext cx="60325" cy="141288"/>
              </a:xfrm>
              <a:custGeom>
                <a:avLst/>
                <a:gdLst>
                  <a:gd name="T0" fmla="*/ 1 w 14"/>
                  <a:gd name="T1" fmla="*/ 0 h 33"/>
                  <a:gd name="T2" fmla="*/ 0 w 14"/>
                  <a:gd name="T3" fmla="*/ 26 h 33"/>
                  <a:gd name="T4" fmla="*/ 2 w 14"/>
                  <a:gd name="T5" fmla="*/ 32 h 33"/>
                  <a:gd name="T6" fmla="*/ 6 w 14"/>
                  <a:gd name="T7" fmla="*/ 27 h 33"/>
                  <a:gd name="T8" fmla="*/ 14 w 14"/>
                  <a:gd name="T9" fmla="*/ 2 h 33"/>
                  <a:gd name="T10" fmla="*/ 1 w 14"/>
                  <a:gd name="T11" fmla="*/ 0 h 3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4" h="33">
                    <a:moveTo>
                      <a:pt x="1" y="0"/>
                    </a:moveTo>
                    <a:cubicBezTo>
                      <a:pt x="0" y="26"/>
                      <a:pt x="0" y="26"/>
                      <a:pt x="0" y="26"/>
                    </a:cubicBezTo>
                    <a:cubicBezTo>
                      <a:pt x="0" y="30"/>
                      <a:pt x="1" y="32"/>
                      <a:pt x="2" y="32"/>
                    </a:cubicBezTo>
                    <a:cubicBezTo>
                      <a:pt x="3" y="33"/>
                      <a:pt x="5" y="30"/>
                      <a:pt x="6" y="27"/>
                    </a:cubicBezTo>
                    <a:cubicBezTo>
                      <a:pt x="14" y="2"/>
                      <a:pt x="14" y="2"/>
                      <a:pt x="14" y="2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1" name="Freeform 117"/>
              <p:cNvSpPr/>
              <p:nvPr/>
            </p:nvSpPr>
            <p:spPr bwMode="auto">
              <a:xfrm>
                <a:off x="1239838" y="1138238"/>
                <a:ext cx="304800" cy="1135063"/>
              </a:xfrm>
              <a:custGeom>
                <a:avLst/>
                <a:gdLst>
                  <a:gd name="T0" fmla="*/ 125 w 192"/>
                  <a:gd name="T1" fmla="*/ 0 h 715"/>
                  <a:gd name="T2" fmla="*/ 0 w 192"/>
                  <a:gd name="T3" fmla="*/ 704 h 715"/>
                  <a:gd name="T4" fmla="*/ 26 w 192"/>
                  <a:gd name="T5" fmla="*/ 710 h 715"/>
                  <a:gd name="T6" fmla="*/ 45 w 192"/>
                  <a:gd name="T7" fmla="*/ 713 h 715"/>
                  <a:gd name="T8" fmla="*/ 69 w 192"/>
                  <a:gd name="T9" fmla="*/ 715 h 715"/>
                  <a:gd name="T10" fmla="*/ 192 w 192"/>
                  <a:gd name="T11" fmla="*/ 19 h 715"/>
                  <a:gd name="T12" fmla="*/ 171 w 192"/>
                  <a:gd name="T13" fmla="*/ 16 h 715"/>
                  <a:gd name="T14" fmla="*/ 149 w 192"/>
                  <a:gd name="T15" fmla="*/ 10 h 715"/>
                  <a:gd name="T16" fmla="*/ 149 w 192"/>
                  <a:gd name="T17" fmla="*/ 5 h 715"/>
                  <a:gd name="T18" fmla="*/ 125 w 192"/>
                  <a:gd name="T19" fmla="*/ 0 h 7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92" h="715">
                    <a:moveTo>
                      <a:pt x="125" y="0"/>
                    </a:moveTo>
                    <a:lnTo>
                      <a:pt x="0" y="704"/>
                    </a:lnTo>
                    <a:lnTo>
                      <a:pt x="26" y="710"/>
                    </a:lnTo>
                    <a:lnTo>
                      <a:pt x="45" y="713"/>
                    </a:lnTo>
                    <a:lnTo>
                      <a:pt x="69" y="715"/>
                    </a:lnTo>
                    <a:lnTo>
                      <a:pt x="192" y="19"/>
                    </a:lnTo>
                    <a:lnTo>
                      <a:pt x="171" y="16"/>
                    </a:lnTo>
                    <a:lnTo>
                      <a:pt x="149" y="10"/>
                    </a:lnTo>
                    <a:lnTo>
                      <a:pt x="149" y="5"/>
                    </a:lnTo>
                    <a:lnTo>
                      <a:pt x="125" y="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2" name="Freeform 118"/>
              <p:cNvSpPr/>
              <p:nvPr/>
            </p:nvSpPr>
            <p:spPr bwMode="auto">
              <a:xfrm>
                <a:off x="1239838" y="1138238"/>
                <a:ext cx="304800" cy="1135063"/>
              </a:xfrm>
              <a:custGeom>
                <a:avLst/>
                <a:gdLst>
                  <a:gd name="T0" fmla="*/ 125 w 192"/>
                  <a:gd name="T1" fmla="*/ 0 h 715"/>
                  <a:gd name="T2" fmla="*/ 0 w 192"/>
                  <a:gd name="T3" fmla="*/ 704 h 715"/>
                  <a:gd name="T4" fmla="*/ 26 w 192"/>
                  <a:gd name="T5" fmla="*/ 710 h 715"/>
                  <a:gd name="T6" fmla="*/ 45 w 192"/>
                  <a:gd name="T7" fmla="*/ 713 h 715"/>
                  <a:gd name="T8" fmla="*/ 69 w 192"/>
                  <a:gd name="T9" fmla="*/ 715 h 715"/>
                  <a:gd name="T10" fmla="*/ 192 w 192"/>
                  <a:gd name="T11" fmla="*/ 19 h 715"/>
                  <a:gd name="T12" fmla="*/ 171 w 192"/>
                  <a:gd name="T13" fmla="*/ 16 h 715"/>
                  <a:gd name="T14" fmla="*/ 149 w 192"/>
                  <a:gd name="T15" fmla="*/ 10 h 715"/>
                  <a:gd name="T16" fmla="*/ 149 w 192"/>
                  <a:gd name="T17" fmla="*/ 5 h 715"/>
                  <a:gd name="T18" fmla="*/ 125 w 192"/>
                  <a:gd name="T19" fmla="*/ 0 h 7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92" h="715">
                    <a:moveTo>
                      <a:pt x="125" y="0"/>
                    </a:moveTo>
                    <a:lnTo>
                      <a:pt x="0" y="704"/>
                    </a:lnTo>
                    <a:lnTo>
                      <a:pt x="26" y="710"/>
                    </a:lnTo>
                    <a:lnTo>
                      <a:pt x="45" y="713"/>
                    </a:lnTo>
                    <a:lnTo>
                      <a:pt x="69" y="715"/>
                    </a:lnTo>
                    <a:lnTo>
                      <a:pt x="192" y="19"/>
                    </a:lnTo>
                    <a:lnTo>
                      <a:pt x="171" y="16"/>
                    </a:lnTo>
                    <a:lnTo>
                      <a:pt x="149" y="10"/>
                    </a:lnTo>
                    <a:lnTo>
                      <a:pt x="149" y="5"/>
                    </a:lnTo>
                    <a:lnTo>
                      <a:pt x="125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3" name="Freeform 119"/>
              <p:cNvSpPr/>
              <p:nvPr/>
            </p:nvSpPr>
            <p:spPr bwMode="auto">
              <a:xfrm>
                <a:off x="1430338" y="1006476"/>
                <a:ext cx="144463" cy="177800"/>
              </a:xfrm>
              <a:custGeom>
                <a:avLst/>
                <a:gdLst>
                  <a:gd name="T0" fmla="*/ 0 w 34"/>
                  <a:gd name="T1" fmla="*/ 36 h 42"/>
                  <a:gd name="T2" fmla="*/ 1 w 34"/>
                  <a:gd name="T3" fmla="*/ 37 h 42"/>
                  <a:gd name="T4" fmla="*/ 27 w 34"/>
                  <a:gd name="T5" fmla="*/ 42 h 42"/>
                  <a:gd name="T6" fmla="*/ 28 w 34"/>
                  <a:gd name="T7" fmla="*/ 42 h 42"/>
                  <a:gd name="T8" fmla="*/ 34 w 34"/>
                  <a:gd name="T9" fmla="*/ 6 h 42"/>
                  <a:gd name="T10" fmla="*/ 33 w 34"/>
                  <a:gd name="T11" fmla="*/ 5 h 42"/>
                  <a:gd name="T12" fmla="*/ 7 w 34"/>
                  <a:gd name="T13" fmla="*/ 0 h 42"/>
                  <a:gd name="T14" fmla="*/ 6 w 34"/>
                  <a:gd name="T15" fmla="*/ 1 h 42"/>
                  <a:gd name="T16" fmla="*/ 0 w 34"/>
                  <a:gd name="T17" fmla="*/ 36 h 4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4" h="42">
                    <a:moveTo>
                      <a:pt x="0" y="36"/>
                    </a:moveTo>
                    <a:cubicBezTo>
                      <a:pt x="0" y="37"/>
                      <a:pt x="0" y="37"/>
                      <a:pt x="1" y="37"/>
                    </a:cubicBezTo>
                    <a:cubicBezTo>
                      <a:pt x="27" y="42"/>
                      <a:pt x="27" y="42"/>
                      <a:pt x="27" y="42"/>
                    </a:cubicBezTo>
                    <a:cubicBezTo>
                      <a:pt x="27" y="42"/>
                      <a:pt x="28" y="42"/>
                      <a:pt x="28" y="42"/>
                    </a:cubicBezTo>
                    <a:cubicBezTo>
                      <a:pt x="34" y="6"/>
                      <a:pt x="34" y="6"/>
                      <a:pt x="34" y="6"/>
                    </a:cubicBezTo>
                    <a:cubicBezTo>
                      <a:pt x="34" y="6"/>
                      <a:pt x="34" y="5"/>
                      <a:pt x="33" y="5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7" y="0"/>
                      <a:pt x="6" y="1"/>
                      <a:pt x="6" y="1"/>
                    </a:cubicBezTo>
                    <a:cubicBezTo>
                      <a:pt x="0" y="36"/>
                      <a:pt x="0" y="36"/>
                      <a:pt x="0" y="36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4" name="Freeform 120"/>
              <p:cNvSpPr>
                <a:spLocks noEditPoints="1"/>
              </p:cNvSpPr>
              <p:nvPr/>
            </p:nvSpPr>
            <p:spPr bwMode="auto">
              <a:xfrm>
                <a:off x="1235075" y="1006476"/>
                <a:ext cx="280988" cy="1492250"/>
              </a:xfrm>
              <a:custGeom>
                <a:avLst/>
                <a:gdLst>
                  <a:gd name="T0" fmla="*/ 0 w 66"/>
                  <a:gd name="T1" fmla="*/ 339 h 351"/>
                  <a:gd name="T2" fmla="*/ 0 w 66"/>
                  <a:gd name="T3" fmla="*/ 338 h 351"/>
                  <a:gd name="T4" fmla="*/ 13 w 66"/>
                  <a:gd name="T5" fmla="*/ 296 h 351"/>
                  <a:gd name="T6" fmla="*/ 13 w 66"/>
                  <a:gd name="T7" fmla="*/ 296 h 351"/>
                  <a:gd name="T8" fmla="*/ 13 w 66"/>
                  <a:gd name="T9" fmla="*/ 296 h 351"/>
                  <a:gd name="T10" fmla="*/ 13 w 66"/>
                  <a:gd name="T11" fmla="*/ 296 h 351"/>
                  <a:gd name="T12" fmla="*/ 1 w 66"/>
                  <a:gd name="T13" fmla="*/ 294 h 351"/>
                  <a:gd name="T14" fmla="*/ 1 w 66"/>
                  <a:gd name="T15" fmla="*/ 316 h 351"/>
                  <a:gd name="T16" fmla="*/ 1 w 66"/>
                  <a:gd name="T17" fmla="*/ 294 h 351"/>
                  <a:gd name="T18" fmla="*/ 1 w 66"/>
                  <a:gd name="T19" fmla="*/ 294 h 351"/>
                  <a:gd name="T20" fmla="*/ 1 w 66"/>
                  <a:gd name="T21" fmla="*/ 294 h 351"/>
                  <a:gd name="T22" fmla="*/ 46 w 66"/>
                  <a:gd name="T23" fmla="*/ 36 h 351"/>
                  <a:gd name="T24" fmla="*/ 47 w 66"/>
                  <a:gd name="T25" fmla="*/ 38 h 351"/>
                  <a:gd name="T26" fmla="*/ 47 w 66"/>
                  <a:gd name="T27" fmla="*/ 37 h 351"/>
                  <a:gd name="T28" fmla="*/ 52 w 66"/>
                  <a:gd name="T29" fmla="*/ 1 h 351"/>
                  <a:gd name="T30" fmla="*/ 52 w 66"/>
                  <a:gd name="T31" fmla="*/ 1 h 351"/>
                  <a:gd name="T32" fmla="*/ 52 w 66"/>
                  <a:gd name="T33" fmla="*/ 1 h 351"/>
                  <a:gd name="T34" fmla="*/ 52 w 66"/>
                  <a:gd name="T35" fmla="*/ 1 h 351"/>
                  <a:gd name="T36" fmla="*/ 52 w 66"/>
                  <a:gd name="T37" fmla="*/ 1 h 351"/>
                  <a:gd name="T38" fmla="*/ 52 w 66"/>
                  <a:gd name="T39" fmla="*/ 1 h 351"/>
                  <a:gd name="T40" fmla="*/ 52 w 66"/>
                  <a:gd name="T41" fmla="*/ 1 h 351"/>
                  <a:gd name="T42" fmla="*/ 52 w 66"/>
                  <a:gd name="T43" fmla="*/ 1 h 351"/>
                  <a:gd name="T44" fmla="*/ 52 w 66"/>
                  <a:gd name="T45" fmla="*/ 1 h 351"/>
                  <a:gd name="T46" fmla="*/ 52 w 66"/>
                  <a:gd name="T47" fmla="*/ 1 h 351"/>
                  <a:gd name="T48" fmla="*/ 52 w 66"/>
                  <a:gd name="T49" fmla="*/ 1 h 351"/>
                  <a:gd name="T50" fmla="*/ 52 w 66"/>
                  <a:gd name="T51" fmla="*/ 1 h 351"/>
                  <a:gd name="T52" fmla="*/ 52 w 66"/>
                  <a:gd name="T53" fmla="*/ 1 h 351"/>
                  <a:gd name="T54" fmla="*/ 52 w 66"/>
                  <a:gd name="T55" fmla="*/ 1 h 351"/>
                  <a:gd name="T56" fmla="*/ 52 w 66"/>
                  <a:gd name="T57" fmla="*/ 1 h 351"/>
                  <a:gd name="T58" fmla="*/ 52 w 66"/>
                  <a:gd name="T59" fmla="*/ 1 h 351"/>
                  <a:gd name="T60" fmla="*/ 52 w 66"/>
                  <a:gd name="T61" fmla="*/ 1 h 351"/>
                  <a:gd name="T62" fmla="*/ 52 w 66"/>
                  <a:gd name="T63" fmla="*/ 1 h 351"/>
                  <a:gd name="T64" fmla="*/ 53 w 66"/>
                  <a:gd name="T65" fmla="*/ 0 h 351"/>
                  <a:gd name="T66" fmla="*/ 53 w 66"/>
                  <a:gd name="T67" fmla="*/ 0 h 351"/>
                  <a:gd name="T68" fmla="*/ 66 w 66"/>
                  <a:gd name="T69" fmla="*/ 3 h 351"/>
                  <a:gd name="T70" fmla="*/ 53 w 66"/>
                  <a:gd name="T71" fmla="*/ 0 h 35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</a:cxnLst>
                <a:rect l="0" t="0" r="r" b="b"/>
                <a:pathLst>
                  <a:path w="66" h="351">
                    <a:moveTo>
                      <a:pt x="0" y="338"/>
                    </a:moveTo>
                    <a:cubicBezTo>
                      <a:pt x="0" y="339"/>
                      <a:pt x="0" y="339"/>
                      <a:pt x="0" y="339"/>
                    </a:cubicBezTo>
                    <a:cubicBezTo>
                      <a:pt x="0" y="351"/>
                      <a:pt x="0" y="351"/>
                      <a:pt x="0" y="351"/>
                    </a:cubicBezTo>
                    <a:cubicBezTo>
                      <a:pt x="0" y="338"/>
                      <a:pt x="0" y="338"/>
                      <a:pt x="0" y="338"/>
                    </a:cubicBezTo>
                    <a:moveTo>
                      <a:pt x="13" y="296"/>
                    </a:move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moveTo>
                      <a:pt x="13" y="296"/>
                    </a:move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cubicBezTo>
                      <a:pt x="13" y="296"/>
                      <a:pt x="13" y="296"/>
                      <a:pt x="13" y="296"/>
                    </a:cubicBezTo>
                    <a:moveTo>
                      <a:pt x="1" y="294"/>
                    </a:moveTo>
                    <a:cubicBezTo>
                      <a:pt x="1" y="295"/>
                      <a:pt x="1" y="295"/>
                      <a:pt x="1" y="295"/>
                    </a:cubicBezTo>
                    <a:cubicBezTo>
                      <a:pt x="1" y="316"/>
                      <a:pt x="1" y="316"/>
                      <a:pt x="1" y="316"/>
                    </a:cubicBezTo>
                    <a:cubicBezTo>
                      <a:pt x="1" y="294"/>
                      <a:pt x="1" y="294"/>
                      <a:pt x="1" y="294"/>
                    </a:cubicBezTo>
                    <a:moveTo>
                      <a:pt x="1" y="294"/>
                    </a:moveTo>
                    <a:cubicBezTo>
                      <a:pt x="1" y="294"/>
                      <a:pt x="1" y="294"/>
                      <a:pt x="1" y="294"/>
                    </a:cubicBezTo>
                    <a:cubicBezTo>
                      <a:pt x="1" y="294"/>
                      <a:pt x="1" y="294"/>
                      <a:pt x="1" y="294"/>
                    </a:cubicBezTo>
                    <a:cubicBezTo>
                      <a:pt x="5" y="295"/>
                      <a:pt x="5" y="295"/>
                      <a:pt x="5" y="295"/>
                    </a:cubicBezTo>
                    <a:cubicBezTo>
                      <a:pt x="1" y="294"/>
                      <a:pt x="1" y="294"/>
                      <a:pt x="1" y="294"/>
                    </a:cubicBezTo>
                    <a:cubicBezTo>
                      <a:pt x="1" y="294"/>
                      <a:pt x="1" y="294"/>
                      <a:pt x="1" y="294"/>
                    </a:cubicBezTo>
                    <a:moveTo>
                      <a:pt x="46" y="36"/>
                    </a:moveTo>
                    <a:cubicBezTo>
                      <a:pt x="46" y="37"/>
                      <a:pt x="46" y="37"/>
                      <a:pt x="46" y="37"/>
                    </a:cubicBezTo>
                    <a:cubicBezTo>
                      <a:pt x="46" y="37"/>
                      <a:pt x="47" y="38"/>
                      <a:pt x="47" y="38"/>
                    </a:cubicBezTo>
                    <a:cubicBezTo>
                      <a:pt x="2" y="292"/>
                      <a:pt x="2" y="292"/>
                      <a:pt x="2" y="292"/>
                    </a:cubicBezTo>
                    <a:cubicBezTo>
                      <a:pt x="47" y="37"/>
                      <a:pt x="47" y="37"/>
                      <a:pt x="47" y="37"/>
                    </a:cubicBezTo>
                    <a:cubicBezTo>
                      <a:pt x="46" y="37"/>
                      <a:pt x="46" y="37"/>
                      <a:pt x="46" y="36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2" y="1"/>
                    </a:moveTo>
                    <a:cubicBezTo>
                      <a:pt x="52" y="1"/>
                      <a:pt x="52" y="1"/>
                      <a:pt x="52" y="1"/>
                    </a:cubicBezTo>
                    <a:cubicBezTo>
                      <a:pt x="52" y="1"/>
                      <a:pt x="52" y="1"/>
                      <a:pt x="52" y="1"/>
                    </a:cubicBezTo>
                    <a:moveTo>
                      <a:pt x="53" y="0"/>
                    </a:moveTo>
                    <a:cubicBezTo>
                      <a:pt x="53" y="0"/>
                      <a:pt x="53" y="1"/>
                      <a:pt x="52" y="1"/>
                    </a:cubicBezTo>
                    <a:cubicBezTo>
                      <a:pt x="53" y="1"/>
                      <a:pt x="53" y="0"/>
                      <a:pt x="53" y="0"/>
                    </a:cubicBezTo>
                    <a:cubicBezTo>
                      <a:pt x="53" y="0"/>
                      <a:pt x="53" y="0"/>
                      <a:pt x="53" y="0"/>
                    </a:cubicBezTo>
                    <a:cubicBezTo>
                      <a:pt x="66" y="3"/>
                      <a:pt x="66" y="3"/>
                      <a:pt x="66" y="3"/>
                    </a:cubicBezTo>
                    <a:cubicBezTo>
                      <a:pt x="66" y="3"/>
                      <a:pt x="66" y="3"/>
                      <a:pt x="66" y="3"/>
                    </a:cubicBezTo>
                    <a:cubicBezTo>
                      <a:pt x="53" y="0"/>
                      <a:pt x="53" y="0"/>
                      <a:pt x="53" y="0"/>
                    </a:cubicBezTo>
                    <a:cubicBezTo>
                      <a:pt x="53" y="0"/>
                      <a:pt x="53" y="0"/>
                      <a:pt x="53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5" name="Freeform 121"/>
              <p:cNvSpPr/>
              <p:nvPr/>
            </p:nvSpPr>
            <p:spPr bwMode="auto">
              <a:xfrm>
                <a:off x="1235075" y="2255838"/>
                <a:ext cx="58738" cy="192088"/>
              </a:xfrm>
              <a:custGeom>
                <a:avLst/>
                <a:gdLst>
                  <a:gd name="T0" fmla="*/ 1 w 14"/>
                  <a:gd name="T1" fmla="*/ 0 h 45"/>
                  <a:gd name="T2" fmla="*/ 1 w 14"/>
                  <a:gd name="T3" fmla="*/ 0 h 45"/>
                  <a:gd name="T4" fmla="*/ 1 w 14"/>
                  <a:gd name="T5" fmla="*/ 22 h 45"/>
                  <a:gd name="T6" fmla="*/ 0 w 14"/>
                  <a:gd name="T7" fmla="*/ 43 h 45"/>
                  <a:gd name="T8" fmla="*/ 0 w 14"/>
                  <a:gd name="T9" fmla="*/ 44 h 45"/>
                  <a:gd name="T10" fmla="*/ 7 w 14"/>
                  <a:gd name="T11" fmla="*/ 45 h 45"/>
                  <a:gd name="T12" fmla="*/ 14 w 14"/>
                  <a:gd name="T13" fmla="*/ 3 h 45"/>
                  <a:gd name="T14" fmla="*/ 13 w 14"/>
                  <a:gd name="T15" fmla="*/ 2 h 45"/>
                  <a:gd name="T16" fmla="*/ 13 w 14"/>
                  <a:gd name="T17" fmla="*/ 2 h 45"/>
                  <a:gd name="T18" fmla="*/ 11 w 14"/>
                  <a:gd name="T19" fmla="*/ 2 h 45"/>
                  <a:gd name="T20" fmla="*/ 5 w 14"/>
                  <a:gd name="T21" fmla="*/ 1 h 45"/>
                  <a:gd name="T22" fmla="*/ 1 w 14"/>
                  <a:gd name="T23" fmla="*/ 0 h 4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l="0" t="0" r="r" b="b"/>
                <a:pathLst>
                  <a:path w="14" h="45">
                    <a:moveTo>
                      <a:pt x="1" y="0"/>
                    </a:moveTo>
                    <a:cubicBezTo>
                      <a:pt x="1" y="0"/>
                      <a:pt x="1" y="0"/>
                      <a:pt x="1" y="0"/>
                    </a:cubicBezTo>
                    <a:cubicBezTo>
                      <a:pt x="1" y="22"/>
                      <a:pt x="1" y="22"/>
                      <a:pt x="1" y="22"/>
                    </a:cubicBezTo>
                    <a:cubicBezTo>
                      <a:pt x="0" y="43"/>
                      <a:pt x="0" y="43"/>
                      <a:pt x="0" y="43"/>
                    </a:cubicBezTo>
                    <a:cubicBezTo>
                      <a:pt x="0" y="44"/>
                      <a:pt x="0" y="44"/>
                      <a:pt x="0" y="44"/>
                    </a:cubicBezTo>
                    <a:cubicBezTo>
                      <a:pt x="7" y="45"/>
                      <a:pt x="7" y="45"/>
                      <a:pt x="7" y="45"/>
                    </a:cubicBezTo>
                    <a:cubicBezTo>
                      <a:pt x="14" y="3"/>
                      <a:pt x="14" y="3"/>
                      <a:pt x="14" y="3"/>
                    </a:cubicBezTo>
                    <a:cubicBezTo>
                      <a:pt x="14" y="3"/>
                      <a:pt x="14" y="2"/>
                      <a:pt x="13" y="2"/>
                    </a:cubicBezTo>
                    <a:cubicBezTo>
                      <a:pt x="13" y="2"/>
                      <a:pt x="13" y="2"/>
                      <a:pt x="13" y="2"/>
                    </a:cubicBezTo>
                    <a:cubicBezTo>
                      <a:pt x="11" y="2"/>
                      <a:pt x="11" y="2"/>
                      <a:pt x="11" y="2"/>
                    </a:cubicBezTo>
                    <a:cubicBezTo>
                      <a:pt x="5" y="1"/>
                      <a:pt x="5" y="1"/>
                      <a:pt x="5" y="1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BF756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6" name="Freeform 122"/>
              <p:cNvSpPr/>
              <p:nvPr/>
            </p:nvSpPr>
            <p:spPr bwMode="auto">
              <a:xfrm>
                <a:off x="1230312" y="2443163"/>
                <a:ext cx="34925" cy="136525"/>
              </a:xfrm>
              <a:custGeom>
                <a:avLst/>
                <a:gdLst>
                  <a:gd name="T0" fmla="*/ 1 w 8"/>
                  <a:gd name="T1" fmla="*/ 0 h 32"/>
                  <a:gd name="T2" fmla="*/ 1 w 8"/>
                  <a:gd name="T3" fmla="*/ 0 h 32"/>
                  <a:gd name="T4" fmla="*/ 1 w 8"/>
                  <a:gd name="T5" fmla="*/ 13 h 32"/>
                  <a:gd name="T6" fmla="*/ 0 w 8"/>
                  <a:gd name="T7" fmla="*/ 25 h 32"/>
                  <a:gd name="T8" fmla="*/ 0 w 8"/>
                  <a:gd name="T9" fmla="*/ 25 h 32"/>
                  <a:gd name="T10" fmla="*/ 0 w 8"/>
                  <a:gd name="T11" fmla="*/ 26 h 32"/>
                  <a:gd name="T12" fmla="*/ 0 w 8"/>
                  <a:gd name="T13" fmla="*/ 27 h 32"/>
                  <a:gd name="T14" fmla="*/ 1 w 8"/>
                  <a:gd name="T15" fmla="*/ 32 h 32"/>
                  <a:gd name="T16" fmla="*/ 2 w 8"/>
                  <a:gd name="T17" fmla="*/ 32 h 32"/>
                  <a:gd name="T18" fmla="*/ 2 w 8"/>
                  <a:gd name="T19" fmla="*/ 32 h 32"/>
                  <a:gd name="T20" fmla="*/ 2 w 8"/>
                  <a:gd name="T21" fmla="*/ 31 h 32"/>
                  <a:gd name="T22" fmla="*/ 8 w 8"/>
                  <a:gd name="T23" fmla="*/ 1 h 32"/>
                  <a:gd name="T24" fmla="*/ 1 w 8"/>
                  <a:gd name="T25" fmla="*/ 0 h 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8" h="32">
                    <a:moveTo>
                      <a:pt x="1" y="0"/>
                    </a:moveTo>
                    <a:cubicBezTo>
                      <a:pt x="1" y="0"/>
                      <a:pt x="1" y="0"/>
                      <a:pt x="1" y="0"/>
                    </a:cubicBezTo>
                    <a:cubicBezTo>
                      <a:pt x="1" y="13"/>
                      <a:pt x="1" y="13"/>
                      <a:pt x="1" y="13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0" y="25"/>
                      <a:pt x="0" y="25"/>
                      <a:pt x="0" y="25"/>
                    </a:cubicBezTo>
                    <a:cubicBezTo>
                      <a:pt x="0" y="26"/>
                      <a:pt x="0" y="26"/>
                      <a:pt x="0" y="26"/>
                    </a:cubicBezTo>
                    <a:cubicBezTo>
                      <a:pt x="0" y="26"/>
                      <a:pt x="0" y="27"/>
                      <a:pt x="0" y="27"/>
                    </a:cubicBezTo>
                    <a:cubicBezTo>
                      <a:pt x="1" y="32"/>
                      <a:pt x="1" y="32"/>
                      <a:pt x="1" y="32"/>
                    </a:cubicBezTo>
                    <a:cubicBezTo>
                      <a:pt x="2" y="32"/>
                      <a:pt x="2" y="32"/>
                      <a:pt x="2" y="32"/>
                    </a:cubicBezTo>
                    <a:cubicBezTo>
                      <a:pt x="2" y="32"/>
                      <a:pt x="2" y="32"/>
                      <a:pt x="2" y="32"/>
                    </a:cubicBezTo>
                    <a:cubicBezTo>
                      <a:pt x="2" y="32"/>
                      <a:pt x="2" y="32"/>
                      <a:pt x="2" y="31"/>
                    </a:cubicBezTo>
                    <a:cubicBezTo>
                      <a:pt x="8" y="1"/>
                      <a:pt x="8" y="1"/>
                      <a:pt x="8" y="1"/>
                    </a:cubicBezTo>
                    <a:cubicBezTo>
                      <a:pt x="1" y="0"/>
                      <a:pt x="1" y="0"/>
                      <a:pt x="1" y="0"/>
                    </a:cubicBezTo>
                  </a:path>
                </a:pathLst>
              </a:custGeom>
              <a:solidFill>
                <a:srgbClr val="3C3C3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7" name="Freeform 123"/>
              <p:cNvSpPr/>
              <p:nvPr/>
            </p:nvSpPr>
            <p:spPr bwMode="auto">
              <a:xfrm>
                <a:off x="1239838" y="1163638"/>
                <a:ext cx="249238" cy="1101725"/>
              </a:xfrm>
              <a:custGeom>
                <a:avLst/>
                <a:gdLst>
                  <a:gd name="T0" fmla="*/ 46 w 59"/>
                  <a:gd name="T1" fmla="*/ 0 h 259"/>
                  <a:gd name="T2" fmla="*/ 1 w 59"/>
                  <a:gd name="T3" fmla="*/ 255 h 259"/>
                  <a:gd name="T4" fmla="*/ 0 w 59"/>
                  <a:gd name="T5" fmla="*/ 256 h 259"/>
                  <a:gd name="T6" fmla="*/ 0 w 59"/>
                  <a:gd name="T7" fmla="*/ 257 h 259"/>
                  <a:gd name="T8" fmla="*/ 0 w 59"/>
                  <a:gd name="T9" fmla="*/ 257 h 259"/>
                  <a:gd name="T10" fmla="*/ 4 w 59"/>
                  <a:gd name="T11" fmla="*/ 258 h 259"/>
                  <a:gd name="T12" fmla="*/ 10 w 59"/>
                  <a:gd name="T13" fmla="*/ 259 h 259"/>
                  <a:gd name="T14" fmla="*/ 12 w 59"/>
                  <a:gd name="T15" fmla="*/ 259 h 259"/>
                  <a:gd name="T16" fmla="*/ 12 w 59"/>
                  <a:gd name="T17" fmla="*/ 259 h 259"/>
                  <a:gd name="T18" fmla="*/ 12 w 59"/>
                  <a:gd name="T19" fmla="*/ 259 h 259"/>
                  <a:gd name="T20" fmla="*/ 12 w 59"/>
                  <a:gd name="T21" fmla="*/ 259 h 259"/>
                  <a:gd name="T22" fmla="*/ 12 w 59"/>
                  <a:gd name="T23" fmla="*/ 259 h 259"/>
                  <a:gd name="T24" fmla="*/ 12 w 59"/>
                  <a:gd name="T25" fmla="*/ 259 h 259"/>
                  <a:gd name="T26" fmla="*/ 12 w 59"/>
                  <a:gd name="T27" fmla="*/ 259 h 259"/>
                  <a:gd name="T28" fmla="*/ 12 w 59"/>
                  <a:gd name="T29" fmla="*/ 259 h 259"/>
                  <a:gd name="T30" fmla="*/ 13 w 59"/>
                  <a:gd name="T31" fmla="*/ 258 h 259"/>
                  <a:gd name="T32" fmla="*/ 59 w 59"/>
                  <a:gd name="T33" fmla="*/ 3 h 259"/>
                  <a:gd name="T34" fmla="*/ 46 w 59"/>
                  <a:gd name="T35" fmla="*/ 0 h 259"/>
                  <a:gd name="T36" fmla="*/ 46 w 59"/>
                  <a:gd name="T37" fmla="*/ 0 h 25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</a:cxnLst>
                <a:rect l="0" t="0" r="r" b="b"/>
                <a:pathLst>
                  <a:path w="59" h="259">
                    <a:moveTo>
                      <a:pt x="46" y="0"/>
                    </a:moveTo>
                    <a:cubicBezTo>
                      <a:pt x="1" y="255"/>
                      <a:pt x="1" y="255"/>
                      <a:pt x="1" y="255"/>
                    </a:cubicBezTo>
                    <a:cubicBezTo>
                      <a:pt x="0" y="256"/>
                      <a:pt x="0" y="256"/>
                      <a:pt x="0" y="256"/>
                    </a:cubicBezTo>
                    <a:cubicBezTo>
                      <a:pt x="0" y="256"/>
                      <a:pt x="0" y="257"/>
                      <a:pt x="0" y="257"/>
                    </a:cubicBezTo>
                    <a:cubicBezTo>
                      <a:pt x="0" y="257"/>
                      <a:pt x="0" y="257"/>
                      <a:pt x="0" y="257"/>
                    </a:cubicBezTo>
                    <a:cubicBezTo>
                      <a:pt x="4" y="258"/>
                      <a:pt x="4" y="258"/>
                      <a:pt x="4" y="258"/>
                    </a:cubicBezTo>
                    <a:cubicBezTo>
                      <a:pt x="10" y="259"/>
                      <a:pt x="10" y="259"/>
                      <a:pt x="10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2" y="259"/>
                      <a:pt x="12" y="259"/>
                      <a:pt x="12" y="259"/>
                    </a:cubicBezTo>
                    <a:cubicBezTo>
                      <a:pt x="13" y="259"/>
                      <a:pt x="13" y="259"/>
                      <a:pt x="13" y="258"/>
                    </a:cubicBezTo>
                    <a:cubicBezTo>
                      <a:pt x="59" y="3"/>
                      <a:pt x="59" y="3"/>
                      <a:pt x="59" y="3"/>
                    </a:cubicBezTo>
                    <a:cubicBezTo>
                      <a:pt x="46" y="0"/>
                      <a:pt x="46" y="0"/>
                      <a:pt x="46" y="0"/>
                    </a:cubicBezTo>
                    <a:cubicBezTo>
                      <a:pt x="46" y="0"/>
                      <a:pt x="46" y="0"/>
                      <a:pt x="46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8" name="Freeform 124"/>
              <p:cNvSpPr/>
              <p:nvPr/>
            </p:nvSpPr>
            <p:spPr bwMode="auto">
              <a:xfrm>
                <a:off x="1430338" y="1006476"/>
                <a:ext cx="88900" cy="169863"/>
              </a:xfrm>
              <a:custGeom>
                <a:avLst/>
                <a:gdLst>
                  <a:gd name="T0" fmla="*/ 7 w 21"/>
                  <a:gd name="T1" fmla="*/ 0 h 40"/>
                  <a:gd name="T2" fmla="*/ 6 w 21"/>
                  <a:gd name="T3" fmla="*/ 1 h 40"/>
                  <a:gd name="T4" fmla="*/ 6 w 21"/>
                  <a:gd name="T5" fmla="*/ 1 h 40"/>
                  <a:gd name="T6" fmla="*/ 6 w 21"/>
                  <a:gd name="T7" fmla="*/ 1 h 40"/>
                  <a:gd name="T8" fmla="*/ 6 w 21"/>
                  <a:gd name="T9" fmla="*/ 1 h 40"/>
                  <a:gd name="T10" fmla="*/ 6 w 21"/>
                  <a:gd name="T11" fmla="*/ 1 h 40"/>
                  <a:gd name="T12" fmla="*/ 6 w 21"/>
                  <a:gd name="T13" fmla="*/ 1 h 40"/>
                  <a:gd name="T14" fmla="*/ 6 w 21"/>
                  <a:gd name="T15" fmla="*/ 1 h 40"/>
                  <a:gd name="T16" fmla="*/ 6 w 21"/>
                  <a:gd name="T17" fmla="*/ 1 h 40"/>
                  <a:gd name="T18" fmla="*/ 6 w 21"/>
                  <a:gd name="T19" fmla="*/ 1 h 40"/>
                  <a:gd name="T20" fmla="*/ 6 w 21"/>
                  <a:gd name="T21" fmla="*/ 1 h 40"/>
                  <a:gd name="T22" fmla="*/ 6 w 21"/>
                  <a:gd name="T23" fmla="*/ 1 h 40"/>
                  <a:gd name="T24" fmla="*/ 6 w 21"/>
                  <a:gd name="T25" fmla="*/ 1 h 40"/>
                  <a:gd name="T26" fmla="*/ 6 w 21"/>
                  <a:gd name="T27" fmla="*/ 1 h 40"/>
                  <a:gd name="T28" fmla="*/ 6 w 21"/>
                  <a:gd name="T29" fmla="*/ 1 h 40"/>
                  <a:gd name="T30" fmla="*/ 6 w 21"/>
                  <a:gd name="T31" fmla="*/ 1 h 40"/>
                  <a:gd name="T32" fmla="*/ 6 w 21"/>
                  <a:gd name="T33" fmla="*/ 1 h 40"/>
                  <a:gd name="T34" fmla="*/ 6 w 21"/>
                  <a:gd name="T35" fmla="*/ 1 h 40"/>
                  <a:gd name="T36" fmla="*/ 6 w 21"/>
                  <a:gd name="T37" fmla="*/ 1 h 40"/>
                  <a:gd name="T38" fmla="*/ 6 w 21"/>
                  <a:gd name="T39" fmla="*/ 1 h 40"/>
                  <a:gd name="T40" fmla="*/ 6 w 21"/>
                  <a:gd name="T41" fmla="*/ 1 h 40"/>
                  <a:gd name="T42" fmla="*/ 6 w 21"/>
                  <a:gd name="T43" fmla="*/ 1 h 40"/>
                  <a:gd name="T44" fmla="*/ 6 w 21"/>
                  <a:gd name="T45" fmla="*/ 1 h 40"/>
                  <a:gd name="T46" fmla="*/ 6 w 21"/>
                  <a:gd name="T47" fmla="*/ 1 h 40"/>
                  <a:gd name="T48" fmla="*/ 6 w 21"/>
                  <a:gd name="T49" fmla="*/ 1 h 40"/>
                  <a:gd name="T50" fmla="*/ 6 w 21"/>
                  <a:gd name="T51" fmla="*/ 1 h 40"/>
                  <a:gd name="T52" fmla="*/ 6 w 21"/>
                  <a:gd name="T53" fmla="*/ 1 h 40"/>
                  <a:gd name="T54" fmla="*/ 6 w 21"/>
                  <a:gd name="T55" fmla="*/ 1 h 40"/>
                  <a:gd name="T56" fmla="*/ 0 w 21"/>
                  <a:gd name="T57" fmla="*/ 36 h 40"/>
                  <a:gd name="T58" fmla="*/ 0 w 21"/>
                  <a:gd name="T59" fmla="*/ 36 h 40"/>
                  <a:gd name="T60" fmla="*/ 0 w 21"/>
                  <a:gd name="T61" fmla="*/ 36 h 40"/>
                  <a:gd name="T62" fmla="*/ 1 w 21"/>
                  <a:gd name="T63" fmla="*/ 37 h 40"/>
                  <a:gd name="T64" fmla="*/ 1 w 21"/>
                  <a:gd name="T65" fmla="*/ 37 h 40"/>
                  <a:gd name="T66" fmla="*/ 14 w 21"/>
                  <a:gd name="T67" fmla="*/ 40 h 40"/>
                  <a:gd name="T68" fmla="*/ 21 w 21"/>
                  <a:gd name="T69" fmla="*/ 4 h 40"/>
                  <a:gd name="T70" fmla="*/ 20 w 21"/>
                  <a:gd name="T71" fmla="*/ 3 h 40"/>
                  <a:gd name="T72" fmla="*/ 7 w 21"/>
                  <a:gd name="T73" fmla="*/ 0 h 40"/>
                  <a:gd name="T74" fmla="*/ 7 w 21"/>
                  <a:gd name="T75" fmla="*/ 0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  <a:cxn ang="0">
                    <a:pos x="T46" y="T47"/>
                  </a:cxn>
                  <a:cxn ang="0">
                    <a:pos x="T48" y="T49"/>
                  </a:cxn>
                  <a:cxn ang="0">
                    <a:pos x="T50" y="T51"/>
                  </a:cxn>
                  <a:cxn ang="0">
                    <a:pos x="T52" y="T53"/>
                  </a:cxn>
                  <a:cxn ang="0">
                    <a:pos x="T54" y="T55"/>
                  </a:cxn>
                  <a:cxn ang="0">
                    <a:pos x="T56" y="T57"/>
                  </a:cxn>
                  <a:cxn ang="0">
                    <a:pos x="T58" y="T59"/>
                  </a:cxn>
                  <a:cxn ang="0">
                    <a:pos x="T60" y="T61"/>
                  </a:cxn>
                  <a:cxn ang="0">
                    <a:pos x="T62" y="T63"/>
                  </a:cxn>
                  <a:cxn ang="0">
                    <a:pos x="T64" y="T65"/>
                  </a:cxn>
                  <a:cxn ang="0">
                    <a:pos x="T66" y="T67"/>
                  </a:cxn>
                  <a:cxn ang="0">
                    <a:pos x="T68" y="T69"/>
                  </a:cxn>
                  <a:cxn ang="0">
                    <a:pos x="T70" y="T71"/>
                  </a:cxn>
                  <a:cxn ang="0">
                    <a:pos x="T72" y="T73"/>
                  </a:cxn>
                  <a:cxn ang="0">
                    <a:pos x="T74" y="T75"/>
                  </a:cxn>
                </a:cxnLst>
                <a:rect l="0" t="0" r="r" b="b"/>
                <a:pathLst>
                  <a:path w="21" h="40">
                    <a:moveTo>
                      <a:pt x="7" y="0"/>
                    </a:moveTo>
                    <a:cubicBezTo>
                      <a:pt x="7" y="0"/>
                      <a:pt x="7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6"/>
                      <a:pt x="0" y="36"/>
                      <a:pt x="0" y="36"/>
                    </a:cubicBezTo>
                    <a:cubicBezTo>
                      <a:pt x="0" y="37"/>
                      <a:pt x="0" y="37"/>
                      <a:pt x="1" y="37"/>
                    </a:cubicBezTo>
                    <a:cubicBezTo>
                      <a:pt x="1" y="37"/>
                      <a:pt x="1" y="37"/>
                      <a:pt x="1" y="37"/>
                    </a:cubicBezTo>
                    <a:cubicBezTo>
                      <a:pt x="14" y="40"/>
                      <a:pt x="14" y="40"/>
                      <a:pt x="14" y="40"/>
                    </a:cubicBezTo>
                    <a:cubicBezTo>
                      <a:pt x="21" y="4"/>
                      <a:pt x="21" y="4"/>
                      <a:pt x="21" y="4"/>
                    </a:cubicBezTo>
                    <a:cubicBezTo>
                      <a:pt x="21" y="3"/>
                      <a:pt x="20" y="3"/>
                      <a:pt x="20" y="3"/>
                    </a:cubicBezTo>
                    <a:cubicBezTo>
                      <a:pt x="7" y="0"/>
                      <a:pt x="7" y="0"/>
                      <a:pt x="7" y="0"/>
                    </a:cubicBezTo>
                    <a:cubicBezTo>
                      <a:pt x="7" y="0"/>
                      <a:pt x="7" y="0"/>
                      <a:pt x="7" y="0"/>
                    </a:cubicBezTo>
                  </a:path>
                </a:pathLst>
              </a:custGeom>
              <a:solidFill>
                <a:srgbClr val="23405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3" name="组合 2"/>
            <p:cNvGrpSpPr/>
            <p:nvPr/>
          </p:nvGrpSpPr>
          <p:grpSpPr>
            <a:xfrm>
              <a:off x="2573959" y="1008439"/>
              <a:ext cx="1266731" cy="2222633"/>
              <a:chOff x="2022380" y="1257933"/>
              <a:chExt cx="944563" cy="1657350"/>
            </a:xfrm>
          </p:grpSpPr>
          <p:sp>
            <p:nvSpPr>
              <p:cNvPr id="5" name="Freeform 5"/>
              <p:cNvSpPr/>
              <p:nvPr/>
            </p:nvSpPr>
            <p:spPr bwMode="auto">
              <a:xfrm>
                <a:off x="2306543" y="2516820"/>
                <a:ext cx="122238" cy="200025"/>
              </a:xfrm>
              <a:custGeom>
                <a:avLst/>
                <a:gdLst>
                  <a:gd name="T0" fmla="*/ 69 w 77"/>
                  <a:gd name="T1" fmla="*/ 0 h 126"/>
                  <a:gd name="T2" fmla="*/ 0 w 77"/>
                  <a:gd name="T3" fmla="*/ 16 h 126"/>
                  <a:gd name="T4" fmla="*/ 42 w 77"/>
                  <a:gd name="T5" fmla="*/ 126 h 126"/>
                  <a:gd name="T6" fmla="*/ 77 w 77"/>
                  <a:gd name="T7" fmla="*/ 118 h 126"/>
                  <a:gd name="T8" fmla="*/ 69 w 77"/>
                  <a:gd name="T9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7" h="126">
                    <a:moveTo>
                      <a:pt x="69" y="0"/>
                    </a:moveTo>
                    <a:lnTo>
                      <a:pt x="0" y="16"/>
                    </a:lnTo>
                    <a:lnTo>
                      <a:pt x="42" y="126"/>
                    </a:lnTo>
                    <a:lnTo>
                      <a:pt x="77" y="118"/>
                    </a:lnTo>
                    <a:lnTo>
                      <a:pt x="69" y="0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" name="Freeform 6"/>
              <p:cNvSpPr/>
              <p:nvPr/>
            </p:nvSpPr>
            <p:spPr bwMode="auto">
              <a:xfrm>
                <a:off x="2306543" y="2516820"/>
                <a:ext cx="122238" cy="200025"/>
              </a:xfrm>
              <a:custGeom>
                <a:avLst/>
                <a:gdLst>
                  <a:gd name="T0" fmla="*/ 69 w 77"/>
                  <a:gd name="T1" fmla="*/ 0 h 126"/>
                  <a:gd name="T2" fmla="*/ 0 w 77"/>
                  <a:gd name="T3" fmla="*/ 16 h 126"/>
                  <a:gd name="T4" fmla="*/ 42 w 77"/>
                  <a:gd name="T5" fmla="*/ 126 h 126"/>
                  <a:gd name="T6" fmla="*/ 77 w 77"/>
                  <a:gd name="T7" fmla="*/ 118 h 126"/>
                  <a:gd name="T8" fmla="*/ 69 w 77"/>
                  <a:gd name="T9" fmla="*/ 0 h 12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7" h="126">
                    <a:moveTo>
                      <a:pt x="69" y="0"/>
                    </a:moveTo>
                    <a:lnTo>
                      <a:pt x="0" y="16"/>
                    </a:lnTo>
                    <a:lnTo>
                      <a:pt x="42" y="126"/>
                    </a:lnTo>
                    <a:lnTo>
                      <a:pt x="77" y="118"/>
                    </a:lnTo>
                    <a:lnTo>
                      <a:pt x="69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" name="Freeform 7"/>
              <p:cNvSpPr/>
              <p:nvPr/>
            </p:nvSpPr>
            <p:spPr bwMode="auto">
              <a:xfrm>
                <a:off x="2373218" y="2704145"/>
                <a:ext cx="63500" cy="139700"/>
              </a:xfrm>
              <a:custGeom>
                <a:avLst/>
                <a:gdLst>
                  <a:gd name="T0" fmla="*/ 0 w 15"/>
                  <a:gd name="T1" fmla="*/ 3 h 33"/>
                  <a:gd name="T2" fmla="*/ 10 w 15"/>
                  <a:gd name="T3" fmla="*/ 27 h 33"/>
                  <a:gd name="T4" fmla="*/ 14 w 15"/>
                  <a:gd name="T5" fmla="*/ 32 h 33"/>
                  <a:gd name="T6" fmla="*/ 15 w 15"/>
                  <a:gd name="T7" fmla="*/ 26 h 33"/>
                  <a:gd name="T8" fmla="*/ 13 w 15"/>
                  <a:gd name="T9" fmla="*/ 0 h 33"/>
                  <a:gd name="T10" fmla="*/ 0 w 15"/>
                  <a:gd name="T11" fmla="*/ 3 h 3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5" h="33">
                    <a:moveTo>
                      <a:pt x="0" y="3"/>
                    </a:moveTo>
                    <a:cubicBezTo>
                      <a:pt x="10" y="27"/>
                      <a:pt x="10" y="27"/>
                      <a:pt x="10" y="27"/>
                    </a:cubicBezTo>
                    <a:cubicBezTo>
                      <a:pt x="11" y="31"/>
                      <a:pt x="13" y="33"/>
                      <a:pt x="14" y="32"/>
                    </a:cubicBezTo>
                    <a:cubicBezTo>
                      <a:pt x="15" y="32"/>
                      <a:pt x="15" y="30"/>
                      <a:pt x="15" y="26"/>
                    </a:cubicBezTo>
                    <a:cubicBezTo>
                      <a:pt x="13" y="0"/>
                      <a:pt x="13" y="0"/>
                      <a:pt x="13" y="0"/>
                    </a:cubicBezTo>
                    <a:cubicBezTo>
                      <a:pt x="0" y="3"/>
                      <a:pt x="0" y="3"/>
                      <a:pt x="0" y="3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8" name="Freeform 8"/>
              <p:cNvSpPr/>
              <p:nvPr/>
            </p:nvSpPr>
            <p:spPr bwMode="auto">
              <a:xfrm>
                <a:off x="2055718" y="1424620"/>
                <a:ext cx="360363" cy="1117600"/>
              </a:xfrm>
              <a:custGeom>
                <a:avLst/>
                <a:gdLst>
                  <a:gd name="T0" fmla="*/ 0 w 227"/>
                  <a:gd name="T1" fmla="*/ 10 h 704"/>
                  <a:gd name="T2" fmla="*/ 158 w 227"/>
                  <a:gd name="T3" fmla="*/ 704 h 704"/>
                  <a:gd name="T4" fmla="*/ 182 w 227"/>
                  <a:gd name="T5" fmla="*/ 699 h 704"/>
                  <a:gd name="T6" fmla="*/ 203 w 227"/>
                  <a:gd name="T7" fmla="*/ 694 h 704"/>
                  <a:gd name="T8" fmla="*/ 227 w 227"/>
                  <a:gd name="T9" fmla="*/ 688 h 704"/>
                  <a:gd name="T10" fmla="*/ 69 w 227"/>
                  <a:gd name="T11" fmla="*/ 0 h 704"/>
                  <a:gd name="T12" fmla="*/ 45 w 227"/>
                  <a:gd name="T13" fmla="*/ 5 h 704"/>
                  <a:gd name="T14" fmla="*/ 24 w 227"/>
                  <a:gd name="T15" fmla="*/ 10 h 704"/>
                  <a:gd name="T16" fmla="*/ 24 w 227"/>
                  <a:gd name="T17" fmla="*/ 5 h 704"/>
                  <a:gd name="T18" fmla="*/ 0 w 227"/>
                  <a:gd name="T19" fmla="*/ 10 h 7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27" h="704">
                    <a:moveTo>
                      <a:pt x="0" y="10"/>
                    </a:moveTo>
                    <a:lnTo>
                      <a:pt x="158" y="704"/>
                    </a:lnTo>
                    <a:lnTo>
                      <a:pt x="182" y="699"/>
                    </a:lnTo>
                    <a:lnTo>
                      <a:pt x="203" y="694"/>
                    </a:lnTo>
                    <a:lnTo>
                      <a:pt x="227" y="688"/>
                    </a:lnTo>
                    <a:lnTo>
                      <a:pt x="69" y="0"/>
                    </a:lnTo>
                    <a:lnTo>
                      <a:pt x="45" y="5"/>
                    </a:lnTo>
                    <a:lnTo>
                      <a:pt x="24" y="10"/>
                    </a:lnTo>
                    <a:lnTo>
                      <a:pt x="24" y="5"/>
                    </a:lnTo>
                    <a:lnTo>
                      <a:pt x="0" y="1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Freeform 9"/>
              <p:cNvSpPr/>
              <p:nvPr/>
            </p:nvSpPr>
            <p:spPr bwMode="auto">
              <a:xfrm>
                <a:off x="2055718" y="1424620"/>
                <a:ext cx="360363" cy="1117600"/>
              </a:xfrm>
              <a:custGeom>
                <a:avLst/>
                <a:gdLst>
                  <a:gd name="T0" fmla="*/ 0 w 227"/>
                  <a:gd name="T1" fmla="*/ 10 h 704"/>
                  <a:gd name="T2" fmla="*/ 158 w 227"/>
                  <a:gd name="T3" fmla="*/ 704 h 704"/>
                  <a:gd name="T4" fmla="*/ 182 w 227"/>
                  <a:gd name="T5" fmla="*/ 699 h 704"/>
                  <a:gd name="T6" fmla="*/ 203 w 227"/>
                  <a:gd name="T7" fmla="*/ 694 h 704"/>
                  <a:gd name="T8" fmla="*/ 227 w 227"/>
                  <a:gd name="T9" fmla="*/ 688 h 704"/>
                  <a:gd name="T10" fmla="*/ 69 w 227"/>
                  <a:gd name="T11" fmla="*/ 0 h 704"/>
                  <a:gd name="T12" fmla="*/ 45 w 227"/>
                  <a:gd name="T13" fmla="*/ 5 h 704"/>
                  <a:gd name="T14" fmla="*/ 24 w 227"/>
                  <a:gd name="T15" fmla="*/ 10 h 704"/>
                  <a:gd name="T16" fmla="*/ 24 w 227"/>
                  <a:gd name="T17" fmla="*/ 5 h 704"/>
                  <a:gd name="T18" fmla="*/ 0 w 227"/>
                  <a:gd name="T19" fmla="*/ 10 h 7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227" h="704">
                    <a:moveTo>
                      <a:pt x="0" y="10"/>
                    </a:moveTo>
                    <a:lnTo>
                      <a:pt x="158" y="704"/>
                    </a:lnTo>
                    <a:lnTo>
                      <a:pt x="182" y="699"/>
                    </a:lnTo>
                    <a:lnTo>
                      <a:pt x="203" y="694"/>
                    </a:lnTo>
                    <a:lnTo>
                      <a:pt x="227" y="688"/>
                    </a:lnTo>
                    <a:lnTo>
                      <a:pt x="69" y="0"/>
                    </a:lnTo>
                    <a:lnTo>
                      <a:pt x="45" y="5"/>
                    </a:lnTo>
                    <a:lnTo>
                      <a:pt x="24" y="10"/>
                    </a:lnTo>
                    <a:lnTo>
                      <a:pt x="24" y="5"/>
                    </a:lnTo>
                    <a:lnTo>
                      <a:pt x="0" y="1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Freeform 10"/>
              <p:cNvSpPr/>
              <p:nvPr/>
            </p:nvSpPr>
            <p:spPr bwMode="auto">
              <a:xfrm>
                <a:off x="2022380" y="1288095"/>
                <a:ext cx="152400" cy="177800"/>
              </a:xfrm>
              <a:custGeom>
                <a:avLst/>
                <a:gdLst>
                  <a:gd name="T0" fmla="*/ 8 w 36"/>
                  <a:gd name="T1" fmla="*/ 41 h 42"/>
                  <a:gd name="T2" fmla="*/ 9 w 36"/>
                  <a:gd name="T3" fmla="*/ 42 h 42"/>
                  <a:gd name="T4" fmla="*/ 35 w 36"/>
                  <a:gd name="T5" fmla="*/ 36 h 42"/>
                  <a:gd name="T6" fmla="*/ 36 w 36"/>
                  <a:gd name="T7" fmla="*/ 35 h 42"/>
                  <a:gd name="T8" fmla="*/ 28 w 36"/>
                  <a:gd name="T9" fmla="*/ 0 h 42"/>
                  <a:gd name="T10" fmla="*/ 27 w 36"/>
                  <a:gd name="T11" fmla="*/ 0 h 42"/>
                  <a:gd name="T12" fmla="*/ 1 w 36"/>
                  <a:gd name="T13" fmla="*/ 5 h 42"/>
                  <a:gd name="T14" fmla="*/ 0 w 36"/>
                  <a:gd name="T15" fmla="*/ 6 h 42"/>
                  <a:gd name="T16" fmla="*/ 8 w 36"/>
                  <a:gd name="T17" fmla="*/ 41 h 4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6" h="42">
                    <a:moveTo>
                      <a:pt x="8" y="41"/>
                    </a:moveTo>
                    <a:cubicBezTo>
                      <a:pt x="8" y="41"/>
                      <a:pt x="8" y="42"/>
                      <a:pt x="9" y="42"/>
                    </a:cubicBezTo>
                    <a:cubicBezTo>
                      <a:pt x="35" y="36"/>
                      <a:pt x="35" y="36"/>
                      <a:pt x="35" y="36"/>
                    </a:cubicBezTo>
                    <a:cubicBezTo>
                      <a:pt x="35" y="36"/>
                      <a:pt x="36" y="36"/>
                      <a:pt x="36" y="35"/>
                    </a:cubicBezTo>
                    <a:cubicBezTo>
                      <a:pt x="28" y="0"/>
                      <a:pt x="28" y="0"/>
                      <a:pt x="28" y="0"/>
                    </a:cubicBezTo>
                    <a:cubicBezTo>
                      <a:pt x="28" y="0"/>
                      <a:pt x="27" y="0"/>
                      <a:pt x="27" y="0"/>
                    </a:cubicBezTo>
                    <a:cubicBezTo>
                      <a:pt x="1" y="5"/>
                      <a:pt x="1" y="5"/>
                      <a:pt x="1" y="5"/>
                    </a:cubicBezTo>
                    <a:cubicBezTo>
                      <a:pt x="0" y="5"/>
                      <a:pt x="0" y="6"/>
                      <a:pt x="0" y="6"/>
                    </a:cubicBezTo>
                    <a:cubicBezTo>
                      <a:pt x="8" y="41"/>
                      <a:pt x="8" y="41"/>
                      <a:pt x="8" y="41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Freeform 11"/>
              <p:cNvSpPr>
                <a:spLocks noEditPoints="1"/>
              </p:cNvSpPr>
              <p:nvPr/>
            </p:nvSpPr>
            <p:spPr bwMode="auto">
              <a:xfrm>
                <a:off x="2022380" y="1300795"/>
                <a:ext cx="160338" cy="695325"/>
              </a:xfrm>
              <a:custGeom>
                <a:avLst/>
                <a:gdLst>
                  <a:gd name="T0" fmla="*/ 8 w 38"/>
                  <a:gd name="T1" fmla="*/ 38 h 164"/>
                  <a:gd name="T2" fmla="*/ 8 w 38"/>
                  <a:gd name="T3" fmla="*/ 39 h 164"/>
                  <a:gd name="T4" fmla="*/ 8 w 38"/>
                  <a:gd name="T5" fmla="*/ 39 h 164"/>
                  <a:gd name="T6" fmla="*/ 9 w 38"/>
                  <a:gd name="T7" fmla="*/ 39 h 164"/>
                  <a:gd name="T8" fmla="*/ 9 w 38"/>
                  <a:gd name="T9" fmla="*/ 40 h 164"/>
                  <a:gd name="T10" fmla="*/ 38 w 38"/>
                  <a:gd name="T11" fmla="*/ 164 h 164"/>
                  <a:gd name="T12" fmla="*/ 38 w 38"/>
                  <a:gd name="T13" fmla="*/ 164 h 164"/>
                  <a:gd name="T14" fmla="*/ 9 w 38"/>
                  <a:gd name="T15" fmla="*/ 39 h 164"/>
                  <a:gd name="T16" fmla="*/ 9 w 38"/>
                  <a:gd name="T17" fmla="*/ 39 h 164"/>
                  <a:gd name="T18" fmla="*/ 8 w 38"/>
                  <a:gd name="T19" fmla="*/ 38 h 164"/>
                  <a:gd name="T20" fmla="*/ 13 w 38"/>
                  <a:gd name="T21" fmla="*/ 0 h 164"/>
                  <a:gd name="T22" fmla="*/ 13 w 38"/>
                  <a:gd name="T23" fmla="*/ 0 h 164"/>
                  <a:gd name="T24" fmla="*/ 1 w 38"/>
                  <a:gd name="T25" fmla="*/ 2 h 164"/>
                  <a:gd name="T26" fmla="*/ 0 w 38"/>
                  <a:gd name="T27" fmla="*/ 3 h 164"/>
                  <a:gd name="T28" fmla="*/ 0 w 38"/>
                  <a:gd name="T29" fmla="*/ 3 h 164"/>
                  <a:gd name="T30" fmla="*/ 1 w 38"/>
                  <a:gd name="T31" fmla="*/ 2 h 164"/>
                  <a:gd name="T32" fmla="*/ 13 w 38"/>
                  <a:gd name="T33" fmla="*/ 0 h 16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</a:cxnLst>
                <a:rect l="0" t="0" r="r" b="b"/>
                <a:pathLst>
                  <a:path w="38" h="164">
                    <a:moveTo>
                      <a:pt x="8" y="38"/>
                    </a:moveTo>
                    <a:cubicBezTo>
                      <a:pt x="8" y="38"/>
                      <a:pt x="8" y="39"/>
                      <a:pt x="8" y="39"/>
                    </a:cubicBezTo>
                    <a:cubicBezTo>
                      <a:pt x="8" y="39"/>
                      <a:pt x="8" y="39"/>
                      <a:pt x="8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40"/>
                    </a:cubicBezTo>
                    <a:cubicBezTo>
                      <a:pt x="38" y="164"/>
                      <a:pt x="38" y="164"/>
                      <a:pt x="38" y="164"/>
                    </a:cubicBezTo>
                    <a:cubicBezTo>
                      <a:pt x="38" y="164"/>
                      <a:pt x="38" y="164"/>
                      <a:pt x="38" y="164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8" y="39"/>
                      <a:pt x="8" y="38"/>
                      <a:pt x="8" y="38"/>
                    </a:cubicBezTo>
                    <a:moveTo>
                      <a:pt x="13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0" y="2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2"/>
                      <a:pt x="1" y="2"/>
                    </a:cubicBezTo>
                    <a:cubicBezTo>
                      <a:pt x="13" y="0"/>
                      <a:pt x="13" y="0"/>
                      <a:pt x="13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2" name="Freeform 12"/>
              <p:cNvSpPr/>
              <p:nvPr/>
            </p:nvSpPr>
            <p:spPr bwMode="auto">
              <a:xfrm>
                <a:off x="2060480" y="1453195"/>
                <a:ext cx="177800" cy="542925"/>
              </a:xfrm>
              <a:custGeom>
                <a:avLst/>
                <a:gdLst>
                  <a:gd name="T0" fmla="*/ 13 w 42"/>
                  <a:gd name="T1" fmla="*/ 0 h 128"/>
                  <a:gd name="T2" fmla="*/ 0 w 42"/>
                  <a:gd name="T3" fmla="*/ 3 h 128"/>
                  <a:gd name="T4" fmla="*/ 0 w 42"/>
                  <a:gd name="T5" fmla="*/ 3 h 128"/>
                  <a:gd name="T6" fmla="*/ 29 w 42"/>
                  <a:gd name="T7" fmla="*/ 128 h 128"/>
                  <a:gd name="T8" fmla="*/ 42 w 42"/>
                  <a:gd name="T9" fmla="*/ 128 h 128"/>
                  <a:gd name="T10" fmla="*/ 13 w 42"/>
                  <a:gd name="T11" fmla="*/ 0 h 12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42" h="128">
                    <a:moveTo>
                      <a:pt x="13" y="0"/>
                    </a:move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29" y="128"/>
                      <a:pt x="29" y="128"/>
                      <a:pt x="29" y="128"/>
                    </a:cubicBezTo>
                    <a:cubicBezTo>
                      <a:pt x="42" y="128"/>
                      <a:pt x="42" y="128"/>
                      <a:pt x="42" y="128"/>
                    </a:cubicBezTo>
                    <a:cubicBezTo>
                      <a:pt x="13" y="0"/>
                      <a:pt x="13" y="0"/>
                      <a:pt x="13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3" name="Freeform 13"/>
              <p:cNvSpPr/>
              <p:nvPr/>
            </p:nvSpPr>
            <p:spPr bwMode="auto">
              <a:xfrm>
                <a:off x="2022380" y="1300795"/>
                <a:ext cx="92075" cy="165100"/>
              </a:xfrm>
              <a:custGeom>
                <a:avLst/>
                <a:gdLst>
                  <a:gd name="T0" fmla="*/ 13 w 22"/>
                  <a:gd name="T1" fmla="*/ 0 h 39"/>
                  <a:gd name="T2" fmla="*/ 13 w 22"/>
                  <a:gd name="T3" fmla="*/ 0 h 39"/>
                  <a:gd name="T4" fmla="*/ 1 w 22"/>
                  <a:gd name="T5" fmla="*/ 2 h 39"/>
                  <a:gd name="T6" fmla="*/ 0 w 22"/>
                  <a:gd name="T7" fmla="*/ 3 h 39"/>
                  <a:gd name="T8" fmla="*/ 0 w 22"/>
                  <a:gd name="T9" fmla="*/ 3 h 39"/>
                  <a:gd name="T10" fmla="*/ 0 w 22"/>
                  <a:gd name="T11" fmla="*/ 3 h 39"/>
                  <a:gd name="T12" fmla="*/ 8 w 22"/>
                  <a:gd name="T13" fmla="*/ 38 h 39"/>
                  <a:gd name="T14" fmla="*/ 8 w 22"/>
                  <a:gd name="T15" fmla="*/ 38 h 39"/>
                  <a:gd name="T16" fmla="*/ 9 w 22"/>
                  <a:gd name="T17" fmla="*/ 39 h 39"/>
                  <a:gd name="T18" fmla="*/ 9 w 22"/>
                  <a:gd name="T19" fmla="*/ 39 h 39"/>
                  <a:gd name="T20" fmla="*/ 9 w 22"/>
                  <a:gd name="T21" fmla="*/ 39 h 39"/>
                  <a:gd name="T22" fmla="*/ 22 w 22"/>
                  <a:gd name="T23" fmla="*/ 36 h 39"/>
                  <a:gd name="T24" fmla="*/ 14 w 22"/>
                  <a:gd name="T25" fmla="*/ 0 h 39"/>
                  <a:gd name="T26" fmla="*/ 13 w 22"/>
                  <a:gd name="T27" fmla="*/ 0 h 3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</a:cxnLst>
                <a:rect l="0" t="0" r="r" b="b"/>
                <a:pathLst>
                  <a:path w="22" h="39">
                    <a:moveTo>
                      <a:pt x="13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0" y="2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0" y="3"/>
                      <a:pt x="0" y="3"/>
                      <a:pt x="0" y="3"/>
                    </a:cubicBezTo>
                    <a:cubicBezTo>
                      <a:pt x="8" y="38"/>
                      <a:pt x="8" y="38"/>
                      <a:pt x="8" y="38"/>
                    </a:cubicBezTo>
                    <a:cubicBezTo>
                      <a:pt x="8" y="38"/>
                      <a:pt x="8" y="38"/>
                      <a:pt x="8" y="38"/>
                    </a:cubicBezTo>
                    <a:cubicBezTo>
                      <a:pt x="8" y="38"/>
                      <a:pt x="8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9" y="39"/>
                      <a:pt x="9" y="39"/>
                      <a:pt x="9" y="39"/>
                    </a:cubicBezTo>
                    <a:cubicBezTo>
                      <a:pt x="22" y="36"/>
                      <a:pt x="22" y="36"/>
                      <a:pt x="22" y="36"/>
                    </a:cubicBezTo>
                    <a:cubicBezTo>
                      <a:pt x="14" y="0"/>
                      <a:pt x="14" y="0"/>
                      <a:pt x="14" y="0"/>
                    </a:cubicBezTo>
                    <a:cubicBezTo>
                      <a:pt x="14" y="0"/>
                      <a:pt x="14" y="0"/>
                      <a:pt x="13" y="0"/>
                    </a:cubicBezTo>
                  </a:path>
                </a:pathLst>
              </a:custGeom>
              <a:solidFill>
                <a:srgbClr val="23405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4" name="Freeform 14"/>
              <p:cNvSpPr/>
              <p:nvPr/>
            </p:nvSpPr>
            <p:spPr bwMode="auto">
              <a:xfrm>
                <a:off x="2319243" y="1389695"/>
                <a:ext cx="114300" cy="190500"/>
              </a:xfrm>
              <a:custGeom>
                <a:avLst/>
                <a:gdLst>
                  <a:gd name="T0" fmla="*/ 0 w 72"/>
                  <a:gd name="T1" fmla="*/ 120 h 120"/>
                  <a:gd name="T2" fmla="*/ 72 w 72"/>
                  <a:gd name="T3" fmla="*/ 115 h 120"/>
                  <a:gd name="T4" fmla="*/ 45 w 72"/>
                  <a:gd name="T5" fmla="*/ 0 h 120"/>
                  <a:gd name="T6" fmla="*/ 10 w 72"/>
                  <a:gd name="T7" fmla="*/ 3 h 120"/>
                  <a:gd name="T8" fmla="*/ 0 w 72"/>
                  <a:gd name="T9" fmla="*/ 120 h 1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0">
                    <a:moveTo>
                      <a:pt x="0" y="120"/>
                    </a:moveTo>
                    <a:lnTo>
                      <a:pt x="72" y="115"/>
                    </a:lnTo>
                    <a:lnTo>
                      <a:pt x="45" y="0"/>
                    </a:lnTo>
                    <a:lnTo>
                      <a:pt x="10" y="3"/>
                    </a:lnTo>
                    <a:lnTo>
                      <a:pt x="0" y="120"/>
                    </a:lnTo>
                    <a:close/>
                  </a:path>
                </a:pathLst>
              </a:custGeom>
              <a:solidFill>
                <a:srgbClr val="FF9C8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5" name="Freeform 15"/>
              <p:cNvSpPr/>
              <p:nvPr/>
            </p:nvSpPr>
            <p:spPr bwMode="auto">
              <a:xfrm>
                <a:off x="2319243" y="1389695"/>
                <a:ext cx="114300" cy="190500"/>
              </a:xfrm>
              <a:custGeom>
                <a:avLst/>
                <a:gdLst>
                  <a:gd name="T0" fmla="*/ 0 w 72"/>
                  <a:gd name="T1" fmla="*/ 120 h 120"/>
                  <a:gd name="T2" fmla="*/ 72 w 72"/>
                  <a:gd name="T3" fmla="*/ 115 h 120"/>
                  <a:gd name="T4" fmla="*/ 45 w 72"/>
                  <a:gd name="T5" fmla="*/ 0 h 120"/>
                  <a:gd name="T6" fmla="*/ 10 w 72"/>
                  <a:gd name="T7" fmla="*/ 3 h 120"/>
                  <a:gd name="T8" fmla="*/ 0 w 72"/>
                  <a:gd name="T9" fmla="*/ 120 h 12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72" h="120">
                    <a:moveTo>
                      <a:pt x="0" y="120"/>
                    </a:moveTo>
                    <a:lnTo>
                      <a:pt x="72" y="115"/>
                    </a:lnTo>
                    <a:lnTo>
                      <a:pt x="45" y="0"/>
                    </a:lnTo>
                    <a:lnTo>
                      <a:pt x="10" y="3"/>
                    </a:lnTo>
                    <a:lnTo>
                      <a:pt x="0" y="12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6" name="Freeform 16"/>
              <p:cNvSpPr/>
              <p:nvPr/>
            </p:nvSpPr>
            <p:spPr bwMode="auto">
              <a:xfrm>
                <a:off x="2335118" y="1257933"/>
                <a:ext cx="55563" cy="136525"/>
              </a:xfrm>
              <a:custGeom>
                <a:avLst/>
                <a:gdLst>
                  <a:gd name="T0" fmla="*/ 13 w 13"/>
                  <a:gd name="T1" fmla="*/ 31 h 32"/>
                  <a:gd name="T2" fmla="*/ 8 w 13"/>
                  <a:gd name="T3" fmla="*/ 6 h 32"/>
                  <a:gd name="T4" fmla="*/ 4 w 13"/>
                  <a:gd name="T5" fmla="*/ 0 h 32"/>
                  <a:gd name="T6" fmla="*/ 2 w 13"/>
                  <a:gd name="T7" fmla="*/ 6 h 32"/>
                  <a:gd name="T8" fmla="*/ 0 w 13"/>
                  <a:gd name="T9" fmla="*/ 32 h 32"/>
                  <a:gd name="T10" fmla="*/ 13 w 13"/>
                  <a:gd name="T11" fmla="*/ 31 h 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13" h="32">
                    <a:moveTo>
                      <a:pt x="13" y="31"/>
                    </a:moveTo>
                    <a:cubicBezTo>
                      <a:pt x="8" y="6"/>
                      <a:pt x="8" y="6"/>
                      <a:pt x="8" y="6"/>
                    </a:cubicBezTo>
                    <a:cubicBezTo>
                      <a:pt x="7" y="2"/>
                      <a:pt x="6" y="0"/>
                      <a:pt x="4" y="0"/>
                    </a:cubicBezTo>
                    <a:cubicBezTo>
                      <a:pt x="3" y="0"/>
                      <a:pt x="2" y="2"/>
                      <a:pt x="2" y="6"/>
                    </a:cubicBezTo>
                    <a:cubicBezTo>
                      <a:pt x="0" y="32"/>
                      <a:pt x="0" y="32"/>
                      <a:pt x="0" y="32"/>
                    </a:cubicBezTo>
                    <a:cubicBezTo>
                      <a:pt x="13" y="31"/>
                      <a:pt x="13" y="31"/>
                      <a:pt x="13" y="31"/>
                    </a:cubicBezTo>
                  </a:path>
                </a:pathLst>
              </a:custGeom>
              <a:solidFill>
                <a:srgbClr val="50504E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7" name="Freeform 17"/>
              <p:cNvSpPr/>
              <p:nvPr/>
            </p:nvSpPr>
            <p:spPr bwMode="auto">
              <a:xfrm>
                <a:off x="2319243" y="1572258"/>
                <a:ext cx="185738" cy="1131888"/>
              </a:xfrm>
              <a:custGeom>
                <a:avLst/>
                <a:gdLst>
                  <a:gd name="T0" fmla="*/ 117 w 117"/>
                  <a:gd name="T1" fmla="*/ 710 h 713"/>
                  <a:gd name="T2" fmla="*/ 72 w 117"/>
                  <a:gd name="T3" fmla="*/ 0 h 713"/>
                  <a:gd name="T4" fmla="*/ 45 w 117"/>
                  <a:gd name="T5" fmla="*/ 3 h 713"/>
                  <a:gd name="T6" fmla="*/ 24 w 117"/>
                  <a:gd name="T7" fmla="*/ 3 h 713"/>
                  <a:gd name="T8" fmla="*/ 0 w 117"/>
                  <a:gd name="T9" fmla="*/ 5 h 713"/>
                  <a:gd name="T10" fmla="*/ 48 w 117"/>
                  <a:gd name="T11" fmla="*/ 710 h 713"/>
                  <a:gd name="T12" fmla="*/ 69 w 117"/>
                  <a:gd name="T13" fmla="*/ 708 h 713"/>
                  <a:gd name="T14" fmla="*/ 90 w 117"/>
                  <a:gd name="T15" fmla="*/ 705 h 713"/>
                  <a:gd name="T16" fmla="*/ 93 w 117"/>
                  <a:gd name="T17" fmla="*/ 713 h 713"/>
                  <a:gd name="T18" fmla="*/ 117 w 117"/>
                  <a:gd name="T19" fmla="*/ 710 h 71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17" h="713">
                    <a:moveTo>
                      <a:pt x="117" y="710"/>
                    </a:moveTo>
                    <a:lnTo>
                      <a:pt x="72" y="0"/>
                    </a:lnTo>
                    <a:lnTo>
                      <a:pt x="45" y="3"/>
                    </a:lnTo>
                    <a:lnTo>
                      <a:pt x="24" y="3"/>
                    </a:lnTo>
                    <a:lnTo>
                      <a:pt x="0" y="5"/>
                    </a:lnTo>
                    <a:lnTo>
                      <a:pt x="48" y="710"/>
                    </a:lnTo>
                    <a:lnTo>
                      <a:pt x="69" y="708"/>
                    </a:lnTo>
                    <a:lnTo>
                      <a:pt x="90" y="705"/>
                    </a:lnTo>
                    <a:lnTo>
                      <a:pt x="93" y="713"/>
                    </a:lnTo>
                    <a:lnTo>
                      <a:pt x="117" y="710"/>
                    </a:lnTo>
                    <a:close/>
                  </a:path>
                </a:pathLst>
              </a:custGeom>
              <a:solidFill>
                <a:srgbClr val="F49B17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8" name="Freeform 18"/>
              <p:cNvSpPr/>
              <p:nvPr/>
            </p:nvSpPr>
            <p:spPr bwMode="auto">
              <a:xfrm>
                <a:off x="2319243" y="1572258"/>
                <a:ext cx="185738" cy="1131888"/>
              </a:xfrm>
              <a:custGeom>
                <a:avLst/>
                <a:gdLst>
                  <a:gd name="T0" fmla="*/ 117 w 117"/>
                  <a:gd name="T1" fmla="*/ 710 h 713"/>
                  <a:gd name="T2" fmla="*/ 72 w 117"/>
                  <a:gd name="T3" fmla="*/ 0 h 713"/>
                  <a:gd name="T4" fmla="*/ 45 w 117"/>
                  <a:gd name="T5" fmla="*/ 3 h 713"/>
                  <a:gd name="T6" fmla="*/ 24 w 117"/>
                  <a:gd name="T7" fmla="*/ 3 h 713"/>
                  <a:gd name="T8" fmla="*/ 0 w 117"/>
                  <a:gd name="T9" fmla="*/ 5 h 713"/>
                  <a:gd name="T10" fmla="*/ 48 w 117"/>
                  <a:gd name="T11" fmla="*/ 710 h 713"/>
                  <a:gd name="T12" fmla="*/ 69 w 117"/>
                  <a:gd name="T13" fmla="*/ 708 h 713"/>
                  <a:gd name="T14" fmla="*/ 90 w 117"/>
                  <a:gd name="T15" fmla="*/ 705 h 713"/>
                  <a:gd name="T16" fmla="*/ 93 w 117"/>
                  <a:gd name="T17" fmla="*/ 713 h 713"/>
                  <a:gd name="T18" fmla="*/ 117 w 117"/>
                  <a:gd name="T19" fmla="*/ 710 h 71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117" h="713">
                    <a:moveTo>
                      <a:pt x="117" y="710"/>
                    </a:moveTo>
                    <a:lnTo>
                      <a:pt x="72" y="0"/>
                    </a:lnTo>
                    <a:lnTo>
                      <a:pt x="45" y="3"/>
                    </a:lnTo>
                    <a:lnTo>
                      <a:pt x="24" y="3"/>
                    </a:lnTo>
                    <a:lnTo>
                      <a:pt x="0" y="5"/>
                    </a:lnTo>
                    <a:lnTo>
                      <a:pt x="48" y="710"/>
                    </a:lnTo>
                    <a:lnTo>
                      <a:pt x="69" y="708"/>
                    </a:lnTo>
                    <a:lnTo>
                      <a:pt x="90" y="705"/>
                    </a:lnTo>
                    <a:lnTo>
                      <a:pt x="93" y="713"/>
                    </a:lnTo>
                    <a:lnTo>
                      <a:pt x="117" y="71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9" name="Freeform 19"/>
              <p:cNvSpPr/>
              <p:nvPr/>
            </p:nvSpPr>
            <p:spPr bwMode="auto">
              <a:xfrm>
                <a:off x="2385918" y="2673983"/>
                <a:ext cx="131763" cy="165100"/>
              </a:xfrm>
              <a:custGeom>
                <a:avLst/>
                <a:gdLst>
                  <a:gd name="T0" fmla="*/ 29 w 31"/>
                  <a:gd name="T1" fmla="*/ 1 h 39"/>
                  <a:gd name="T2" fmla="*/ 28 w 31"/>
                  <a:gd name="T3" fmla="*/ 0 h 39"/>
                  <a:gd name="T4" fmla="*/ 1 w 31"/>
                  <a:gd name="T5" fmla="*/ 1 h 39"/>
                  <a:gd name="T6" fmla="*/ 0 w 31"/>
                  <a:gd name="T7" fmla="*/ 2 h 39"/>
                  <a:gd name="T8" fmla="*/ 3 w 31"/>
                  <a:gd name="T9" fmla="*/ 38 h 39"/>
                  <a:gd name="T10" fmla="*/ 4 w 31"/>
                  <a:gd name="T11" fmla="*/ 39 h 39"/>
                  <a:gd name="T12" fmla="*/ 30 w 31"/>
                  <a:gd name="T13" fmla="*/ 38 h 39"/>
                  <a:gd name="T14" fmla="*/ 31 w 31"/>
                  <a:gd name="T15" fmla="*/ 37 h 39"/>
                  <a:gd name="T16" fmla="*/ 29 w 31"/>
                  <a:gd name="T17" fmla="*/ 1 h 3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31" h="39">
                    <a:moveTo>
                      <a:pt x="29" y="1"/>
                    </a:moveTo>
                    <a:cubicBezTo>
                      <a:pt x="29" y="1"/>
                      <a:pt x="28" y="0"/>
                      <a:pt x="28" y="0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2"/>
                      <a:pt x="0" y="2"/>
                      <a:pt x="0" y="2"/>
                    </a:cubicBezTo>
                    <a:cubicBezTo>
                      <a:pt x="3" y="38"/>
                      <a:pt x="3" y="38"/>
                      <a:pt x="3" y="38"/>
                    </a:cubicBezTo>
                    <a:cubicBezTo>
                      <a:pt x="3" y="39"/>
                      <a:pt x="3" y="39"/>
                      <a:pt x="4" y="39"/>
                    </a:cubicBezTo>
                    <a:cubicBezTo>
                      <a:pt x="30" y="38"/>
                      <a:pt x="30" y="38"/>
                      <a:pt x="30" y="38"/>
                    </a:cubicBezTo>
                    <a:cubicBezTo>
                      <a:pt x="31" y="38"/>
                      <a:pt x="31" y="37"/>
                      <a:pt x="31" y="37"/>
                    </a:cubicBezTo>
                    <a:cubicBezTo>
                      <a:pt x="29" y="1"/>
                      <a:pt x="29" y="1"/>
                      <a:pt x="29" y="1"/>
                    </a:cubicBezTo>
                  </a:path>
                </a:pathLst>
              </a:custGeom>
              <a:solidFill>
                <a:srgbClr val="2F556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0" name="Freeform 20"/>
              <p:cNvSpPr>
                <a:spLocks noEditPoints="1"/>
              </p:cNvSpPr>
              <p:nvPr/>
            </p:nvSpPr>
            <p:spPr bwMode="auto">
              <a:xfrm>
                <a:off x="2365280" y="1338895"/>
                <a:ext cx="93663" cy="657225"/>
              </a:xfrm>
              <a:custGeom>
                <a:avLst/>
                <a:gdLst>
                  <a:gd name="T0" fmla="*/ 17 w 22"/>
                  <a:gd name="T1" fmla="*/ 76 h 155"/>
                  <a:gd name="T2" fmla="*/ 22 w 22"/>
                  <a:gd name="T3" fmla="*/ 155 h 155"/>
                  <a:gd name="T4" fmla="*/ 22 w 22"/>
                  <a:gd name="T5" fmla="*/ 155 h 155"/>
                  <a:gd name="T6" fmla="*/ 17 w 22"/>
                  <a:gd name="T7" fmla="*/ 76 h 155"/>
                  <a:gd name="T8" fmla="*/ 4 w 22"/>
                  <a:gd name="T9" fmla="*/ 56 h 155"/>
                  <a:gd name="T10" fmla="*/ 3 w 22"/>
                  <a:gd name="T11" fmla="*/ 56 h 155"/>
                  <a:gd name="T12" fmla="*/ 3 w 22"/>
                  <a:gd name="T13" fmla="*/ 56 h 155"/>
                  <a:gd name="T14" fmla="*/ 3 w 22"/>
                  <a:gd name="T15" fmla="*/ 56 h 155"/>
                  <a:gd name="T16" fmla="*/ 4 w 22"/>
                  <a:gd name="T17" fmla="*/ 56 h 155"/>
                  <a:gd name="T18" fmla="*/ 16 w 22"/>
                  <a:gd name="T19" fmla="*/ 55 h 155"/>
                  <a:gd name="T20" fmla="*/ 13 w 22"/>
                  <a:gd name="T21" fmla="*/ 55 h 155"/>
                  <a:gd name="T22" fmla="*/ 16 w 22"/>
                  <a:gd name="T23" fmla="*/ 55 h 155"/>
                  <a:gd name="T24" fmla="*/ 16 w 22"/>
                  <a:gd name="T25" fmla="*/ 56 h 155"/>
                  <a:gd name="T26" fmla="*/ 16 w 22"/>
                  <a:gd name="T27" fmla="*/ 55 h 155"/>
                  <a:gd name="T28" fmla="*/ 6 w 22"/>
                  <a:gd name="T29" fmla="*/ 12 h 155"/>
                  <a:gd name="T30" fmla="*/ 0 w 22"/>
                  <a:gd name="T31" fmla="*/ 12 h 155"/>
                  <a:gd name="T32" fmla="*/ 0 w 22"/>
                  <a:gd name="T33" fmla="*/ 12 h 155"/>
                  <a:gd name="T34" fmla="*/ 6 w 22"/>
                  <a:gd name="T35" fmla="*/ 12 h 155"/>
                  <a:gd name="T36" fmla="*/ 6 w 22"/>
                  <a:gd name="T37" fmla="*/ 12 h 155"/>
                  <a:gd name="T38" fmla="*/ 4 w 22"/>
                  <a:gd name="T39" fmla="*/ 0 h 155"/>
                  <a:gd name="T40" fmla="*/ 6 w 22"/>
                  <a:gd name="T41" fmla="*/ 12 h 155"/>
                  <a:gd name="T42" fmla="*/ 6 w 22"/>
                  <a:gd name="T43" fmla="*/ 11 h 155"/>
                  <a:gd name="T44" fmla="*/ 4 w 22"/>
                  <a:gd name="T45" fmla="*/ 0 h 15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  <a:cxn ang="0">
                    <a:pos x="T42" y="T43"/>
                  </a:cxn>
                  <a:cxn ang="0">
                    <a:pos x="T44" y="T45"/>
                  </a:cxn>
                </a:cxnLst>
                <a:rect l="0" t="0" r="r" b="b"/>
                <a:pathLst>
                  <a:path w="22" h="155">
                    <a:moveTo>
                      <a:pt x="17" y="76"/>
                    </a:moveTo>
                    <a:cubicBezTo>
                      <a:pt x="22" y="155"/>
                      <a:pt x="22" y="155"/>
                      <a:pt x="22" y="155"/>
                    </a:cubicBezTo>
                    <a:cubicBezTo>
                      <a:pt x="22" y="155"/>
                      <a:pt x="22" y="155"/>
                      <a:pt x="22" y="155"/>
                    </a:cubicBezTo>
                    <a:cubicBezTo>
                      <a:pt x="17" y="76"/>
                      <a:pt x="17" y="76"/>
                      <a:pt x="17" y="76"/>
                    </a:cubicBezTo>
                    <a:moveTo>
                      <a:pt x="4" y="56"/>
                    </a:moveTo>
                    <a:cubicBezTo>
                      <a:pt x="3" y="56"/>
                      <a:pt x="3" y="56"/>
                      <a:pt x="3" y="56"/>
                    </a:cubicBezTo>
                    <a:cubicBezTo>
                      <a:pt x="3" y="56"/>
                      <a:pt x="3" y="56"/>
                      <a:pt x="3" y="56"/>
                    </a:cubicBezTo>
                    <a:cubicBezTo>
                      <a:pt x="3" y="56"/>
                      <a:pt x="3" y="56"/>
                      <a:pt x="3" y="56"/>
                    </a:cubicBezTo>
                    <a:cubicBezTo>
                      <a:pt x="4" y="56"/>
                      <a:pt x="4" y="56"/>
                      <a:pt x="4" y="56"/>
                    </a:cubicBezTo>
                    <a:moveTo>
                      <a:pt x="16" y="55"/>
                    </a:moveTo>
                    <a:cubicBezTo>
                      <a:pt x="13" y="55"/>
                      <a:pt x="13" y="55"/>
                      <a:pt x="13" y="55"/>
                    </a:cubicBezTo>
                    <a:cubicBezTo>
                      <a:pt x="16" y="55"/>
                      <a:pt x="16" y="55"/>
                      <a:pt x="16" y="55"/>
                    </a:cubicBezTo>
                    <a:cubicBezTo>
                      <a:pt x="16" y="56"/>
                      <a:pt x="16" y="56"/>
                      <a:pt x="16" y="56"/>
                    </a:cubicBezTo>
                    <a:cubicBezTo>
                      <a:pt x="16" y="55"/>
                      <a:pt x="16" y="55"/>
                      <a:pt x="16" y="55"/>
                    </a:cubicBezTo>
                    <a:moveTo>
                      <a:pt x="6" y="12"/>
                    </a:moveTo>
                    <a:cubicBezTo>
                      <a:pt x="0" y="12"/>
                      <a:pt x="0" y="12"/>
                      <a:pt x="0" y="12"/>
                    </a:cubicBezTo>
                    <a:cubicBezTo>
                      <a:pt x="0" y="12"/>
                      <a:pt x="0" y="12"/>
                      <a:pt x="0" y="12"/>
                    </a:cubicBezTo>
                    <a:cubicBezTo>
                      <a:pt x="6" y="12"/>
                      <a:pt x="6" y="12"/>
                      <a:pt x="6" y="12"/>
                    </a:cubicBezTo>
                    <a:cubicBezTo>
                      <a:pt x="6" y="12"/>
                      <a:pt x="6" y="12"/>
                      <a:pt x="6" y="12"/>
                    </a:cubicBezTo>
                    <a:moveTo>
                      <a:pt x="4" y="0"/>
                    </a:moveTo>
                    <a:cubicBezTo>
                      <a:pt x="6" y="12"/>
                      <a:pt x="6" y="12"/>
                      <a:pt x="6" y="12"/>
                    </a:cubicBezTo>
                    <a:cubicBezTo>
                      <a:pt x="6" y="11"/>
                      <a:pt x="6" y="11"/>
                      <a:pt x="6" y="11"/>
                    </a:cubicBezTo>
                    <a:cubicBezTo>
                      <a:pt x="4" y="0"/>
                      <a:pt x="4" y="0"/>
                      <a:pt x="4" y="0"/>
                    </a:cubicBezTo>
                  </a:path>
                </a:pathLst>
              </a:custGeom>
              <a:solidFill>
                <a:srgbClr val="BFBFB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1" name="Freeform 21"/>
              <p:cNvSpPr/>
              <p:nvPr/>
            </p:nvSpPr>
            <p:spPr bwMode="auto">
              <a:xfrm>
                <a:off x="2365280" y="1389695"/>
                <a:ext cx="68263" cy="187325"/>
              </a:xfrm>
              <a:custGeom>
                <a:avLst/>
                <a:gdLst>
                  <a:gd name="T0" fmla="*/ 6 w 16"/>
                  <a:gd name="T1" fmla="*/ 0 h 44"/>
                  <a:gd name="T2" fmla="*/ 0 w 16"/>
                  <a:gd name="T3" fmla="*/ 0 h 44"/>
                  <a:gd name="T4" fmla="*/ 2 w 16"/>
                  <a:gd name="T5" fmla="*/ 43 h 44"/>
                  <a:gd name="T6" fmla="*/ 3 w 16"/>
                  <a:gd name="T7" fmla="*/ 44 h 44"/>
                  <a:gd name="T8" fmla="*/ 4 w 16"/>
                  <a:gd name="T9" fmla="*/ 44 h 44"/>
                  <a:gd name="T10" fmla="*/ 6 w 16"/>
                  <a:gd name="T11" fmla="*/ 44 h 44"/>
                  <a:gd name="T12" fmla="*/ 13 w 16"/>
                  <a:gd name="T13" fmla="*/ 43 h 44"/>
                  <a:gd name="T14" fmla="*/ 16 w 16"/>
                  <a:gd name="T15" fmla="*/ 43 h 44"/>
                  <a:gd name="T16" fmla="*/ 16 w 16"/>
                  <a:gd name="T17" fmla="*/ 43 h 44"/>
                  <a:gd name="T18" fmla="*/ 15 w 16"/>
                  <a:gd name="T19" fmla="*/ 42 h 44"/>
                  <a:gd name="T20" fmla="*/ 6 w 16"/>
                  <a:gd name="T21" fmla="*/ 1 h 44"/>
                  <a:gd name="T22" fmla="*/ 6 w 16"/>
                  <a:gd name="T23" fmla="*/ 0 h 4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</a:cxnLst>
                <a:rect l="0" t="0" r="r" b="b"/>
                <a:pathLst>
                  <a:path w="16" h="44">
                    <a:moveTo>
                      <a:pt x="6" y="0"/>
                    </a:moveTo>
                    <a:cubicBezTo>
                      <a:pt x="0" y="0"/>
                      <a:pt x="0" y="0"/>
                      <a:pt x="0" y="0"/>
                    </a:cubicBezTo>
                    <a:cubicBezTo>
                      <a:pt x="2" y="43"/>
                      <a:pt x="2" y="43"/>
                      <a:pt x="2" y="43"/>
                    </a:cubicBezTo>
                    <a:cubicBezTo>
                      <a:pt x="2" y="43"/>
                      <a:pt x="3" y="44"/>
                      <a:pt x="3" y="44"/>
                    </a:cubicBezTo>
                    <a:cubicBezTo>
                      <a:pt x="4" y="44"/>
                      <a:pt x="4" y="44"/>
                      <a:pt x="4" y="44"/>
                    </a:cubicBezTo>
                    <a:cubicBezTo>
                      <a:pt x="6" y="44"/>
                      <a:pt x="6" y="44"/>
                      <a:pt x="6" y="44"/>
                    </a:cubicBezTo>
                    <a:cubicBezTo>
                      <a:pt x="13" y="43"/>
                      <a:pt x="13" y="43"/>
                      <a:pt x="13" y="43"/>
                    </a:cubicBezTo>
                    <a:cubicBezTo>
                      <a:pt x="16" y="43"/>
                      <a:pt x="16" y="43"/>
                      <a:pt x="16" y="43"/>
                    </a:cubicBezTo>
                    <a:cubicBezTo>
                      <a:pt x="16" y="43"/>
                      <a:pt x="16" y="43"/>
                      <a:pt x="16" y="43"/>
                    </a:cubicBezTo>
                    <a:cubicBezTo>
                      <a:pt x="16" y="43"/>
                      <a:pt x="15" y="42"/>
                      <a:pt x="15" y="42"/>
                    </a:cubicBezTo>
                    <a:cubicBezTo>
                      <a:pt x="6" y="1"/>
                      <a:pt x="6" y="1"/>
                      <a:pt x="6" y="1"/>
                    </a:cubicBezTo>
                    <a:cubicBezTo>
                      <a:pt x="6" y="0"/>
                      <a:pt x="6" y="0"/>
                      <a:pt x="6" y="0"/>
                    </a:cubicBezTo>
                  </a:path>
                </a:pathLst>
              </a:custGeom>
              <a:solidFill>
                <a:srgbClr val="BF756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2" name="Freeform 22"/>
              <p:cNvSpPr/>
              <p:nvPr/>
            </p:nvSpPr>
            <p:spPr bwMode="auto">
              <a:xfrm>
                <a:off x="2357343" y="1257933"/>
                <a:ext cx="33338" cy="131763"/>
              </a:xfrm>
              <a:custGeom>
                <a:avLst/>
                <a:gdLst>
                  <a:gd name="T0" fmla="*/ 0 w 8"/>
                  <a:gd name="T1" fmla="*/ 0 h 31"/>
                  <a:gd name="T2" fmla="*/ 0 w 8"/>
                  <a:gd name="T3" fmla="*/ 1 h 31"/>
                  <a:gd name="T4" fmla="*/ 2 w 8"/>
                  <a:gd name="T5" fmla="*/ 31 h 31"/>
                  <a:gd name="T6" fmla="*/ 8 w 8"/>
                  <a:gd name="T7" fmla="*/ 31 h 31"/>
                  <a:gd name="T8" fmla="*/ 8 w 8"/>
                  <a:gd name="T9" fmla="*/ 31 h 31"/>
                  <a:gd name="T10" fmla="*/ 6 w 8"/>
                  <a:gd name="T11" fmla="*/ 19 h 31"/>
                  <a:gd name="T12" fmla="*/ 3 w 8"/>
                  <a:gd name="T13" fmla="*/ 6 h 31"/>
                  <a:gd name="T14" fmla="*/ 2 w 8"/>
                  <a:gd name="T15" fmla="*/ 5 h 31"/>
                  <a:gd name="T16" fmla="*/ 0 w 8"/>
                  <a:gd name="T17" fmla="*/ 1 h 31"/>
                  <a:gd name="T18" fmla="*/ 0 w 8"/>
                  <a:gd name="T19" fmla="*/ 0 h 31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8" h="31">
                    <a:moveTo>
                      <a:pt x="0" y="0"/>
                    </a:moveTo>
                    <a:cubicBezTo>
                      <a:pt x="0" y="0"/>
                      <a:pt x="0" y="0"/>
                      <a:pt x="0" y="1"/>
                    </a:cubicBezTo>
                    <a:cubicBezTo>
                      <a:pt x="2" y="31"/>
                      <a:pt x="2" y="31"/>
                      <a:pt x="2" y="31"/>
                    </a:cubicBezTo>
                    <a:cubicBezTo>
                      <a:pt x="8" y="31"/>
                      <a:pt x="8" y="31"/>
                      <a:pt x="8" y="31"/>
                    </a:cubicBezTo>
                    <a:cubicBezTo>
                      <a:pt x="8" y="31"/>
                      <a:pt x="8" y="31"/>
                      <a:pt x="8" y="31"/>
                    </a:cubicBezTo>
                    <a:cubicBezTo>
                      <a:pt x="6" y="19"/>
                      <a:pt x="6" y="19"/>
                      <a:pt x="6" y="19"/>
                    </a:cubicBezTo>
                    <a:cubicBezTo>
                      <a:pt x="3" y="6"/>
                      <a:pt x="3" y="6"/>
                      <a:pt x="3" y="6"/>
                    </a:cubicBezTo>
                    <a:cubicBezTo>
                      <a:pt x="3" y="6"/>
                      <a:pt x="2" y="5"/>
                      <a:pt x="2" y="5"/>
                    </a:cubicBezTo>
                    <a:cubicBezTo>
                      <a:pt x="0" y="1"/>
                      <a:pt x="0" y="1"/>
                      <a:pt x="0" y="1"/>
                    </a:cubicBezTo>
                    <a:cubicBezTo>
                      <a:pt x="0" y="0"/>
                      <a:pt x="0" y="0"/>
                      <a:pt x="0" y="0"/>
                    </a:cubicBezTo>
                  </a:path>
                </a:pathLst>
              </a:custGeom>
              <a:solidFill>
                <a:srgbClr val="3C3C3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3" name="Freeform 23"/>
              <p:cNvSpPr/>
              <p:nvPr/>
            </p:nvSpPr>
            <p:spPr bwMode="auto">
              <a:xfrm>
                <a:off x="2373218" y="1572258"/>
                <a:ext cx="85725" cy="423863"/>
              </a:xfrm>
              <a:custGeom>
                <a:avLst/>
                <a:gdLst>
                  <a:gd name="T0" fmla="*/ 14 w 20"/>
                  <a:gd name="T1" fmla="*/ 0 h 100"/>
                  <a:gd name="T2" fmla="*/ 11 w 20"/>
                  <a:gd name="T3" fmla="*/ 0 h 100"/>
                  <a:gd name="T4" fmla="*/ 4 w 20"/>
                  <a:gd name="T5" fmla="*/ 1 h 100"/>
                  <a:gd name="T6" fmla="*/ 2 w 20"/>
                  <a:gd name="T7" fmla="*/ 1 h 100"/>
                  <a:gd name="T8" fmla="*/ 1 w 20"/>
                  <a:gd name="T9" fmla="*/ 1 h 100"/>
                  <a:gd name="T10" fmla="*/ 1 w 20"/>
                  <a:gd name="T11" fmla="*/ 1 h 100"/>
                  <a:gd name="T12" fmla="*/ 0 w 20"/>
                  <a:gd name="T13" fmla="*/ 2 h 100"/>
                  <a:gd name="T14" fmla="*/ 7 w 20"/>
                  <a:gd name="T15" fmla="*/ 100 h 100"/>
                  <a:gd name="T16" fmla="*/ 20 w 20"/>
                  <a:gd name="T17" fmla="*/ 100 h 100"/>
                  <a:gd name="T18" fmla="*/ 15 w 20"/>
                  <a:gd name="T19" fmla="*/ 21 h 100"/>
                  <a:gd name="T20" fmla="*/ 14 w 20"/>
                  <a:gd name="T21" fmla="*/ 1 h 100"/>
                  <a:gd name="T22" fmla="*/ 14 w 20"/>
                  <a:gd name="T23" fmla="*/ 1 h 100"/>
                  <a:gd name="T24" fmla="*/ 14 w 20"/>
                  <a:gd name="T25" fmla="*/ 0 h 10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20" h="100">
                    <a:moveTo>
                      <a:pt x="14" y="0"/>
                    </a:moveTo>
                    <a:cubicBezTo>
                      <a:pt x="11" y="0"/>
                      <a:pt x="11" y="0"/>
                      <a:pt x="11" y="0"/>
                    </a:cubicBezTo>
                    <a:cubicBezTo>
                      <a:pt x="4" y="1"/>
                      <a:pt x="4" y="1"/>
                      <a:pt x="4" y="1"/>
                    </a:cubicBezTo>
                    <a:cubicBezTo>
                      <a:pt x="2" y="1"/>
                      <a:pt x="2" y="1"/>
                      <a:pt x="2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0" y="1"/>
                      <a:pt x="0" y="2"/>
                    </a:cubicBezTo>
                    <a:cubicBezTo>
                      <a:pt x="7" y="100"/>
                      <a:pt x="7" y="100"/>
                      <a:pt x="7" y="100"/>
                    </a:cubicBezTo>
                    <a:cubicBezTo>
                      <a:pt x="20" y="100"/>
                      <a:pt x="20" y="100"/>
                      <a:pt x="20" y="100"/>
                    </a:cubicBezTo>
                    <a:cubicBezTo>
                      <a:pt x="15" y="21"/>
                      <a:pt x="15" y="21"/>
                      <a:pt x="15" y="21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1"/>
                      <a:pt x="14" y="1"/>
                      <a:pt x="14" y="1"/>
                    </a:cubicBezTo>
                    <a:cubicBezTo>
                      <a:pt x="14" y="0"/>
                      <a:pt x="14" y="0"/>
                      <a:pt x="14" y="0"/>
                    </a:cubicBezTo>
                  </a:path>
                </a:pathLst>
              </a:custGeom>
              <a:solidFill>
                <a:srgbClr val="B7741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4" name="Freeform 24"/>
              <p:cNvSpPr/>
              <p:nvPr/>
            </p:nvSpPr>
            <p:spPr bwMode="auto">
              <a:xfrm>
                <a:off x="2535143" y="1529395"/>
                <a:ext cx="215900" cy="923925"/>
              </a:xfrm>
              <a:custGeom>
                <a:avLst/>
                <a:gdLst>
                  <a:gd name="T0" fmla="*/ 35 w 51"/>
                  <a:gd name="T1" fmla="*/ 174 h 218"/>
                  <a:gd name="T2" fmla="*/ 50 w 51"/>
                  <a:gd name="T3" fmla="*/ 11 h 218"/>
                  <a:gd name="T4" fmla="*/ 22 w 51"/>
                  <a:gd name="T5" fmla="*/ 8 h 218"/>
                  <a:gd name="T6" fmla="*/ 0 w 51"/>
                  <a:gd name="T7" fmla="*/ 170 h 218"/>
                  <a:gd name="T8" fmla="*/ 35 w 51"/>
                  <a:gd name="T9" fmla="*/ 174 h 21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1" h="218">
                    <a:moveTo>
                      <a:pt x="35" y="174"/>
                    </a:moveTo>
                    <a:cubicBezTo>
                      <a:pt x="48" y="104"/>
                      <a:pt x="47" y="90"/>
                      <a:pt x="50" y="11"/>
                    </a:cubicBezTo>
                    <a:cubicBezTo>
                      <a:pt x="51" y="3"/>
                      <a:pt x="24" y="0"/>
                      <a:pt x="22" y="8"/>
                    </a:cubicBezTo>
                    <a:cubicBezTo>
                      <a:pt x="8" y="85"/>
                      <a:pt x="4" y="99"/>
                      <a:pt x="0" y="170"/>
                    </a:cubicBezTo>
                    <a:cubicBezTo>
                      <a:pt x="6" y="217"/>
                      <a:pt x="18" y="218"/>
                      <a:pt x="35" y="174"/>
                    </a:cubicBezTo>
                  </a:path>
                </a:pathLst>
              </a:custGeom>
              <a:solidFill>
                <a:srgbClr val="666666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5" name="Freeform 25"/>
              <p:cNvSpPr/>
              <p:nvPr/>
            </p:nvSpPr>
            <p:spPr bwMode="auto">
              <a:xfrm>
                <a:off x="2497043" y="1983420"/>
                <a:ext cx="236538" cy="520700"/>
              </a:xfrm>
              <a:custGeom>
                <a:avLst/>
                <a:gdLst>
                  <a:gd name="T0" fmla="*/ 42 w 56"/>
                  <a:gd name="T1" fmla="*/ 114 h 123"/>
                  <a:gd name="T2" fmla="*/ 56 w 56"/>
                  <a:gd name="T3" fmla="*/ 10 h 123"/>
                  <a:gd name="T4" fmla="*/ 52 w 56"/>
                  <a:gd name="T5" fmla="*/ 7 h 123"/>
                  <a:gd name="T6" fmla="*/ 32 w 56"/>
                  <a:gd name="T7" fmla="*/ 14 h 123"/>
                  <a:gd name="T8" fmla="*/ 15 w 56"/>
                  <a:gd name="T9" fmla="*/ 3 h 123"/>
                  <a:gd name="T10" fmla="*/ 11 w 56"/>
                  <a:gd name="T11" fmla="*/ 5 h 123"/>
                  <a:gd name="T12" fmla="*/ 0 w 56"/>
                  <a:gd name="T13" fmla="*/ 110 h 123"/>
                  <a:gd name="T14" fmla="*/ 5 w 56"/>
                  <a:gd name="T15" fmla="*/ 118 h 123"/>
                  <a:gd name="T16" fmla="*/ 35 w 56"/>
                  <a:gd name="T17" fmla="*/ 123 h 123"/>
                  <a:gd name="T18" fmla="*/ 42 w 56"/>
                  <a:gd name="T19" fmla="*/ 114 h 12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</a:cxnLst>
                <a:rect l="0" t="0" r="r" b="b"/>
                <a:pathLst>
                  <a:path w="56" h="123">
                    <a:moveTo>
                      <a:pt x="42" y="114"/>
                    </a:moveTo>
                    <a:cubicBezTo>
                      <a:pt x="56" y="10"/>
                      <a:pt x="56" y="10"/>
                      <a:pt x="56" y="10"/>
                    </a:cubicBezTo>
                    <a:cubicBezTo>
                      <a:pt x="56" y="6"/>
                      <a:pt x="54" y="5"/>
                      <a:pt x="52" y="7"/>
                    </a:cubicBezTo>
                    <a:cubicBezTo>
                      <a:pt x="52" y="7"/>
                      <a:pt x="42" y="15"/>
                      <a:pt x="32" y="14"/>
                    </a:cubicBezTo>
                    <a:cubicBezTo>
                      <a:pt x="23" y="13"/>
                      <a:pt x="15" y="3"/>
                      <a:pt x="15" y="3"/>
                    </a:cubicBezTo>
                    <a:cubicBezTo>
                      <a:pt x="13" y="0"/>
                      <a:pt x="11" y="1"/>
                      <a:pt x="11" y="5"/>
                    </a:cubicBezTo>
                    <a:cubicBezTo>
                      <a:pt x="0" y="110"/>
                      <a:pt x="0" y="110"/>
                      <a:pt x="0" y="110"/>
                    </a:cubicBezTo>
                    <a:cubicBezTo>
                      <a:pt x="0" y="113"/>
                      <a:pt x="2" y="117"/>
                      <a:pt x="5" y="118"/>
                    </a:cubicBezTo>
                    <a:cubicBezTo>
                      <a:pt x="35" y="123"/>
                      <a:pt x="35" y="123"/>
                      <a:pt x="35" y="123"/>
                    </a:cubicBezTo>
                    <a:cubicBezTo>
                      <a:pt x="38" y="122"/>
                      <a:pt x="41" y="118"/>
                      <a:pt x="42" y="114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6" name="Freeform 26"/>
              <p:cNvSpPr/>
              <p:nvPr/>
            </p:nvSpPr>
            <p:spPr bwMode="auto">
              <a:xfrm>
                <a:off x="2543080" y="1983420"/>
                <a:ext cx="190500" cy="80963"/>
              </a:xfrm>
              <a:custGeom>
                <a:avLst/>
                <a:gdLst>
                  <a:gd name="T0" fmla="*/ 43 w 45"/>
                  <a:gd name="T1" fmla="*/ 10 h 19"/>
                  <a:gd name="T2" fmla="*/ 45 w 45"/>
                  <a:gd name="T3" fmla="*/ 9 h 19"/>
                  <a:gd name="T4" fmla="*/ 41 w 45"/>
                  <a:gd name="T5" fmla="*/ 7 h 19"/>
                  <a:gd name="T6" fmla="*/ 21 w 45"/>
                  <a:gd name="T7" fmla="*/ 14 h 19"/>
                  <a:gd name="T8" fmla="*/ 4 w 45"/>
                  <a:gd name="T9" fmla="*/ 3 h 19"/>
                  <a:gd name="T10" fmla="*/ 0 w 45"/>
                  <a:gd name="T11" fmla="*/ 4 h 19"/>
                  <a:gd name="T12" fmla="*/ 2 w 45"/>
                  <a:gd name="T13" fmla="*/ 6 h 19"/>
                  <a:gd name="T14" fmla="*/ 21 w 45"/>
                  <a:gd name="T15" fmla="*/ 18 h 19"/>
                  <a:gd name="T16" fmla="*/ 43 w 45"/>
                  <a:gd name="T17" fmla="*/ 10 h 1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45" h="19">
                    <a:moveTo>
                      <a:pt x="43" y="10"/>
                    </a:moveTo>
                    <a:cubicBezTo>
                      <a:pt x="43" y="10"/>
                      <a:pt x="44" y="9"/>
                      <a:pt x="45" y="9"/>
                    </a:cubicBezTo>
                    <a:cubicBezTo>
                      <a:pt x="45" y="6"/>
                      <a:pt x="43" y="5"/>
                      <a:pt x="41" y="7"/>
                    </a:cubicBezTo>
                    <a:cubicBezTo>
                      <a:pt x="41" y="7"/>
                      <a:pt x="31" y="15"/>
                      <a:pt x="21" y="14"/>
                    </a:cubicBezTo>
                    <a:cubicBezTo>
                      <a:pt x="12" y="13"/>
                      <a:pt x="4" y="3"/>
                      <a:pt x="4" y="3"/>
                    </a:cubicBezTo>
                    <a:cubicBezTo>
                      <a:pt x="2" y="0"/>
                      <a:pt x="0" y="1"/>
                      <a:pt x="0" y="4"/>
                    </a:cubicBezTo>
                    <a:cubicBezTo>
                      <a:pt x="0" y="4"/>
                      <a:pt x="1" y="5"/>
                      <a:pt x="2" y="6"/>
                    </a:cubicBezTo>
                    <a:cubicBezTo>
                      <a:pt x="2" y="6"/>
                      <a:pt x="11" y="17"/>
                      <a:pt x="21" y="18"/>
                    </a:cubicBezTo>
                    <a:cubicBezTo>
                      <a:pt x="31" y="19"/>
                      <a:pt x="43" y="10"/>
                      <a:pt x="43" y="10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7" name="Freeform 27"/>
              <p:cNvSpPr/>
              <p:nvPr/>
            </p:nvSpPr>
            <p:spPr bwMode="auto">
              <a:xfrm>
                <a:off x="2509743" y="2483483"/>
                <a:ext cx="147638" cy="169863"/>
              </a:xfrm>
              <a:custGeom>
                <a:avLst/>
                <a:gdLst>
                  <a:gd name="T0" fmla="*/ 35 w 35"/>
                  <a:gd name="T1" fmla="*/ 4 h 40"/>
                  <a:gd name="T2" fmla="*/ 16 w 35"/>
                  <a:gd name="T3" fmla="*/ 9 h 40"/>
                  <a:gd name="T4" fmla="*/ 0 w 35"/>
                  <a:gd name="T5" fmla="*/ 0 h 40"/>
                  <a:gd name="T6" fmla="*/ 35 w 35"/>
                  <a:gd name="T7" fmla="*/ 4 h 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</a:cxnLst>
                <a:rect l="0" t="0" r="r" b="b"/>
                <a:pathLst>
                  <a:path w="35" h="40">
                    <a:moveTo>
                      <a:pt x="35" y="4"/>
                    </a:moveTo>
                    <a:cubicBezTo>
                      <a:pt x="29" y="8"/>
                      <a:pt x="23" y="10"/>
                      <a:pt x="16" y="9"/>
                    </a:cubicBezTo>
                    <a:cubicBezTo>
                      <a:pt x="10" y="8"/>
                      <a:pt x="4" y="5"/>
                      <a:pt x="0" y="0"/>
                    </a:cubicBezTo>
                    <a:cubicBezTo>
                      <a:pt x="3" y="39"/>
                      <a:pt x="23" y="40"/>
                      <a:pt x="35" y="4"/>
                    </a:cubicBezTo>
                  </a:path>
                </a:pathLst>
              </a:custGeom>
              <a:solidFill>
                <a:srgbClr val="666666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8" name="Freeform 28"/>
              <p:cNvSpPr/>
              <p:nvPr/>
            </p:nvSpPr>
            <p:spPr bwMode="auto">
              <a:xfrm>
                <a:off x="2492280" y="2437445"/>
                <a:ext cx="185738" cy="92075"/>
              </a:xfrm>
              <a:custGeom>
                <a:avLst/>
                <a:gdLst>
                  <a:gd name="T0" fmla="*/ 39 w 44"/>
                  <a:gd name="T1" fmla="*/ 16 h 22"/>
                  <a:gd name="T2" fmla="*/ 44 w 44"/>
                  <a:gd name="T3" fmla="*/ 10 h 22"/>
                  <a:gd name="T4" fmla="*/ 40 w 44"/>
                  <a:gd name="T5" fmla="*/ 7 h 22"/>
                  <a:gd name="T6" fmla="*/ 21 w 44"/>
                  <a:gd name="T7" fmla="*/ 13 h 22"/>
                  <a:gd name="T8" fmla="*/ 4 w 44"/>
                  <a:gd name="T9" fmla="*/ 3 h 22"/>
                  <a:gd name="T10" fmla="*/ 0 w 44"/>
                  <a:gd name="T11" fmla="*/ 2 h 22"/>
                  <a:gd name="T12" fmla="*/ 3 w 44"/>
                  <a:gd name="T13" fmla="*/ 12 h 22"/>
                  <a:gd name="T14" fmla="*/ 20 w 44"/>
                  <a:gd name="T15" fmla="*/ 21 h 22"/>
                  <a:gd name="T16" fmla="*/ 39 w 44"/>
                  <a:gd name="T17" fmla="*/ 16 h 2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</a:cxnLst>
                <a:rect l="0" t="0" r="r" b="b"/>
                <a:pathLst>
                  <a:path w="44" h="22">
                    <a:moveTo>
                      <a:pt x="39" y="16"/>
                    </a:moveTo>
                    <a:cubicBezTo>
                      <a:pt x="42" y="14"/>
                      <a:pt x="44" y="11"/>
                      <a:pt x="44" y="10"/>
                    </a:cubicBezTo>
                    <a:cubicBezTo>
                      <a:pt x="44" y="8"/>
                      <a:pt x="43" y="5"/>
                      <a:pt x="40" y="7"/>
                    </a:cubicBezTo>
                    <a:cubicBezTo>
                      <a:pt x="40" y="7"/>
                      <a:pt x="30" y="14"/>
                      <a:pt x="21" y="13"/>
                    </a:cubicBezTo>
                    <a:cubicBezTo>
                      <a:pt x="12" y="12"/>
                      <a:pt x="4" y="3"/>
                      <a:pt x="4" y="3"/>
                    </a:cubicBezTo>
                    <a:cubicBezTo>
                      <a:pt x="2" y="1"/>
                      <a:pt x="0" y="0"/>
                      <a:pt x="0" y="2"/>
                    </a:cubicBezTo>
                    <a:cubicBezTo>
                      <a:pt x="0" y="4"/>
                      <a:pt x="1" y="10"/>
                      <a:pt x="3" y="12"/>
                    </a:cubicBezTo>
                    <a:cubicBezTo>
                      <a:pt x="3" y="12"/>
                      <a:pt x="12" y="20"/>
                      <a:pt x="20" y="21"/>
                    </a:cubicBezTo>
                    <a:cubicBezTo>
                      <a:pt x="29" y="22"/>
                      <a:pt x="39" y="16"/>
                      <a:pt x="39" y="16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29" name="Freeform 30"/>
              <p:cNvSpPr/>
              <p:nvPr/>
            </p:nvSpPr>
            <p:spPr bwMode="auto">
              <a:xfrm>
                <a:off x="2624043" y="1508758"/>
                <a:ext cx="122238" cy="114300"/>
              </a:xfrm>
              <a:custGeom>
                <a:avLst/>
                <a:gdLst>
                  <a:gd name="T0" fmla="*/ 1 w 29"/>
                  <a:gd name="T1" fmla="*/ 17 h 27"/>
                  <a:gd name="T2" fmla="*/ 13 w 29"/>
                  <a:gd name="T3" fmla="*/ 1 h 27"/>
                  <a:gd name="T4" fmla="*/ 29 w 29"/>
                  <a:gd name="T5" fmla="*/ 15 h 27"/>
                  <a:gd name="T6" fmla="*/ 29 w 29"/>
                  <a:gd name="T7" fmla="*/ 20 h 27"/>
                  <a:gd name="T8" fmla="*/ 14 w 29"/>
                  <a:gd name="T9" fmla="*/ 26 h 27"/>
                  <a:gd name="T10" fmla="*/ 1 w 29"/>
                  <a:gd name="T11" fmla="*/ 17 h 2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</a:cxnLst>
                <a:rect l="0" t="0" r="r" b="b"/>
                <a:pathLst>
                  <a:path w="29" h="27">
                    <a:moveTo>
                      <a:pt x="1" y="17"/>
                    </a:moveTo>
                    <a:cubicBezTo>
                      <a:pt x="1" y="12"/>
                      <a:pt x="5" y="0"/>
                      <a:pt x="13" y="1"/>
                    </a:cubicBezTo>
                    <a:cubicBezTo>
                      <a:pt x="20" y="2"/>
                      <a:pt x="28" y="11"/>
                      <a:pt x="29" y="15"/>
                    </a:cubicBezTo>
                    <a:cubicBezTo>
                      <a:pt x="29" y="16"/>
                      <a:pt x="29" y="19"/>
                      <a:pt x="29" y="20"/>
                    </a:cubicBezTo>
                    <a:cubicBezTo>
                      <a:pt x="29" y="24"/>
                      <a:pt x="22" y="27"/>
                      <a:pt x="14" y="26"/>
                    </a:cubicBezTo>
                    <a:cubicBezTo>
                      <a:pt x="6" y="25"/>
                      <a:pt x="0" y="21"/>
                      <a:pt x="1" y="17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30" name="Freeform 32"/>
              <p:cNvSpPr/>
              <p:nvPr/>
            </p:nvSpPr>
            <p:spPr bwMode="auto">
              <a:xfrm>
                <a:off x="2627218" y="1369058"/>
                <a:ext cx="123825" cy="236538"/>
              </a:xfrm>
              <a:custGeom>
                <a:avLst/>
                <a:gdLst>
                  <a:gd name="T0" fmla="*/ 1 w 29"/>
                  <a:gd name="T1" fmla="*/ 43 h 56"/>
                  <a:gd name="T2" fmla="*/ 0 w 29"/>
                  <a:gd name="T3" fmla="*/ 46 h 56"/>
                  <a:gd name="T4" fmla="*/ 13 w 29"/>
                  <a:gd name="T5" fmla="*/ 55 h 56"/>
                  <a:gd name="T6" fmla="*/ 28 w 29"/>
                  <a:gd name="T7" fmla="*/ 49 h 56"/>
                  <a:gd name="T8" fmla="*/ 28 w 29"/>
                  <a:gd name="T9" fmla="*/ 46 h 56"/>
                  <a:gd name="T10" fmla="*/ 20 w 29"/>
                  <a:gd name="T11" fmla="*/ 0 h 56"/>
                  <a:gd name="T12" fmla="*/ 1 w 29"/>
                  <a:gd name="T13" fmla="*/ 43 h 5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29" h="56">
                    <a:moveTo>
                      <a:pt x="1" y="43"/>
                    </a:moveTo>
                    <a:cubicBezTo>
                      <a:pt x="1" y="44"/>
                      <a:pt x="0" y="45"/>
                      <a:pt x="0" y="46"/>
                    </a:cubicBezTo>
                    <a:cubicBezTo>
                      <a:pt x="0" y="50"/>
                      <a:pt x="6" y="54"/>
                      <a:pt x="13" y="55"/>
                    </a:cubicBezTo>
                    <a:cubicBezTo>
                      <a:pt x="21" y="56"/>
                      <a:pt x="28" y="53"/>
                      <a:pt x="28" y="49"/>
                    </a:cubicBezTo>
                    <a:cubicBezTo>
                      <a:pt x="29" y="48"/>
                      <a:pt x="28" y="47"/>
                      <a:pt x="28" y="46"/>
                    </a:cubicBezTo>
                    <a:cubicBezTo>
                      <a:pt x="20" y="0"/>
                      <a:pt x="20" y="0"/>
                      <a:pt x="20" y="0"/>
                    </a:cubicBezTo>
                    <a:lnTo>
                      <a:pt x="1" y="43"/>
                    </a:lnTo>
                    <a:close/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31" name="Freeform 33"/>
              <p:cNvSpPr/>
              <p:nvPr/>
            </p:nvSpPr>
            <p:spPr bwMode="auto">
              <a:xfrm>
                <a:off x="2695480" y="1364295"/>
                <a:ext cx="25400" cy="50800"/>
              </a:xfrm>
              <a:custGeom>
                <a:avLst/>
                <a:gdLst>
                  <a:gd name="T0" fmla="*/ 3 w 6"/>
                  <a:gd name="T1" fmla="*/ 12 h 12"/>
                  <a:gd name="T2" fmla="*/ 6 w 6"/>
                  <a:gd name="T3" fmla="*/ 11 h 12"/>
                  <a:gd name="T4" fmla="*/ 4 w 6"/>
                  <a:gd name="T5" fmla="*/ 1 h 12"/>
                  <a:gd name="T6" fmla="*/ 0 w 6"/>
                  <a:gd name="T7" fmla="*/ 11 h 12"/>
                  <a:gd name="T8" fmla="*/ 3 w 6"/>
                  <a:gd name="T9" fmla="*/ 12 h 1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12">
                    <a:moveTo>
                      <a:pt x="3" y="12"/>
                    </a:moveTo>
                    <a:cubicBezTo>
                      <a:pt x="4" y="12"/>
                      <a:pt x="5" y="12"/>
                      <a:pt x="6" y="11"/>
                    </a:cubicBezTo>
                    <a:cubicBezTo>
                      <a:pt x="6" y="11"/>
                      <a:pt x="6" y="1"/>
                      <a:pt x="4" y="1"/>
                    </a:cubicBezTo>
                    <a:cubicBezTo>
                      <a:pt x="2" y="0"/>
                      <a:pt x="0" y="11"/>
                      <a:pt x="0" y="11"/>
                    </a:cubicBezTo>
                    <a:cubicBezTo>
                      <a:pt x="1" y="11"/>
                      <a:pt x="1" y="11"/>
                      <a:pt x="3" y="12"/>
                    </a:cubicBezTo>
                  </a:path>
                </a:pathLst>
              </a:custGeom>
              <a:solidFill>
                <a:srgbClr val="414141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4" name="Freeform 34"/>
              <p:cNvSpPr/>
              <p:nvPr/>
            </p:nvSpPr>
            <p:spPr bwMode="auto">
              <a:xfrm>
                <a:off x="2165255" y="2016758"/>
                <a:ext cx="781050" cy="877888"/>
              </a:xfrm>
              <a:custGeom>
                <a:avLst/>
                <a:gdLst>
                  <a:gd name="T0" fmla="*/ 123 w 492"/>
                  <a:gd name="T1" fmla="*/ 553 h 553"/>
                  <a:gd name="T2" fmla="*/ 0 w 492"/>
                  <a:gd name="T3" fmla="*/ 0 h 553"/>
                  <a:gd name="T4" fmla="*/ 492 w 492"/>
                  <a:gd name="T5" fmla="*/ 0 h 553"/>
                  <a:gd name="T6" fmla="*/ 377 w 492"/>
                  <a:gd name="T7" fmla="*/ 550 h 553"/>
                  <a:gd name="T8" fmla="*/ 123 w 492"/>
                  <a:gd name="T9" fmla="*/ 553 h 553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492" h="553">
                    <a:moveTo>
                      <a:pt x="123" y="553"/>
                    </a:moveTo>
                    <a:lnTo>
                      <a:pt x="0" y="0"/>
                    </a:lnTo>
                    <a:lnTo>
                      <a:pt x="492" y="0"/>
                    </a:lnTo>
                    <a:lnTo>
                      <a:pt x="377" y="550"/>
                    </a:lnTo>
                    <a:lnTo>
                      <a:pt x="123" y="553"/>
                    </a:lnTo>
                    <a:close/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6" name="Freeform 36"/>
              <p:cNvSpPr/>
              <p:nvPr/>
            </p:nvSpPr>
            <p:spPr bwMode="auto">
              <a:xfrm>
                <a:off x="2144618" y="1996120"/>
                <a:ext cx="822325" cy="919163"/>
              </a:xfrm>
              <a:custGeom>
                <a:avLst/>
                <a:gdLst>
                  <a:gd name="T0" fmla="*/ 51 w 194"/>
                  <a:gd name="T1" fmla="*/ 212 h 217"/>
                  <a:gd name="T2" fmla="*/ 55 w 194"/>
                  <a:gd name="T3" fmla="*/ 211 h 217"/>
                  <a:gd name="T4" fmla="*/ 11 w 194"/>
                  <a:gd name="T5" fmla="*/ 9 h 217"/>
                  <a:gd name="T6" fmla="*/ 183 w 194"/>
                  <a:gd name="T7" fmla="*/ 9 h 217"/>
                  <a:gd name="T8" fmla="*/ 143 w 194"/>
                  <a:gd name="T9" fmla="*/ 206 h 217"/>
                  <a:gd name="T10" fmla="*/ 51 w 194"/>
                  <a:gd name="T11" fmla="*/ 207 h 217"/>
                  <a:gd name="T12" fmla="*/ 51 w 194"/>
                  <a:gd name="T13" fmla="*/ 212 h 217"/>
                  <a:gd name="T14" fmla="*/ 55 w 194"/>
                  <a:gd name="T15" fmla="*/ 211 h 217"/>
                  <a:gd name="T16" fmla="*/ 51 w 194"/>
                  <a:gd name="T17" fmla="*/ 212 h 217"/>
                  <a:gd name="T18" fmla="*/ 51 w 194"/>
                  <a:gd name="T19" fmla="*/ 217 h 217"/>
                  <a:gd name="T20" fmla="*/ 147 w 194"/>
                  <a:gd name="T21" fmla="*/ 216 h 217"/>
                  <a:gd name="T22" fmla="*/ 151 w 194"/>
                  <a:gd name="T23" fmla="*/ 212 h 217"/>
                  <a:gd name="T24" fmla="*/ 193 w 194"/>
                  <a:gd name="T25" fmla="*/ 6 h 217"/>
                  <a:gd name="T26" fmla="*/ 192 w 194"/>
                  <a:gd name="T27" fmla="*/ 2 h 217"/>
                  <a:gd name="T28" fmla="*/ 189 w 194"/>
                  <a:gd name="T29" fmla="*/ 0 h 217"/>
                  <a:gd name="T30" fmla="*/ 5 w 194"/>
                  <a:gd name="T31" fmla="*/ 0 h 217"/>
                  <a:gd name="T32" fmla="*/ 1 w 194"/>
                  <a:gd name="T33" fmla="*/ 2 h 217"/>
                  <a:gd name="T34" fmla="*/ 0 w 194"/>
                  <a:gd name="T35" fmla="*/ 6 h 217"/>
                  <a:gd name="T36" fmla="*/ 46 w 194"/>
                  <a:gd name="T37" fmla="*/ 213 h 217"/>
                  <a:gd name="T38" fmla="*/ 51 w 194"/>
                  <a:gd name="T39" fmla="*/ 217 h 217"/>
                  <a:gd name="T40" fmla="*/ 51 w 194"/>
                  <a:gd name="T41" fmla="*/ 212 h 2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  <a:cxn ang="0">
                    <a:pos x="T36" y="T37"/>
                  </a:cxn>
                  <a:cxn ang="0">
                    <a:pos x="T38" y="T39"/>
                  </a:cxn>
                  <a:cxn ang="0">
                    <a:pos x="T40" y="T41"/>
                  </a:cxn>
                </a:cxnLst>
                <a:rect l="0" t="0" r="r" b="b"/>
                <a:pathLst>
                  <a:path w="194" h="217">
                    <a:moveTo>
                      <a:pt x="51" y="212"/>
                    </a:moveTo>
                    <a:cubicBezTo>
                      <a:pt x="55" y="211"/>
                      <a:pt x="55" y="211"/>
                      <a:pt x="55" y="211"/>
                    </a:cubicBezTo>
                    <a:cubicBezTo>
                      <a:pt x="11" y="9"/>
                      <a:pt x="11" y="9"/>
                      <a:pt x="11" y="9"/>
                    </a:cubicBezTo>
                    <a:cubicBezTo>
                      <a:pt x="183" y="9"/>
                      <a:pt x="183" y="9"/>
                      <a:pt x="183" y="9"/>
                    </a:cubicBezTo>
                    <a:cubicBezTo>
                      <a:pt x="143" y="206"/>
                      <a:pt x="143" y="206"/>
                      <a:pt x="143" y="206"/>
                    </a:cubicBezTo>
                    <a:cubicBezTo>
                      <a:pt x="51" y="207"/>
                      <a:pt x="51" y="207"/>
                      <a:pt x="51" y="207"/>
                    </a:cubicBezTo>
                    <a:cubicBezTo>
                      <a:pt x="51" y="212"/>
                      <a:pt x="51" y="212"/>
                      <a:pt x="51" y="212"/>
                    </a:cubicBezTo>
                    <a:cubicBezTo>
                      <a:pt x="55" y="211"/>
                      <a:pt x="55" y="211"/>
                      <a:pt x="55" y="211"/>
                    </a:cubicBezTo>
                    <a:cubicBezTo>
                      <a:pt x="51" y="212"/>
                      <a:pt x="51" y="212"/>
                      <a:pt x="51" y="212"/>
                    </a:cubicBezTo>
                    <a:cubicBezTo>
                      <a:pt x="51" y="217"/>
                      <a:pt x="51" y="217"/>
                      <a:pt x="51" y="217"/>
                    </a:cubicBezTo>
                    <a:cubicBezTo>
                      <a:pt x="147" y="216"/>
                      <a:pt x="147" y="216"/>
                      <a:pt x="147" y="216"/>
                    </a:cubicBezTo>
                    <a:cubicBezTo>
                      <a:pt x="149" y="216"/>
                      <a:pt x="151" y="214"/>
                      <a:pt x="151" y="212"/>
                    </a:cubicBezTo>
                    <a:cubicBezTo>
                      <a:pt x="193" y="6"/>
                      <a:pt x="193" y="6"/>
                      <a:pt x="193" y="6"/>
                    </a:cubicBezTo>
                    <a:cubicBezTo>
                      <a:pt x="194" y="4"/>
                      <a:pt x="193" y="3"/>
                      <a:pt x="192" y="2"/>
                    </a:cubicBezTo>
                    <a:cubicBezTo>
                      <a:pt x="191" y="0"/>
                      <a:pt x="190" y="0"/>
                      <a:pt x="189" y="0"/>
                    </a:cubicBezTo>
                    <a:cubicBezTo>
                      <a:pt x="5" y="0"/>
                      <a:pt x="5" y="0"/>
                      <a:pt x="5" y="0"/>
                    </a:cubicBezTo>
                    <a:cubicBezTo>
                      <a:pt x="4" y="0"/>
                      <a:pt x="2" y="0"/>
                      <a:pt x="1" y="2"/>
                    </a:cubicBezTo>
                    <a:cubicBezTo>
                      <a:pt x="1" y="3"/>
                      <a:pt x="0" y="4"/>
                      <a:pt x="0" y="6"/>
                    </a:cubicBezTo>
                    <a:cubicBezTo>
                      <a:pt x="46" y="213"/>
                      <a:pt x="46" y="213"/>
                      <a:pt x="46" y="213"/>
                    </a:cubicBezTo>
                    <a:cubicBezTo>
                      <a:pt x="47" y="215"/>
                      <a:pt x="48" y="217"/>
                      <a:pt x="51" y="217"/>
                    </a:cubicBezTo>
                    <a:cubicBezTo>
                      <a:pt x="51" y="212"/>
                      <a:pt x="51" y="212"/>
                      <a:pt x="51" y="212"/>
                    </a:cubicBezTo>
                  </a:path>
                </a:pathLst>
              </a:custGeom>
              <a:solidFill>
                <a:srgbClr val="E8E7E8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7" name="Freeform 37"/>
              <p:cNvSpPr>
                <a:spLocks noEditPoints="1"/>
              </p:cNvSpPr>
              <p:nvPr/>
            </p:nvSpPr>
            <p:spPr bwMode="auto">
              <a:xfrm>
                <a:off x="2144618" y="2000883"/>
                <a:ext cx="411163" cy="911225"/>
              </a:xfrm>
              <a:custGeom>
                <a:avLst/>
                <a:gdLst>
                  <a:gd name="T0" fmla="*/ 97 w 97"/>
                  <a:gd name="T1" fmla="*/ 215 h 215"/>
                  <a:gd name="T2" fmla="*/ 70 w 97"/>
                  <a:gd name="T3" fmla="*/ 215 h 215"/>
                  <a:gd name="T4" fmla="*/ 97 w 97"/>
                  <a:gd name="T5" fmla="*/ 215 h 215"/>
                  <a:gd name="T6" fmla="*/ 97 w 97"/>
                  <a:gd name="T7" fmla="*/ 215 h 215"/>
                  <a:gd name="T8" fmla="*/ 0 w 97"/>
                  <a:gd name="T9" fmla="*/ 3 h 215"/>
                  <a:gd name="T10" fmla="*/ 0 w 97"/>
                  <a:gd name="T11" fmla="*/ 5 h 215"/>
                  <a:gd name="T12" fmla="*/ 46 w 97"/>
                  <a:gd name="T13" fmla="*/ 212 h 215"/>
                  <a:gd name="T14" fmla="*/ 46 w 97"/>
                  <a:gd name="T15" fmla="*/ 213 h 215"/>
                  <a:gd name="T16" fmla="*/ 46 w 97"/>
                  <a:gd name="T17" fmla="*/ 212 h 215"/>
                  <a:gd name="T18" fmla="*/ 0 w 97"/>
                  <a:gd name="T19" fmla="*/ 5 h 215"/>
                  <a:gd name="T20" fmla="*/ 0 w 97"/>
                  <a:gd name="T21" fmla="*/ 3 h 215"/>
                  <a:gd name="T22" fmla="*/ 2 w 97"/>
                  <a:gd name="T23" fmla="*/ 0 h 215"/>
                  <a:gd name="T24" fmla="*/ 1 w 97"/>
                  <a:gd name="T25" fmla="*/ 1 h 215"/>
                  <a:gd name="T26" fmla="*/ 1 w 97"/>
                  <a:gd name="T27" fmla="*/ 1 h 215"/>
                  <a:gd name="T28" fmla="*/ 1 w 97"/>
                  <a:gd name="T29" fmla="*/ 1 h 215"/>
                  <a:gd name="T30" fmla="*/ 2 w 97"/>
                  <a:gd name="T31" fmla="*/ 0 h 21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</a:cxnLst>
                <a:rect l="0" t="0" r="r" b="b"/>
                <a:pathLst>
                  <a:path w="97" h="215">
                    <a:moveTo>
                      <a:pt x="97" y="215"/>
                    </a:moveTo>
                    <a:cubicBezTo>
                      <a:pt x="70" y="215"/>
                      <a:pt x="70" y="215"/>
                      <a:pt x="70" y="215"/>
                    </a:cubicBezTo>
                    <a:cubicBezTo>
                      <a:pt x="97" y="215"/>
                      <a:pt x="97" y="215"/>
                      <a:pt x="97" y="215"/>
                    </a:cubicBezTo>
                    <a:cubicBezTo>
                      <a:pt x="97" y="215"/>
                      <a:pt x="97" y="215"/>
                      <a:pt x="97" y="215"/>
                    </a:cubicBezTo>
                    <a:moveTo>
                      <a:pt x="0" y="3"/>
                    </a:moveTo>
                    <a:cubicBezTo>
                      <a:pt x="0" y="4"/>
                      <a:pt x="0" y="4"/>
                      <a:pt x="0" y="5"/>
                    </a:cubicBezTo>
                    <a:cubicBezTo>
                      <a:pt x="46" y="212"/>
                      <a:pt x="46" y="212"/>
                      <a:pt x="46" y="212"/>
                    </a:cubicBezTo>
                    <a:cubicBezTo>
                      <a:pt x="46" y="212"/>
                      <a:pt x="46" y="212"/>
                      <a:pt x="46" y="213"/>
                    </a:cubicBezTo>
                    <a:cubicBezTo>
                      <a:pt x="46" y="212"/>
                      <a:pt x="46" y="212"/>
                      <a:pt x="46" y="212"/>
                    </a:cubicBezTo>
                    <a:cubicBezTo>
                      <a:pt x="0" y="5"/>
                      <a:pt x="0" y="5"/>
                      <a:pt x="0" y="5"/>
                    </a:cubicBezTo>
                    <a:cubicBezTo>
                      <a:pt x="0" y="4"/>
                      <a:pt x="0" y="4"/>
                      <a:pt x="0" y="3"/>
                    </a:cubicBezTo>
                    <a:moveTo>
                      <a:pt x="2" y="0"/>
                    </a:move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1" y="1"/>
                    </a:cubicBezTo>
                    <a:cubicBezTo>
                      <a:pt x="1" y="1"/>
                      <a:pt x="1" y="1"/>
                      <a:pt x="2" y="0"/>
                    </a:cubicBezTo>
                  </a:path>
                </a:pathLst>
              </a:custGeom>
              <a:solidFill>
                <a:srgbClr val="E5E5E5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8" name="Freeform 38"/>
              <p:cNvSpPr/>
              <p:nvPr/>
            </p:nvSpPr>
            <p:spPr bwMode="auto">
              <a:xfrm>
                <a:off x="2190655" y="2034220"/>
                <a:ext cx="365125" cy="839788"/>
              </a:xfrm>
              <a:custGeom>
                <a:avLst/>
                <a:gdLst>
                  <a:gd name="T0" fmla="*/ 230 w 230"/>
                  <a:gd name="T1" fmla="*/ 0 h 529"/>
                  <a:gd name="T2" fmla="*/ 0 w 230"/>
                  <a:gd name="T3" fmla="*/ 0 h 529"/>
                  <a:gd name="T4" fmla="*/ 118 w 230"/>
                  <a:gd name="T5" fmla="*/ 529 h 529"/>
                  <a:gd name="T6" fmla="*/ 230 w 230"/>
                  <a:gd name="T7" fmla="*/ 529 h 529"/>
                  <a:gd name="T8" fmla="*/ 230 w 230"/>
                  <a:gd name="T9" fmla="*/ 0 h 5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230" h="529">
                    <a:moveTo>
                      <a:pt x="230" y="0"/>
                    </a:moveTo>
                    <a:lnTo>
                      <a:pt x="0" y="0"/>
                    </a:lnTo>
                    <a:lnTo>
                      <a:pt x="118" y="529"/>
                    </a:lnTo>
                    <a:lnTo>
                      <a:pt x="230" y="529"/>
                    </a:lnTo>
                    <a:lnTo>
                      <a:pt x="230" y="0"/>
                    </a:lnTo>
                    <a:close/>
                  </a:path>
                </a:pathLst>
              </a:custGeom>
              <a:solidFill>
                <a:srgbClr val="D0CFD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29" name="Freeform 39"/>
              <p:cNvSpPr/>
              <p:nvPr/>
            </p:nvSpPr>
            <p:spPr bwMode="auto">
              <a:xfrm>
                <a:off x="2190655" y="2034220"/>
                <a:ext cx="365125" cy="839788"/>
              </a:xfrm>
              <a:custGeom>
                <a:avLst/>
                <a:gdLst>
                  <a:gd name="T0" fmla="*/ 230 w 230"/>
                  <a:gd name="T1" fmla="*/ 0 h 529"/>
                  <a:gd name="T2" fmla="*/ 0 w 230"/>
                  <a:gd name="T3" fmla="*/ 0 h 529"/>
                  <a:gd name="T4" fmla="*/ 118 w 230"/>
                  <a:gd name="T5" fmla="*/ 529 h 529"/>
                  <a:gd name="T6" fmla="*/ 230 w 230"/>
                  <a:gd name="T7" fmla="*/ 529 h 529"/>
                  <a:gd name="T8" fmla="*/ 230 w 230"/>
                  <a:gd name="T9" fmla="*/ 0 h 5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230" h="529">
                    <a:moveTo>
                      <a:pt x="230" y="0"/>
                    </a:moveTo>
                    <a:lnTo>
                      <a:pt x="0" y="0"/>
                    </a:lnTo>
                    <a:lnTo>
                      <a:pt x="118" y="529"/>
                    </a:lnTo>
                    <a:lnTo>
                      <a:pt x="230" y="529"/>
                    </a:lnTo>
                    <a:lnTo>
                      <a:pt x="230" y="0"/>
                    </a:lnTo>
                  </a:path>
                </a:pathLst>
              </a:cu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30" name="Freeform 40"/>
              <p:cNvSpPr/>
              <p:nvPr/>
            </p:nvSpPr>
            <p:spPr bwMode="auto">
              <a:xfrm>
                <a:off x="2144618" y="1996120"/>
                <a:ext cx="411163" cy="919163"/>
              </a:xfrm>
              <a:custGeom>
                <a:avLst/>
                <a:gdLst>
                  <a:gd name="T0" fmla="*/ 97 w 97"/>
                  <a:gd name="T1" fmla="*/ 0 h 217"/>
                  <a:gd name="T2" fmla="*/ 5 w 97"/>
                  <a:gd name="T3" fmla="*/ 0 h 217"/>
                  <a:gd name="T4" fmla="*/ 2 w 97"/>
                  <a:gd name="T5" fmla="*/ 1 h 217"/>
                  <a:gd name="T6" fmla="*/ 1 w 97"/>
                  <a:gd name="T7" fmla="*/ 2 h 217"/>
                  <a:gd name="T8" fmla="*/ 1 w 97"/>
                  <a:gd name="T9" fmla="*/ 2 h 217"/>
                  <a:gd name="T10" fmla="*/ 0 w 97"/>
                  <a:gd name="T11" fmla="*/ 4 h 217"/>
                  <a:gd name="T12" fmla="*/ 0 w 97"/>
                  <a:gd name="T13" fmla="*/ 6 h 217"/>
                  <a:gd name="T14" fmla="*/ 46 w 97"/>
                  <a:gd name="T15" fmla="*/ 213 h 217"/>
                  <a:gd name="T16" fmla="*/ 46 w 97"/>
                  <a:gd name="T17" fmla="*/ 214 h 217"/>
                  <a:gd name="T18" fmla="*/ 51 w 97"/>
                  <a:gd name="T19" fmla="*/ 217 h 217"/>
                  <a:gd name="T20" fmla="*/ 51 w 97"/>
                  <a:gd name="T21" fmla="*/ 217 h 217"/>
                  <a:gd name="T22" fmla="*/ 70 w 97"/>
                  <a:gd name="T23" fmla="*/ 216 h 217"/>
                  <a:gd name="T24" fmla="*/ 97 w 97"/>
                  <a:gd name="T25" fmla="*/ 216 h 217"/>
                  <a:gd name="T26" fmla="*/ 97 w 97"/>
                  <a:gd name="T27" fmla="*/ 207 h 217"/>
                  <a:gd name="T28" fmla="*/ 55 w 97"/>
                  <a:gd name="T29" fmla="*/ 207 h 217"/>
                  <a:gd name="T30" fmla="*/ 11 w 97"/>
                  <a:gd name="T31" fmla="*/ 9 h 217"/>
                  <a:gd name="T32" fmla="*/ 97 w 97"/>
                  <a:gd name="T33" fmla="*/ 9 h 217"/>
                  <a:gd name="T34" fmla="*/ 97 w 97"/>
                  <a:gd name="T35" fmla="*/ 0 h 217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  <a:cxn ang="0">
                    <a:pos x="T26" y="T27"/>
                  </a:cxn>
                  <a:cxn ang="0">
                    <a:pos x="T28" y="T29"/>
                  </a:cxn>
                  <a:cxn ang="0">
                    <a:pos x="T30" y="T31"/>
                  </a:cxn>
                  <a:cxn ang="0">
                    <a:pos x="T32" y="T33"/>
                  </a:cxn>
                  <a:cxn ang="0">
                    <a:pos x="T34" y="T35"/>
                  </a:cxn>
                </a:cxnLst>
                <a:rect l="0" t="0" r="r" b="b"/>
                <a:pathLst>
                  <a:path w="97" h="217">
                    <a:moveTo>
                      <a:pt x="97" y="0"/>
                    </a:moveTo>
                    <a:cubicBezTo>
                      <a:pt x="5" y="0"/>
                      <a:pt x="5" y="0"/>
                      <a:pt x="5" y="0"/>
                    </a:cubicBezTo>
                    <a:cubicBezTo>
                      <a:pt x="4" y="0"/>
                      <a:pt x="2" y="0"/>
                      <a:pt x="2" y="1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1" y="2"/>
                      <a:pt x="1" y="2"/>
                      <a:pt x="1" y="2"/>
                    </a:cubicBezTo>
                    <a:cubicBezTo>
                      <a:pt x="1" y="2"/>
                      <a:pt x="0" y="3"/>
                      <a:pt x="0" y="4"/>
                    </a:cubicBezTo>
                    <a:cubicBezTo>
                      <a:pt x="0" y="5"/>
                      <a:pt x="0" y="5"/>
                      <a:pt x="0" y="6"/>
                    </a:cubicBezTo>
                    <a:cubicBezTo>
                      <a:pt x="46" y="213"/>
                      <a:pt x="46" y="213"/>
                      <a:pt x="46" y="213"/>
                    </a:cubicBezTo>
                    <a:cubicBezTo>
                      <a:pt x="46" y="213"/>
                      <a:pt x="46" y="213"/>
                      <a:pt x="46" y="214"/>
                    </a:cubicBezTo>
                    <a:cubicBezTo>
                      <a:pt x="47" y="215"/>
                      <a:pt x="49" y="217"/>
                      <a:pt x="51" y="217"/>
                    </a:cubicBezTo>
                    <a:cubicBezTo>
                      <a:pt x="51" y="217"/>
                      <a:pt x="51" y="217"/>
                      <a:pt x="51" y="217"/>
                    </a:cubicBezTo>
                    <a:cubicBezTo>
                      <a:pt x="70" y="216"/>
                      <a:pt x="70" y="216"/>
                      <a:pt x="70" y="216"/>
                    </a:cubicBezTo>
                    <a:cubicBezTo>
                      <a:pt x="97" y="216"/>
                      <a:pt x="97" y="216"/>
                      <a:pt x="97" y="216"/>
                    </a:cubicBezTo>
                    <a:cubicBezTo>
                      <a:pt x="97" y="207"/>
                      <a:pt x="97" y="207"/>
                      <a:pt x="97" y="207"/>
                    </a:cubicBezTo>
                    <a:cubicBezTo>
                      <a:pt x="55" y="207"/>
                      <a:pt x="55" y="207"/>
                      <a:pt x="55" y="207"/>
                    </a:cubicBezTo>
                    <a:cubicBezTo>
                      <a:pt x="11" y="9"/>
                      <a:pt x="11" y="9"/>
                      <a:pt x="11" y="9"/>
                    </a:cubicBezTo>
                    <a:cubicBezTo>
                      <a:pt x="97" y="9"/>
                      <a:pt x="97" y="9"/>
                      <a:pt x="97" y="9"/>
                    </a:cubicBezTo>
                    <a:cubicBezTo>
                      <a:pt x="97" y="0"/>
                      <a:pt x="97" y="0"/>
                      <a:pt x="97" y="0"/>
                    </a:cubicBezTo>
                  </a:path>
                </a:pathLst>
              </a:custGeom>
              <a:solidFill>
                <a:srgbClr val="D0CFD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150" name="文本框 149"/>
          <p:cNvSpPr txBox="1"/>
          <p:nvPr/>
        </p:nvSpPr>
        <p:spPr>
          <a:xfrm>
            <a:off x="2196335" y="4401580"/>
            <a:ext cx="8213758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60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扁平教育教学培训总结</a:t>
            </a:r>
          </a:p>
        </p:txBody>
      </p:sp>
      <p:cxnSp>
        <p:nvCxnSpPr>
          <p:cNvPr id="151" name="直接连接符 150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6096983" y="1718776"/>
            <a:ext cx="0" cy="774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52" name="文本框 151"/>
          <p:cNvSpPr txBox="1"/>
          <p:nvPr/>
        </p:nvSpPr>
        <p:spPr>
          <a:xfrm>
            <a:off x="4105511" y="5701588"/>
            <a:ext cx="3791423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2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适用于教师公开课培训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2000" advClick="0" advTm="0">
        <p15:prstTrans prst="drap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37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7" dur="5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37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900" decel="1000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500"/>
                            </p:stCondLst>
                            <p:childTnLst>
                              <p:par>
                                <p:cTn id="16" presetID="3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800" decel="100000"/>
                                        <p:tgtEl>
                                          <p:spTgt spid="4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800" decel="100000" fill="hold"/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4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750" fill="hold"/>
                                        <p:tgtEl>
                                          <p:spTgt spid="1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750" fill="hold"/>
                                        <p:tgtEl>
                                          <p:spTgt spid="1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3500"/>
                            </p:stCondLst>
                            <p:childTnLst>
                              <p:par>
                                <p:cTn id="30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32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4000"/>
                            </p:stCondLst>
                            <p:childTnLst>
                              <p:par>
                                <p:cTn id="34" presetID="2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"/>
                                          </p:val>
                                        </p:tav>
                                        <p:tav tm="100000">
                                          <p:val>
                                            <p:strVal val="#ppt_w*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0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1" dur="500" decel="50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accel="50000" fill="hold">
                                          <p:stCondLst>
                                            <p:cond delay="50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1000" decel="5000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5000"/>
                            </p:stCondLst>
                            <p:childTnLst>
                              <p:par>
                                <p:cTn id="45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5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5500"/>
                            </p:stCondLst>
                            <p:childTnLst>
                              <p:par>
                                <p:cTn id="49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51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52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53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5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0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5" fill="hold">
                            <p:stCondLst>
                              <p:cond delay="6650"/>
                            </p:stCondLst>
                            <p:childTnLst>
                              <p:par>
                                <p:cTn id="56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58" dur="500"/>
                                        <p:tgtEl>
                                          <p:spTgt spid="1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9" fill="hold">
                            <p:stCondLst>
                              <p:cond delay="7150"/>
                            </p:stCondLst>
                            <p:childTnLst>
                              <p:par>
                                <p:cTn id="60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2" dur="1000"/>
                                        <p:tgtEl>
                                          <p:spTgt spid="15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3" dur="1000" fill="hold"/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900" decel="100000" fill="hold"/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15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2" grpId="0" animBg="1"/>
      <p:bldP spid="150" grpId="0"/>
      <p:bldP spid="152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06195" flipV="1">
            <a:off x="1006081" y="1449772"/>
            <a:ext cx="5561307" cy="5571406"/>
          </a:xfrm>
          <a:prstGeom prst="rect">
            <a:avLst/>
          </a:prstGeom>
        </p:spPr>
      </p:pic>
      <p:sp>
        <p:nvSpPr>
          <p:cNvPr id="56" name="文本框 55"/>
          <p:cNvSpPr txBox="1"/>
          <p:nvPr/>
        </p:nvSpPr>
        <p:spPr>
          <a:xfrm>
            <a:off x="8454979" y="1040219"/>
            <a:ext cx="1678665" cy="26468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66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1</a:t>
            </a:r>
            <a:endParaRPr lang="zh-CN" altLang="en-US" sz="16600" b="1" dirty="0">
              <a:solidFill>
                <a:srgbClr val="FFFFFF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57" name="文本框 56"/>
          <p:cNvSpPr txBox="1"/>
          <p:nvPr/>
        </p:nvSpPr>
        <p:spPr>
          <a:xfrm>
            <a:off x="7348906" y="4105138"/>
            <a:ext cx="389080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72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分析</a:t>
            </a:r>
          </a:p>
        </p:txBody>
      </p:sp>
      <p:cxnSp>
        <p:nvCxnSpPr>
          <p:cNvPr id="58" name="直接连接符 5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9295279" y="1753203"/>
            <a:ext cx="0" cy="396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100"/>
                            </p:stCondLst>
                            <p:childTnLst>
                              <p:par>
                                <p:cTn id="1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600"/>
                            </p:stCondLst>
                            <p:childTnLst>
                              <p:par>
                                <p:cTn id="2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900" decel="100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6" grpId="0"/>
      <p:bldP spid="57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44" name="任意多边形 143"/>
          <p:cNvSpPr/>
          <p:nvPr/>
        </p:nvSpPr>
        <p:spPr>
          <a:xfrm>
            <a:off x="3997324" y="2179671"/>
            <a:ext cx="1059173" cy="353059"/>
          </a:xfrm>
          <a:custGeom>
            <a:avLst/>
            <a:gdLst>
              <a:gd name="connsiteX0" fmla="*/ 1257300 w 1257300"/>
              <a:gd name="connsiteY0" fmla="*/ 419100 h 419100"/>
              <a:gd name="connsiteX1" fmla="*/ 838200 w 1257300"/>
              <a:gd name="connsiteY1" fmla="*/ 0 h 419100"/>
              <a:gd name="connsiteX2" fmla="*/ 0 w 1257300"/>
              <a:gd name="connsiteY2" fmla="*/ 0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257300" h="419100">
                <a:moveTo>
                  <a:pt x="1257300" y="419100"/>
                </a:moveTo>
                <a:lnTo>
                  <a:pt x="838200" y="0"/>
                </a:lnTo>
                <a:lnTo>
                  <a:pt x="0" y="0"/>
                </a:lnTo>
              </a:path>
            </a:pathLst>
          </a:custGeom>
          <a:ln w="6350">
            <a:solidFill>
              <a:srgbClr val="288DBB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sp>
        <p:nvSpPr>
          <p:cNvPr id="145" name="任意多边形 144"/>
          <p:cNvSpPr/>
          <p:nvPr/>
        </p:nvSpPr>
        <p:spPr>
          <a:xfrm flipV="1">
            <a:off x="3637174" y="4482270"/>
            <a:ext cx="1059173" cy="363757"/>
          </a:xfrm>
          <a:custGeom>
            <a:avLst/>
            <a:gdLst>
              <a:gd name="connsiteX0" fmla="*/ 1257300 w 1257300"/>
              <a:gd name="connsiteY0" fmla="*/ 419100 h 419100"/>
              <a:gd name="connsiteX1" fmla="*/ 838200 w 1257300"/>
              <a:gd name="connsiteY1" fmla="*/ 0 h 419100"/>
              <a:gd name="connsiteX2" fmla="*/ 0 w 1257300"/>
              <a:gd name="connsiteY2" fmla="*/ 0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257300" h="419100">
                <a:moveTo>
                  <a:pt x="1257300" y="419100"/>
                </a:moveTo>
                <a:lnTo>
                  <a:pt x="838200" y="0"/>
                </a:lnTo>
                <a:lnTo>
                  <a:pt x="0" y="0"/>
                </a:lnTo>
              </a:path>
            </a:pathLst>
          </a:custGeom>
          <a:ln w="6350">
            <a:solidFill>
              <a:srgbClr val="FDB52D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sp>
        <p:nvSpPr>
          <p:cNvPr id="146" name="椭圆 145"/>
          <p:cNvSpPr/>
          <p:nvPr/>
        </p:nvSpPr>
        <p:spPr>
          <a:xfrm>
            <a:off x="5409819" y="2949723"/>
            <a:ext cx="1350139" cy="1350139"/>
          </a:xfrm>
          <a:prstGeom prst="ellipse">
            <a:avLst/>
          </a:prstGeom>
          <a:noFill/>
          <a:ln w="6350">
            <a:solidFill>
              <a:schemeClr val="bg1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grpSp>
        <p:nvGrpSpPr>
          <p:cNvPr id="147" name="组合 146"/>
          <p:cNvGrpSpPr/>
          <p:nvPr/>
        </p:nvGrpSpPr>
        <p:grpSpPr>
          <a:xfrm>
            <a:off x="4616406" y="2147359"/>
            <a:ext cx="2959193" cy="2963333"/>
            <a:chOff x="3462304" y="1609725"/>
            <a:chExt cx="2219395" cy="2222500"/>
          </a:xfrm>
        </p:grpSpPr>
        <p:sp>
          <p:nvSpPr>
            <p:cNvPr id="148" name="Freeform 31"/>
            <p:cNvSpPr/>
            <p:nvPr/>
          </p:nvSpPr>
          <p:spPr bwMode="auto">
            <a:xfrm>
              <a:off x="4597367" y="2746375"/>
              <a:ext cx="1084332" cy="1085850"/>
            </a:xfrm>
            <a:custGeom>
              <a:avLst/>
              <a:gdLst>
                <a:gd name="T0" fmla="*/ 161 w 303"/>
                <a:gd name="T1" fmla="*/ 0 h 303"/>
                <a:gd name="T2" fmla="*/ 161 w 303"/>
                <a:gd name="T3" fmla="*/ 0 h 303"/>
                <a:gd name="T4" fmla="*/ 115 w 303"/>
                <a:gd name="T5" fmla="*/ 113 h 303"/>
                <a:gd name="T6" fmla="*/ 112 w 303"/>
                <a:gd name="T7" fmla="*/ 116 h 303"/>
                <a:gd name="T8" fmla="*/ 0 w 303"/>
                <a:gd name="T9" fmla="*/ 161 h 303"/>
                <a:gd name="T10" fmla="*/ 0 w 303"/>
                <a:gd name="T11" fmla="*/ 161 h 303"/>
                <a:gd name="T12" fmla="*/ 0 w 303"/>
                <a:gd name="T13" fmla="*/ 303 h 303"/>
                <a:gd name="T14" fmla="*/ 31 w 303"/>
                <a:gd name="T15" fmla="*/ 303 h 303"/>
                <a:gd name="T16" fmla="*/ 37 w 303"/>
                <a:gd name="T17" fmla="*/ 298 h 303"/>
                <a:gd name="T18" fmla="*/ 56 w 303"/>
                <a:gd name="T19" fmla="*/ 248 h 303"/>
                <a:gd name="T20" fmla="*/ 57 w 303"/>
                <a:gd name="T21" fmla="*/ 248 h 303"/>
                <a:gd name="T22" fmla="*/ 66 w 303"/>
                <a:gd name="T23" fmla="*/ 244 h 303"/>
                <a:gd name="T24" fmla="*/ 77 w 303"/>
                <a:gd name="T25" fmla="*/ 242 h 303"/>
                <a:gd name="T26" fmla="*/ 77 w 303"/>
                <a:gd name="T27" fmla="*/ 242 h 303"/>
                <a:gd name="T28" fmla="*/ 118 w 303"/>
                <a:gd name="T29" fmla="*/ 276 h 303"/>
                <a:gd name="T30" fmla="*/ 127 w 303"/>
                <a:gd name="T31" fmla="*/ 277 h 303"/>
                <a:gd name="T32" fmla="*/ 179 w 303"/>
                <a:gd name="T33" fmla="*/ 246 h 303"/>
                <a:gd name="T34" fmla="*/ 182 w 303"/>
                <a:gd name="T35" fmla="*/ 239 h 303"/>
                <a:gd name="T36" fmla="*/ 173 w 303"/>
                <a:gd name="T37" fmla="*/ 186 h 303"/>
                <a:gd name="T38" fmla="*/ 173 w 303"/>
                <a:gd name="T39" fmla="*/ 186 h 303"/>
                <a:gd name="T40" fmla="*/ 180 w 303"/>
                <a:gd name="T41" fmla="*/ 178 h 303"/>
                <a:gd name="T42" fmla="*/ 186 w 303"/>
                <a:gd name="T43" fmla="*/ 173 h 303"/>
                <a:gd name="T44" fmla="*/ 186 w 303"/>
                <a:gd name="T45" fmla="*/ 173 h 303"/>
                <a:gd name="T46" fmla="*/ 239 w 303"/>
                <a:gd name="T47" fmla="*/ 182 h 303"/>
                <a:gd name="T48" fmla="*/ 240 w 303"/>
                <a:gd name="T49" fmla="*/ 182 h 303"/>
                <a:gd name="T50" fmla="*/ 247 w 303"/>
                <a:gd name="T51" fmla="*/ 179 h 303"/>
                <a:gd name="T52" fmla="*/ 277 w 303"/>
                <a:gd name="T53" fmla="*/ 126 h 303"/>
                <a:gd name="T54" fmla="*/ 276 w 303"/>
                <a:gd name="T55" fmla="*/ 118 h 303"/>
                <a:gd name="T56" fmla="*/ 242 w 303"/>
                <a:gd name="T57" fmla="*/ 77 h 303"/>
                <a:gd name="T58" fmla="*/ 242 w 303"/>
                <a:gd name="T59" fmla="*/ 76 h 303"/>
                <a:gd name="T60" fmla="*/ 245 w 303"/>
                <a:gd name="T61" fmla="*/ 66 h 303"/>
                <a:gd name="T62" fmla="*/ 248 w 303"/>
                <a:gd name="T63" fmla="*/ 56 h 303"/>
                <a:gd name="T64" fmla="*/ 248 w 303"/>
                <a:gd name="T65" fmla="*/ 56 h 303"/>
                <a:gd name="T66" fmla="*/ 298 w 303"/>
                <a:gd name="T67" fmla="*/ 37 h 303"/>
                <a:gd name="T68" fmla="*/ 303 w 303"/>
                <a:gd name="T69" fmla="*/ 30 h 303"/>
                <a:gd name="T70" fmla="*/ 303 w 303"/>
                <a:gd name="T71" fmla="*/ 0 h 303"/>
                <a:gd name="T72" fmla="*/ 161 w 303"/>
                <a:gd name="T73" fmla="*/ 0 h 3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03" h="303">
                  <a:moveTo>
                    <a:pt x="161" y="0"/>
                  </a:moveTo>
                  <a:cubicBezTo>
                    <a:pt x="161" y="0"/>
                    <a:pt x="161" y="0"/>
                    <a:pt x="161" y="0"/>
                  </a:cubicBezTo>
                  <a:cubicBezTo>
                    <a:pt x="161" y="42"/>
                    <a:pt x="145" y="83"/>
                    <a:pt x="115" y="113"/>
                  </a:cubicBezTo>
                  <a:cubicBezTo>
                    <a:pt x="112" y="116"/>
                    <a:pt x="112" y="116"/>
                    <a:pt x="112" y="116"/>
                  </a:cubicBezTo>
                  <a:cubicBezTo>
                    <a:pt x="82" y="145"/>
                    <a:pt x="42" y="161"/>
                    <a:pt x="0" y="161"/>
                  </a:cubicBezTo>
                  <a:cubicBezTo>
                    <a:pt x="0" y="161"/>
                    <a:pt x="0" y="161"/>
                    <a:pt x="0" y="161"/>
                  </a:cubicBezTo>
                  <a:cubicBezTo>
                    <a:pt x="0" y="303"/>
                    <a:pt x="0" y="303"/>
                    <a:pt x="0" y="303"/>
                  </a:cubicBezTo>
                  <a:cubicBezTo>
                    <a:pt x="31" y="303"/>
                    <a:pt x="31" y="303"/>
                    <a:pt x="31" y="303"/>
                  </a:cubicBezTo>
                  <a:cubicBezTo>
                    <a:pt x="33" y="303"/>
                    <a:pt x="36" y="301"/>
                    <a:pt x="37" y="298"/>
                  </a:cubicBezTo>
                  <a:cubicBezTo>
                    <a:pt x="56" y="248"/>
                    <a:pt x="56" y="248"/>
                    <a:pt x="56" y="248"/>
                  </a:cubicBezTo>
                  <a:cubicBezTo>
                    <a:pt x="56" y="248"/>
                    <a:pt x="56" y="248"/>
                    <a:pt x="57" y="248"/>
                  </a:cubicBezTo>
                  <a:cubicBezTo>
                    <a:pt x="66" y="244"/>
                    <a:pt x="66" y="244"/>
                    <a:pt x="66" y="244"/>
                  </a:cubicBezTo>
                  <a:cubicBezTo>
                    <a:pt x="77" y="242"/>
                    <a:pt x="77" y="242"/>
                    <a:pt x="77" y="242"/>
                  </a:cubicBezTo>
                  <a:cubicBezTo>
                    <a:pt x="77" y="242"/>
                    <a:pt x="77" y="242"/>
                    <a:pt x="77" y="242"/>
                  </a:cubicBezTo>
                  <a:cubicBezTo>
                    <a:pt x="118" y="276"/>
                    <a:pt x="118" y="276"/>
                    <a:pt x="118" y="276"/>
                  </a:cubicBezTo>
                  <a:cubicBezTo>
                    <a:pt x="121" y="278"/>
                    <a:pt x="124" y="278"/>
                    <a:pt x="127" y="277"/>
                  </a:cubicBezTo>
                  <a:cubicBezTo>
                    <a:pt x="179" y="246"/>
                    <a:pt x="179" y="246"/>
                    <a:pt x="179" y="246"/>
                  </a:cubicBezTo>
                  <a:cubicBezTo>
                    <a:pt x="181" y="245"/>
                    <a:pt x="183" y="242"/>
                    <a:pt x="182" y="239"/>
                  </a:cubicBezTo>
                  <a:cubicBezTo>
                    <a:pt x="173" y="186"/>
                    <a:pt x="173" y="186"/>
                    <a:pt x="173" y="186"/>
                  </a:cubicBezTo>
                  <a:cubicBezTo>
                    <a:pt x="173" y="186"/>
                    <a:pt x="173" y="186"/>
                    <a:pt x="173" y="186"/>
                  </a:cubicBezTo>
                  <a:cubicBezTo>
                    <a:pt x="180" y="178"/>
                    <a:pt x="180" y="178"/>
                    <a:pt x="180" y="178"/>
                  </a:cubicBezTo>
                  <a:cubicBezTo>
                    <a:pt x="186" y="173"/>
                    <a:pt x="186" y="173"/>
                    <a:pt x="186" y="173"/>
                  </a:cubicBezTo>
                  <a:cubicBezTo>
                    <a:pt x="186" y="173"/>
                    <a:pt x="186" y="173"/>
                    <a:pt x="186" y="173"/>
                  </a:cubicBezTo>
                  <a:cubicBezTo>
                    <a:pt x="239" y="182"/>
                    <a:pt x="239" y="182"/>
                    <a:pt x="239" y="182"/>
                  </a:cubicBezTo>
                  <a:cubicBezTo>
                    <a:pt x="240" y="182"/>
                    <a:pt x="240" y="182"/>
                    <a:pt x="240" y="182"/>
                  </a:cubicBezTo>
                  <a:cubicBezTo>
                    <a:pt x="243" y="182"/>
                    <a:pt x="245" y="181"/>
                    <a:pt x="247" y="179"/>
                  </a:cubicBezTo>
                  <a:cubicBezTo>
                    <a:pt x="277" y="126"/>
                    <a:pt x="277" y="126"/>
                    <a:pt x="277" y="126"/>
                  </a:cubicBezTo>
                  <a:cubicBezTo>
                    <a:pt x="279" y="124"/>
                    <a:pt x="278" y="120"/>
                    <a:pt x="276" y="118"/>
                  </a:cubicBezTo>
                  <a:cubicBezTo>
                    <a:pt x="242" y="77"/>
                    <a:pt x="242" y="77"/>
                    <a:pt x="242" y="77"/>
                  </a:cubicBezTo>
                  <a:cubicBezTo>
                    <a:pt x="242" y="77"/>
                    <a:pt x="242" y="76"/>
                    <a:pt x="242" y="76"/>
                  </a:cubicBezTo>
                  <a:cubicBezTo>
                    <a:pt x="245" y="66"/>
                    <a:pt x="245" y="66"/>
                    <a:pt x="245" y="66"/>
                  </a:cubicBezTo>
                  <a:cubicBezTo>
                    <a:pt x="248" y="56"/>
                    <a:pt x="248" y="56"/>
                    <a:pt x="248" y="56"/>
                  </a:cubicBezTo>
                  <a:cubicBezTo>
                    <a:pt x="248" y="56"/>
                    <a:pt x="248" y="56"/>
                    <a:pt x="248" y="56"/>
                  </a:cubicBezTo>
                  <a:cubicBezTo>
                    <a:pt x="298" y="37"/>
                    <a:pt x="298" y="37"/>
                    <a:pt x="298" y="37"/>
                  </a:cubicBezTo>
                  <a:cubicBezTo>
                    <a:pt x="301" y="36"/>
                    <a:pt x="303" y="33"/>
                    <a:pt x="303" y="30"/>
                  </a:cubicBezTo>
                  <a:cubicBezTo>
                    <a:pt x="303" y="0"/>
                    <a:pt x="303" y="0"/>
                    <a:pt x="303" y="0"/>
                  </a:cubicBezTo>
                  <a:lnTo>
                    <a:pt x="161" y="0"/>
                  </a:lnTo>
                  <a:close/>
                </a:path>
              </a:pathLst>
            </a:custGeom>
            <a:solidFill>
              <a:srgbClr val="E04548"/>
            </a:solidFill>
            <a:ln w="6350">
              <a:solidFill>
                <a:schemeClr val="bg1"/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35" b="1">
                <a:ln w="6350">
                  <a:noFill/>
                </a:ln>
                <a:gradFill flip="none" rotWithShape="1">
                  <a:gsLst>
                    <a:gs pos="73000">
                      <a:srgbClr val="00C373"/>
                    </a:gs>
                    <a:gs pos="88000">
                      <a:srgbClr val="08ECDB"/>
                    </a:gs>
                    <a:gs pos="29000">
                      <a:srgbClr val="00C373"/>
                    </a:gs>
                    <a:gs pos="72000">
                      <a:srgbClr val="08ECDB"/>
                    </a:gs>
                  </a:gsLst>
                  <a:lin ang="1200000" scaled="0"/>
                  <a:tileRect/>
                </a:gradFill>
                <a:effectLst>
                  <a:innerShdw blurRad="63500" dist="50800" dir="16200000">
                    <a:prstClr val="black">
                      <a:alpha val="50000"/>
                    </a:prstClr>
                  </a:innerShdw>
                </a:effectLst>
                <a:latin typeface="Impact" panose="020B080603090205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49" name="Freeform 32"/>
            <p:cNvSpPr/>
            <p:nvPr/>
          </p:nvSpPr>
          <p:spPr bwMode="auto">
            <a:xfrm>
              <a:off x="3462304" y="2746375"/>
              <a:ext cx="1084332" cy="1085850"/>
            </a:xfrm>
            <a:custGeom>
              <a:avLst/>
              <a:gdLst>
                <a:gd name="T0" fmla="*/ 190 w 303"/>
                <a:gd name="T1" fmla="*/ 115 h 303"/>
                <a:gd name="T2" fmla="*/ 187 w 303"/>
                <a:gd name="T3" fmla="*/ 111 h 303"/>
                <a:gd name="T4" fmla="*/ 142 w 303"/>
                <a:gd name="T5" fmla="*/ 0 h 303"/>
                <a:gd name="T6" fmla="*/ 142 w 303"/>
                <a:gd name="T7" fmla="*/ 0 h 303"/>
                <a:gd name="T8" fmla="*/ 0 w 303"/>
                <a:gd name="T9" fmla="*/ 0 h 303"/>
                <a:gd name="T10" fmla="*/ 0 w 303"/>
                <a:gd name="T11" fmla="*/ 30 h 303"/>
                <a:gd name="T12" fmla="*/ 5 w 303"/>
                <a:gd name="T13" fmla="*/ 37 h 303"/>
                <a:gd name="T14" fmla="*/ 55 w 303"/>
                <a:gd name="T15" fmla="*/ 56 h 303"/>
                <a:gd name="T16" fmla="*/ 56 w 303"/>
                <a:gd name="T17" fmla="*/ 56 h 303"/>
                <a:gd name="T18" fmla="*/ 59 w 303"/>
                <a:gd name="T19" fmla="*/ 66 h 303"/>
                <a:gd name="T20" fmla="*/ 61 w 303"/>
                <a:gd name="T21" fmla="*/ 76 h 303"/>
                <a:gd name="T22" fmla="*/ 61 w 303"/>
                <a:gd name="T23" fmla="*/ 77 h 303"/>
                <a:gd name="T24" fmla="*/ 27 w 303"/>
                <a:gd name="T25" fmla="*/ 118 h 303"/>
                <a:gd name="T26" fmla="*/ 26 w 303"/>
                <a:gd name="T27" fmla="*/ 126 h 303"/>
                <a:gd name="T28" fmla="*/ 57 w 303"/>
                <a:gd name="T29" fmla="*/ 179 h 303"/>
                <a:gd name="T30" fmla="*/ 63 w 303"/>
                <a:gd name="T31" fmla="*/ 182 h 303"/>
                <a:gd name="T32" fmla="*/ 117 w 303"/>
                <a:gd name="T33" fmla="*/ 173 h 303"/>
                <a:gd name="T34" fmla="*/ 117 w 303"/>
                <a:gd name="T35" fmla="*/ 173 h 303"/>
                <a:gd name="T36" fmla="*/ 118 w 303"/>
                <a:gd name="T37" fmla="*/ 173 h 303"/>
                <a:gd name="T38" fmla="*/ 126 w 303"/>
                <a:gd name="T39" fmla="*/ 180 h 303"/>
                <a:gd name="T40" fmla="*/ 130 w 303"/>
                <a:gd name="T41" fmla="*/ 186 h 303"/>
                <a:gd name="T42" fmla="*/ 131 w 303"/>
                <a:gd name="T43" fmla="*/ 186 h 303"/>
                <a:gd name="T44" fmla="*/ 122 w 303"/>
                <a:gd name="T45" fmla="*/ 239 h 303"/>
                <a:gd name="T46" fmla="*/ 125 w 303"/>
                <a:gd name="T47" fmla="*/ 246 h 303"/>
                <a:gd name="T48" fmla="*/ 177 w 303"/>
                <a:gd name="T49" fmla="*/ 277 h 303"/>
                <a:gd name="T50" fmla="*/ 180 w 303"/>
                <a:gd name="T51" fmla="*/ 278 h 303"/>
                <a:gd name="T52" fmla="*/ 185 w 303"/>
                <a:gd name="T53" fmla="*/ 276 h 303"/>
                <a:gd name="T54" fmla="*/ 226 w 303"/>
                <a:gd name="T55" fmla="*/ 243 h 303"/>
                <a:gd name="T56" fmla="*/ 227 w 303"/>
                <a:gd name="T57" fmla="*/ 242 h 303"/>
                <a:gd name="T58" fmla="*/ 227 w 303"/>
                <a:gd name="T59" fmla="*/ 242 h 303"/>
                <a:gd name="T60" fmla="*/ 237 w 303"/>
                <a:gd name="T61" fmla="*/ 244 h 303"/>
                <a:gd name="T62" fmla="*/ 247 w 303"/>
                <a:gd name="T63" fmla="*/ 248 h 303"/>
                <a:gd name="T64" fmla="*/ 248 w 303"/>
                <a:gd name="T65" fmla="*/ 248 h 303"/>
                <a:gd name="T66" fmla="*/ 248 w 303"/>
                <a:gd name="T67" fmla="*/ 248 h 303"/>
                <a:gd name="T68" fmla="*/ 266 w 303"/>
                <a:gd name="T69" fmla="*/ 298 h 303"/>
                <a:gd name="T70" fmla="*/ 273 w 303"/>
                <a:gd name="T71" fmla="*/ 303 h 303"/>
                <a:gd name="T72" fmla="*/ 303 w 303"/>
                <a:gd name="T73" fmla="*/ 303 h 303"/>
                <a:gd name="T74" fmla="*/ 303 w 303"/>
                <a:gd name="T75" fmla="*/ 161 h 303"/>
                <a:gd name="T76" fmla="*/ 190 w 303"/>
                <a:gd name="T77" fmla="*/ 115 h 3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</a:cxnLst>
              <a:rect l="0" t="0" r="r" b="b"/>
              <a:pathLst>
                <a:path w="303" h="303">
                  <a:moveTo>
                    <a:pt x="190" y="115"/>
                  </a:moveTo>
                  <a:cubicBezTo>
                    <a:pt x="187" y="111"/>
                    <a:pt x="187" y="111"/>
                    <a:pt x="187" y="111"/>
                  </a:cubicBezTo>
                  <a:cubicBezTo>
                    <a:pt x="158" y="81"/>
                    <a:pt x="142" y="42"/>
                    <a:pt x="142" y="0"/>
                  </a:cubicBezTo>
                  <a:cubicBezTo>
                    <a:pt x="142" y="0"/>
                    <a:pt x="142" y="0"/>
                    <a:pt x="142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30"/>
                    <a:pt x="0" y="30"/>
                    <a:pt x="0" y="30"/>
                  </a:cubicBezTo>
                  <a:cubicBezTo>
                    <a:pt x="0" y="33"/>
                    <a:pt x="2" y="36"/>
                    <a:pt x="5" y="37"/>
                  </a:cubicBezTo>
                  <a:cubicBezTo>
                    <a:pt x="55" y="56"/>
                    <a:pt x="55" y="56"/>
                    <a:pt x="55" y="56"/>
                  </a:cubicBezTo>
                  <a:cubicBezTo>
                    <a:pt x="55" y="56"/>
                    <a:pt x="55" y="56"/>
                    <a:pt x="56" y="56"/>
                  </a:cubicBezTo>
                  <a:cubicBezTo>
                    <a:pt x="59" y="66"/>
                    <a:pt x="59" y="66"/>
                    <a:pt x="59" y="66"/>
                  </a:cubicBezTo>
                  <a:cubicBezTo>
                    <a:pt x="61" y="76"/>
                    <a:pt x="61" y="76"/>
                    <a:pt x="61" y="76"/>
                  </a:cubicBezTo>
                  <a:cubicBezTo>
                    <a:pt x="61" y="76"/>
                    <a:pt x="61" y="77"/>
                    <a:pt x="61" y="77"/>
                  </a:cubicBezTo>
                  <a:cubicBezTo>
                    <a:pt x="27" y="118"/>
                    <a:pt x="27" y="118"/>
                    <a:pt x="27" y="118"/>
                  </a:cubicBezTo>
                  <a:cubicBezTo>
                    <a:pt x="25" y="120"/>
                    <a:pt x="25" y="124"/>
                    <a:pt x="26" y="126"/>
                  </a:cubicBezTo>
                  <a:cubicBezTo>
                    <a:pt x="57" y="179"/>
                    <a:pt x="57" y="179"/>
                    <a:pt x="57" y="179"/>
                  </a:cubicBezTo>
                  <a:cubicBezTo>
                    <a:pt x="58" y="181"/>
                    <a:pt x="60" y="182"/>
                    <a:pt x="63" y="182"/>
                  </a:cubicBezTo>
                  <a:cubicBezTo>
                    <a:pt x="117" y="173"/>
                    <a:pt x="117" y="173"/>
                    <a:pt x="117" y="173"/>
                  </a:cubicBezTo>
                  <a:cubicBezTo>
                    <a:pt x="117" y="173"/>
                    <a:pt x="117" y="173"/>
                    <a:pt x="117" y="173"/>
                  </a:cubicBezTo>
                  <a:cubicBezTo>
                    <a:pt x="117" y="173"/>
                    <a:pt x="117" y="173"/>
                    <a:pt x="118" y="173"/>
                  </a:cubicBezTo>
                  <a:cubicBezTo>
                    <a:pt x="126" y="180"/>
                    <a:pt x="126" y="180"/>
                    <a:pt x="126" y="180"/>
                  </a:cubicBezTo>
                  <a:cubicBezTo>
                    <a:pt x="130" y="186"/>
                    <a:pt x="130" y="186"/>
                    <a:pt x="130" y="186"/>
                  </a:cubicBezTo>
                  <a:cubicBezTo>
                    <a:pt x="131" y="186"/>
                    <a:pt x="131" y="186"/>
                    <a:pt x="131" y="186"/>
                  </a:cubicBezTo>
                  <a:cubicBezTo>
                    <a:pt x="122" y="239"/>
                    <a:pt x="122" y="239"/>
                    <a:pt x="122" y="239"/>
                  </a:cubicBezTo>
                  <a:cubicBezTo>
                    <a:pt x="121" y="242"/>
                    <a:pt x="122" y="245"/>
                    <a:pt x="125" y="246"/>
                  </a:cubicBezTo>
                  <a:cubicBezTo>
                    <a:pt x="177" y="277"/>
                    <a:pt x="177" y="277"/>
                    <a:pt x="177" y="277"/>
                  </a:cubicBezTo>
                  <a:cubicBezTo>
                    <a:pt x="178" y="277"/>
                    <a:pt x="179" y="278"/>
                    <a:pt x="180" y="278"/>
                  </a:cubicBezTo>
                  <a:cubicBezTo>
                    <a:pt x="181" y="278"/>
                    <a:pt x="183" y="278"/>
                    <a:pt x="185" y="276"/>
                  </a:cubicBezTo>
                  <a:cubicBezTo>
                    <a:pt x="226" y="243"/>
                    <a:pt x="226" y="243"/>
                    <a:pt x="226" y="243"/>
                  </a:cubicBezTo>
                  <a:cubicBezTo>
                    <a:pt x="227" y="242"/>
                    <a:pt x="227" y="242"/>
                    <a:pt x="227" y="242"/>
                  </a:cubicBezTo>
                  <a:cubicBezTo>
                    <a:pt x="227" y="242"/>
                    <a:pt x="227" y="242"/>
                    <a:pt x="227" y="242"/>
                  </a:cubicBezTo>
                  <a:cubicBezTo>
                    <a:pt x="237" y="244"/>
                    <a:pt x="237" y="244"/>
                    <a:pt x="237" y="244"/>
                  </a:cubicBezTo>
                  <a:cubicBezTo>
                    <a:pt x="247" y="248"/>
                    <a:pt x="247" y="248"/>
                    <a:pt x="247" y="248"/>
                  </a:cubicBezTo>
                  <a:cubicBezTo>
                    <a:pt x="248" y="248"/>
                    <a:pt x="248" y="248"/>
                    <a:pt x="248" y="248"/>
                  </a:cubicBezTo>
                  <a:cubicBezTo>
                    <a:pt x="248" y="248"/>
                    <a:pt x="248" y="248"/>
                    <a:pt x="248" y="248"/>
                  </a:cubicBezTo>
                  <a:cubicBezTo>
                    <a:pt x="266" y="298"/>
                    <a:pt x="266" y="298"/>
                    <a:pt x="266" y="298"/>
                  </a:cubicBezTo>
                  <a:cubicBezTo>
                    <a:pt x="267" y="301"/>
                    <a:pt x="270" y="303"/>
                    <a:pt x="273" y="303"/>
                  </a:cubicBezTo>
                  <a:cubicBezTo>
                    <a:pt x="303" y="303"/>
                    <a:pt x="303" y="303"/>
                    <a:pt x="303" y="303"/>
                  </a:cubicBezTo>
                  <a:cubicBezTo>
                    <a:pt x="303" y="161"/>
                    <a:pt x="303" y="161"/>
                    <a:pt x="303" y="161"/>
                  </a:cubicBezTo>
                  <a:cubicBezTo>
                    <a:pt x="261" y="161"/>
                    <a:pt x="221" y="145"/>
                    <a:pt x="190" y="115"/>
                  </a:cubicBezTo>
                  <a:close/>
                </a:path>
              </a:pathLst>
            </a:custGeom>
            <a:solidFill>
              <a:srgbClr val="FDB52D"/>
            </a:solidFill>
            <a:ln w="6350">
              <a:solidFill>
                <a:schemeClr val="bg1">
                  <a:lumMod val="85000"/>
                </a:schemeClr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35" b="1">
                <a:ln w="6350">
                  <a:noFill/>
                </a:ln>
                <a:gradFill flip="none" rotWithShape="1">
                  <a:gsLst>
                    <a:gs pos="73000">
                      <a:srgbClr val="00C373"/>
                    </a:gs>
                    <a:gs pos="88000">
                      <a:srgbClr val="08ECDB"/>
                    </a:gs>
                    <a:gs pos="29000">
                      <a:srgbClr val="00C373"/>
                    </a:gs>
                    <a:gs pos="72000">
                      <a:srgbClr val="08ECDB"/>
                    </a:gs>
                  </a:gsLst>
                  <a:lin ang="1200000" scaled="0"/>
                  <a:tileRect/>
                </a:gradFill>
                <a:effectLst>
                  <a:innerShdw blurRad="63500" dist="50800" dir="16200000">
                    <a:prstClr val="black">
                      <a:alpha val="50000"/>
                    </a:prstClr>
                  </a:innerShdw>
                </a:effectLst>
                <a:latin typeface="Impact" panose="020B080603090205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0" name="Freeform 33"/>
            <p:cNvSpPr/>
            <p:nvPr/>
          </p:nvSpPr>
          <p:spPr bwMode="auto">
            <a:xfrm>
              <a:off x="3462304" y="1609725"/>
              <a:ext cx="1084332" cy="1085850"/>
            </a:xfrm>
            <a:custGeom>
              <a:avLst/>
              <a:gdLst>
                <a:gd name="T0" fmla="*/ 188 w 303"/>
                <a:gd name="T1" fmla="*/ 190 h 303"/>
                <a:gd name="T2" fmla="*/ 192 w 303"/>
                <a:gd name="T3" fmla="*/ 186 h 303"/>
                <a:gd name="T4" fmla="*/ 192 w 303"/>
                <a:gd name="T5" fmla="*/ 186 h 303"/>
                <a:gd name="T6" fmla="*/ 303 w 303"/>
                <a:gd name="T7" fmla="*/ 142 h 303"/>
                <a:gd name="T8" fmla="*/ 303 w 303"/>
                <a:gd name="T9" fmla="*/ 142 h 303"/>
                <a:gd name="T10" fmla="*/ 303 w 303"/>
                <a:gd name="T11" fmla="*/ 0 h 303"/>
                <a:gd name="T12" fmla="*/ 273 w 303"/>
                <a:gd name="T13" fmla="*/ 0 h 303"/>
                <a:gd name="T14" fmla="*/ 266 w 303"/>
                <a:gd name="T15" fmla="*/ 5 h 303"/>
                <a:gd name="T16" fmla="*/ 247 w 303"/>
                <a:gd name="T17" fmla="*/ 55 h 303"/>
                <a:gd name="T18" fmla="*/ 247 w 303"/>
                <a:gd name="T19" fmla="*/ 55 h 303"/>
                <a:gd name="T20" fmla="*/ 237 w 303"/>
                <a:gd name="T21" fmla="*/ 58 h 303"/>
                <a:gd name="T22" fmla="*/ 227 w 303"/>
                <a:gd name="T23" fmla="*/ 61 h 303"/>
                <a:gd name="T24" fmla="*/ 226 w 303"/>
                <a:gd name="T25" fmla="*/ 61 h 303"/>
                <a:gd name="T26" fmla="*/ 185 w 303"/>
                <a:gd name="T27" fmla="*/ 27 h 303"/>
                <a:gd name="T28" fmla="*/ 176 w 303"/>
                <a:gd name="T29" fmla="*/ 26 h 303"/>
                <a:gd name="T30" fmla="*/ 124 w 303"/>
                <a:gd name="T31" fmla="*/ 56 h 303"/>
                <a:gd name="T32" fmla="*/ 121 w 303"/>
                <a:gd name="T33" fmla="*/ 64 h 303"/>
                <a:gd name="T34" fmla="*/ 130 w 303"/>
                <a:gd name="T35" fmla="*/ 117 h 303"/>
                <a:gd name="T36" fmla="*/ 130 w 303"/>
                <a:gd name="T37" fmla="*/ 117 h 303"/>
                <a:gd name="T38" fmla="*/ 122 w 303"/>
                <a:gd name="T39" fmla="*/ 126 h 303"/>
                <a:gd name="T40" fmla="*/ 118 w 303"/>
                <a:gd name="T41" fmla="*/ 130 h 303"/>
                <a:gd name="T42" fmla="*/ 117 w 303"/>
                <a:gd name="T43" fmla="*/ 130 h 303"/>
                <a:gd name="T44" fmla="*/ 64 w 303"/>
                <a:gd name="T45" fmla="*/ 121 h 303"/>
                <a:gd name="T46" fmla="*/ 63 w 303"/>
                <a:gd name="T47" fmla="*/ 121 h 303"/>
                <a:gd name="T48" fmla="*/ 57 w 303"/>
                <a:gd name="T49" fmla="*/ 125 h 303"/>
                <a:gd name="T50" fmla="*/ 26 w 303"/>
                <a:gd name="T51" fmla="*/ 177 h 303"/>
                <a:gd name="T52" fmla="*/ 27 w 303"/>
                <a:gd name="T53" fmla="*/ 185 h 303"/>
                <a:gd name="T54" fmla="*/ 61 w 303"/>
                <a:gd name="T55" fmla="*/ 226 h 303"/>
                <a:gd name="T56" fmla="*/ 61 w 303"/>
                <a:gd name="T57" fmla="*/ 227 h 303"/>
                <a:gd name="T58" fmla="*/ 59 w 303"/>
                <a:gd name="T59" fmla="*/ 237 h 303"/>
                <a:gd name="T60" fmla="*/ 56 w 303"/>
                <a:gd name="T61" fmla="*/ 247 h 303"/>
                <a:gd name="T62" fmla="*/ 55 w 303"/>
                <a:gd name="T63" fmla="*/ 247 h 303"/>
                <a:gd name="T64" fmla="*/ 5 w 303"/>
                <a:gd name="T65" fmla="*/ 266 h 303"/>
                <a:gd name="T66" fmla="*/ 0 w 303"/>
                <a:gd name="T67" fmla="*/ 273 h 303"/>
                <a:gd name="T68" fmla="*/ 0 w 303"/>
                <a:gd name="T69" fmla="*/ 303 h 303"/>
                <a:gd name="T70" fmla="*/ 142 w 303"/>
                <a:gd name="T71" fmla="*/ 303 h 303"/>
                <a:gd name="T72" fmla="*/ 188 w 303"/>
                <a:gd name="T73" fmla="*/ 190 h 3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</a:cxnLst>
              <a:rect l="0" t="0" r="r" b="b"/>
              <a:pathLst>
                <a:path w="303" h="303">
                  <a:moveTo>
                    <a:pt x="188" y="190"/>
                  </a:moveTo>
                  <a:cubicBezTo>
                    <a:pt x="192" y="186"/>
                    <a:pt x="192" y="186"/>
                    <a:pt x="192" y="186"/>
                  </a:cubicBezTo>
                  <a:cubicBezTo>
                    <a:pt x="192" y="186"/>
                    <a:pt x="192" y="186"/>
                    <a:pt x="192" y="186"/>
                  </a:cubicBezTo>
                  <a:cubicBezTo>
                    <a:pt x="222" y="157"/>
                    <a:pt x="262" y="142"/>
                    <a:pt x="303" y="142"/>
                  </a:cubicBezTo>
                  <a:cubicBezTo>
                    <a:pt x="303" y="142"/>
                    <a:pt x="303" y="142"/>
                    <a:pt x="303" y="142"/>
                  </a:cubicBezTo>
                  <a:cubicBezTo>
                    <a:pt x="303" y="0"/>
                    <a:pt x="303" y="0"/>
                    <a:pt x="303" y="0"/>
                  </a:cubicBezTo>
                  <a:cubicBezTo>
                    <a:pt x="273" y="0"/>
                    <a:pt x="273" y="0"/>
                    <a:pt x="273" y="0"/>
                  </a:cubicBezTo>
                  <a:cubicBezTo>
                    <a:pt x="270" y="0"/>
                    <a:pt x="267" y="2"/>
                    <a:pt x="266" y="5"/>
                  </a:cubicBezTo>
                  <a:cubicBezTo>
                    <a:pt x="247" y="55"/>
                    <a:pt x="247" y="55"/>
                    <a:pt x="247" y="55"/>
                  </a:cubicBezTo>
                  <a:cubicBezTo>
                    <a:pt x="247" y="55"/>
                    <a:pt x="247" y="55"/>
                    <a:pt x="247" y="55"/>
                  </a:cubicBezTo>
                  <a:cubicBezTo>
                    <a:pt x="237" y="58"/>
                    <a:pt x="237" y="58"/>
                    <a:pt x="237" y="58"/>
                  </a:cubicBezTo>
                  <a:cubicBezTo>
                    <a:pt x="227" y="61"/>
                    <a:pt x="227" y="61"/>
                    <a:pt x="227" y="61"/>
                  </a:cubicBezTo>
                  <a:cubicBezTo>
                    <a:pt x="227" y="61"/>
                    <a:pt x="226" y="61"/>
                    <a:pt x="226" y="61"/>
                  </a:cubicBezTo>
                  <a:cubicBezTo>
                    <a:pt x="185" y="27"/>
                    <a:pt x="185" y="27"/>
                    <a:pt x="185" y="27"/>
                  </a:cubicBezTo>
                  <a:cubicBezTo>
                    <a:pt x="183" y="25"/>
                    <a:pt x="179" y="24"/>
                    <a:pt x="176" y="26"/>
                  </a:cubicBezTo>
                  <a:cubicBezTo>
                    <a:pt x="124" y="56"/>
                    <a:pt x="124" y="56"/>
                    <a:pt x="124" y="56"/>
                  </a:cubicBezTo>
                  <a:cubicBezTo>
                    <a:pt x="122" y="58"/>
                    <a:pt x="120" y="61"/>
                    <a:pt x="121" y="64"/>
                  </a:cubicBezTo>
                  <a:cubicBezTo>
                    <a:pt x="130" y="117"/>
                    <a:pt x="130" y="117"/>
                    <a:pt x="130" y="117"/>
                  </a:cubicBezTo>
                  <a:cubicBezTo>
                    <a:pt x="130" y="117"/>
                    <a:pt x="130" y="117"/>
                    <a:pt x="130" y="117"/>
                  </a:cubicBezTo>
                  <a:cubicBezTo>
                    <a:pt x="122" y="126"/>
                    <a:pt x="122" y="126"/>
                    <a:pt x="122" y="126"/>
                  </a:cubicBezTo>
                  <a:cubicBezTo>
                    <a:pt x="118" y="130"/>
                    <a:pt x="118" y="130"/>
                    <a:pt x="118" y="130"/>
                  </a:cubicBezTo>
                  <a:cubicBezTo>
                    <a:pt x="117" y="130"/>
                    <a:pt x="117" y="130"/>
                    <a:pt x="117" y="130"/>
                  </a:cubicBezTo>
                  <a:cubicBezTo>
                    <a:pt x="64" y="121"/>
                    <a:pt x="64" y="121"/>
                    <a:pt x="64" y="121"/>
                  </a:cubicBezTo>
                  <a:cubicBezTo>
                    <a:pt x="63" y="121"/>
                    <a:pt x="63" y="121"/>
                    <a:pt x="63" y="121"/>
                  </a:cubicBezTo>
                  <a:cubicBezTo>
                    <a:pt x="60" y="121"/>
                    <a:pt x="58" y="122"/>
                    <a:pt x="57" y="125"/>
                  </a:cubicBezTo>
                  <a:cubicBezTo>
                    <a:pt x="26" y="177"/>
                    <a:pt x="26" y="177"/>
                    <a:pt x="26" y="177"/>
                  </a:cubicBezTo>
                  <a:cubicBezTo>
                    <a:pt x="25" y="179"/>
                    <a:pt x="25" y="183"/>
                    <a:pt x="27" y="185"/>
                  </a:cubicBezTo>
                  <a:cubicBezTo>
                    <a:pt x="61" y="226"/>
                    <a:pt x="61" y="226"/>
                    <a:pt x="61" y="226"/>
                  </a:cubicBezTo>
                  <a:cubicBezTo>
                    <a:pt x="61" y="226"/>
                    <a:pt x="61" y="227"/>
                    <a:pt x="61" y="227"/>
                  </a:cubicBezTo>
                  <a:cubicBezTo>
                    <a:pt x="59" y="237"/>
                    <a:pt x="59" y="237"/>
                    <a:pt x="59" y="237"/>
                  </a:cubicBezTo>
                  <a:cubicBezTo>
                    <a:pt x="56" y="247"/>
                    <a:pt x="56" y="247"/>
                    <a:pt x="56" y="247"/>
                  </a:cubicBezTo>
                  <a:cubicBezTo>
                    <a:pt x="55" y="247"/>
                    <a:pt x="55" y="247"/>
                    <a:pt x="55" y="247"/>
                  </a:cubicBezTo>
                  <a:cubicBezTo>
                    <a:pt x="5" y="266"/>
                    <a:pt x="5" y="266"/>
                    <a:pt x="5" y="266"/>
                  </a:cubicBezTo>
                  <a:cubicBezTo>
                    <a:pt x="2" y="267"/>
                    <a:pt x="0" y="270"/>
                    <a:pt x="0" y="273"/>
                  </a:cubicBezTo>
                  <a:cubicBezTo>
                    <a:pt x="0" y="303"/>
                    <a:pt x="0" y="303"/>
                    <a:pt x="0" y="303"/>
                  </a:cubicBezTo>
                  <a:cubicBezTo>
                    <a:pt x="142" y="303"/>
                    <a:pt x="142" y="303"/>
                    <a:pt x="142" y="303"/>
                  </a:cubicBezTo>
                  <a:cubicBezTo>
                    <a:pt x="142" y="260"/>
                    <a:pt x="158" y="220"/>
                    <a:pt x="188" y="190"/>
                  </a:cubicBezTo>
                  <a:close/>
                </a:path>
              </a:pathLst>
            </a:custGeom>
            <a:solidFill>
              <a:srgbClr val="288DBB"/>
            </a:solidFill>
            <a:ln w="6350">
              <a:solidFill>
                <a:schemeClr val="bg1"/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35" b="1">
                <a:ln w="6350">
                  <a:noFill/>
                </a:ln>
                <a:gradFill flip="none" rotWithShape="1">
                  <a:gsLst>
                    <a:gs pos="73000">
                      <a:srgbClr val="00C373"/>
                    </a:gs>
                    <a:gs pos="88000">
                      <a:srgbClr val="08ECDB"/>
                    </a:gs>
                    <a:gs pos="29000">
                      <a:srgbClr val="00C373"/>
                    </a:gs>
                    <a:gs pos="72000">
                      <a:srgbClr val="08ECDB"/>
                    </a:gs>
                  </a:gsLst>
                  <a:lin ang="1200000" scaled="0"/>
                  <a:tileRect/>
                </a:gradFill>
                <a:effectLst>
                  <a:innerShdw blurRad="63500" dist="50800" dir="16200000">
                    <a:prstClr val="black">
                      <a:alpha val="50000"/>
                    </a:prstClr>
                  </a:innerShdw>
                </a:effectLst>
                <a:latin typeface="Impact" panose="020B0806030902050204" pitchFamily="34" charset="0"/>
                <a:ea typeface="微软雅黑" panose="020B0503020204020204" pitchFamily="34" charset="-122"/>
              </a:endParaRPr>
            </a:p>
          </p:txBody>
        </p:sp>
        <p:sp>
          <p:nvSpPr>
            <p:cNvPr id="151" name="Freeform 34"/>
            <p:cNvSpPr/>
            <p:nvPr/>
          </p:nvSpPr>
          <p:spPr bwMode="auto">
            <a:xfrm>
              <a:off x="4597367" y="1609725"/>
              <a:ext cx="1084332" cy="1085850"/>
            </a:xfrm>
            <a:custGeom>
              <a:avLst/>
              <a:gdLst>
                <a:gd name="T0" fmla="*/ 113 w 303"/>
                <a:gd name="T1" fmla="*/ 188 h 303"/>
                <a:gd name="T2" fmla="*/ 114 w 303"/>
                <a:gd name="T3" fmla="*/ 189 h 303"/>
                <a:gd name="T4" fmla="*/ 116 w 303"/>
                <a:gd name="T5" fmla="*/ 191 h 303"/>
                <a:gd name="T6" fmla="*/ 161 w 303"/>
                <a:gd name="T7" fmla="*/ 303 h 303"/>
                <a:gd name="T8" fmla="*/ 303 w 303"/>
                <a:gd name="T9" fmla="*/ 303 h 303"/>
                <a:gd name="T10" fmla="*/ 303 w 303"/>
                <a:gd name="T11" fmla="*/ 273 h 303"/>
                <a:gd name="T12" fmla="*/ 298 w 303"/>
                <a:gd name="T13" fmla="*/ 266 h 303"/>
                <a:gd name="T14" fmla="*/ 248 w 303"/>
                <a:gd name="T15" fmla="*/ 247 h 303"/>
                <a:gd name="T16" fmla="*/ 248 w 303"/>
                <a:gd name="T17" fmla="*/ 247 h 303"/>
                <a:gd name="T18" fmla="*/ 245 w 303"/>
                <a:gd name="T19" fmla="*/ 237 h 303"/>
                <a:gd name="T20" fmla="*/ 242 w 303"/>
                <a:gd name="T21" fmla="*/ 227 h 303"/>
                <a:gd name="T22" fmla="*/ 242 w 303"/>
                <a:gd name="T23" fmla="*/ 226 h 303"/>
                <a:gd name="T24" fmla="*/ 276 w 303"/>
                <a:gd name="T25" fmla="*/ 185 h 303"/>
                <a:gd name="T26" fmla="*/ 277 w 303"/>
                <a:gd name="T27" fmla="*/ 177 h 303"/>
                <a:gd name="T28" fmla="*/ 247 w 303"/>
                <a:gd name="T29" fmla="*/ 125 h 303"/>
                <a:gd name="T30" fmla="*/ 240 w 303"/>
                <a:gd name="T31" fmla="*/ 121 h 303"/>
                <a:gd name="T32" fmla="*/ 186 w 303"/>
                <a:gd name="T33" fmla="*/ 130 h 303"/>
                <a:gd name="T34" fmla="*/ 186 w 303"/>
                <a:gd name="T35" fmla="*/ 130 h 303"/>
                <a:gd name="T36" fmla="*/ 179 w 303"/>
                <a:gd name="T37" fmla="*/ 124 h 303"/>
                <a:gd name="T38" fmla="*/ 173 w 303"/>
                <a:gd name="T39" fmla="*/ 117 h 303"/>
                <a:gd name="T40" fmla="*/ 173 w 303"/>
                <a:gd name="T41" fmla="*/ 117 h 303"/>
                <a:gd name="T42" fmla="*/ 173 w 303"/>
                <a:gd name="T43" fmla="*/ 117 h 303"/>
                <a:gd name="T44" fmla="*/ 182 w 303"/>
                <a:gd name="T45" fmla="*/ 64 h 303"/>
                <a:gd name="T46" fmla="*/ 178 w 303"/>
                <a:gd name="T47" fmla="*/ 56 h 303"/>
                <a:gd name="T48" fmla="*/ 126 w 303"/>
                <a:gd name="T49" fmla="*/ 26 h 303"/>
                <a:gd name="T50" fmla="*/ 123 w 303"/>
                <a:gd name="T51" fmla="*/ 25 h 303"/>
                <a:gd name="T52" fmla="*/ 118 w 303"/>
                <a:gd name="T53" fmla="*/ 27 h 303"/>
                <a:gd name="T54" fmla="*/ 77 w 303"/>
                <a:gd name="T55" fmla="*/ 60 h 303"/>
                <a:gd name="T56" fmla="*/ 77 w 303"/>
                <a:gd name="T57" fmla="*/ 61 h 303"/>
                <a:gd name="T58" fmla="*/ 76 w 303"/>
                <a:gd name="T59" fmla="*/ 61 h 303"/>
                <a:gd name="T60" fmla="*/ 66 w 303"/>
                <a:gd name="T61" fmla="*/ 58 h 303"/>
                <a:gd name="T62" fmla="*/ 56 w 303"/>
                <a:gd name="T63" fmla="*/ 55 h 303"/>
                <a:gd name="T64" fmla="*/ 56 w 303"/>
                <a:gd name="T65" fmla="*/ 55 h 303"/>
                <a:gd name="T66" fmla="*/ 37 w 303"/>
                <a:gd name="T67" fmla="*/ 5 h 303"/>
                <a:gd name="T68" fmla="*/ 30 w 303"/>
                <a:gd name="T69" fmla="*/ 0 h 303"/>
                <a:gd name="T70" fmla="*/ 0 w 303"/>
                <a:gd name="T71" fmla="*/ 0 h 303"/>
                <a:gd name="T72" fmla="*/ 0 w 303"/>
                <a:gd name="T73" fmla="*/ 142 h 303"/>
                <a:gd name="T74" fmla="*/ 113 w 303"/>
                <a:gd name="T75" fmla="*/ 188 h 30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</a:cxnLst>
              <a:rect l="0" t="0" r="r" b="b"/>
              <a:pathLst>
                <a:path w="303" h="303">
                  <a:moveTo>
                    <a:pt x="113" y="188"/>
                  </a:moveTo>
                  <a:cubicBezTo>
                    <a:pt x="114" y="189"/>
                    <a:pt x="114" y="189"/>
                    <a:pt x="114" y="189"/>
                  </a:cubicBezTo>
                  <a:cubicBezTo>
                    <a:pt x="116" y="191"/>
                    <a:pt x="116" y="191"/>
                    <a:pt x="116" y="191"/>
                  </a:cubicBezTo>
                  <a:cubicBezTo>
                    <a:pt x="145" y="221"/>
                    <a:pt x="161" y="261"/>
                    <a:pt x="161" y="303"/>
                  </a:cubicBezTo>
                  <a:cubicBezTo>
                    <a:pt x="303" y="303"/>
                    <a:pt x="303" y="303"/>
                    <a:pt x="303" y="303"/>
                  </a:cubicBezTo>
                  <a:cubicBezTo>
                    <a:pt x="303" y="273"/>
                    <a:pt x="303" y="273"/>
                    <a:pt x="303" y="273"/>
                  </a:cubicBezTo>
                  <a:cubicBezTo>
                    <a:pt x="303" y="270"/>
                    <a:pt x="301" y="267"/>
                    <a:pt x="298" y="266"/>
                  </a:cubicBezTo>
                  <a:cubicBezTo>
                    <a:pt x="248" y="247"/>
                    <a:pt x="248" y="247"/>
                    <a:pt x="248" y="247"/>
                  </a:cubicBezTo>
                  <a:cubicBezTo>
                    <a:pt x="248" y="247"/>
                    <a:pt x="248" y="247"/>
                    <a:pt x="248" y="247"/>
                  </a:cubicBezTo>
                  <a:cubicBezTo>
                    <a:pt x="245" y="237"/>
                    <a:pt x="245" y="237"/>
                    <a:pt x="245" y="237"/>
                  </a:cubicBezTo>
                  <a:cubicBezTo>
                    <a:pt x="242" y="227"/>
                    <a:pt x="242" y="227"/>
                    <a:pt x="242" y="227"/>
                  </a:cubicBezTo>
                  <a:cubicBezTo>
                    <a:pt x="242" y="227"/>
                    <a:pt x="242" y="226"/>
                    <a:pt x="242" y="226"/>
                  </a:cubicBezTo>
                  <a:cubicBezTo>
                    <a:pt x="276" y="185"/>
                    <a:pt x="276" y="185"/>
                    <a:pt x="276" y="185"/>
                  </a:cubicBezTo>
                  <a:cubicBezTo>
                    <a:pt x="278" y="183"/>
                    <a:pt x="279" y="179"/>
                    <a:pt x="277" y="177"/>
                  </a:cubicBezTo>
                  <a:cubicBezTo>
                    <a:pt x="247" y="125"/>
                    <a:pt x="247" y="125"/>
                    <a:pt x="247" y="125"/>
                  </a:cubicBezTo>
                  <a:cubicBezTo>
                    <a:pt x="245" y="122"/>
                    <a:pt x="243" y="121"/>
                    <a:pt x="240" y="121"/>
                  </a:cubicBezTo>
                  <a:cubicBezTo>
                    <a:pt x="186" y="130"/>
                    <a:pt x="186" y="130"/>
                    <a:pt x="186" y="130"/>
                  </a:cubicBezTo>
                  <a:cubicBezTo>
                    <a:pt x="186" y="130"/>
                    <a:pt x="186" y="130"/>
                    <a:pt x="186" y="130"/>
                  </a:cubicBezTo>
                  <a:cubicBezTo>
                    <a:pt x="179" y="124"/>
                    <a:pt x="179" y="124"/>
                    <a:pt x="179" y="124"/>
                  </a:cubicBezTo>
                  <a:cubicBezTo>
                    <a:pt x="173" y="117"/>
                    <a:pt x="173" y="117"/>
                    <a:pt x="173" y="117"/>
                  </a:cubicBezTo>
                  <a:cubicBezTo>
                    <a:pt x="173" y="117"/>
                    <a:pt x="173" y="117"/>
                    <a:pt x="173" y="117"/>
                  </a:cubicBezTo>
                  <a:cubicBezTo>
                    <a:pt x="173" y="117"/>
                    <a:pt x="173" y="117"/>
                    <a:pt x="173" y="117"/>
                  </a:cubicBezTo>
                  <a:cubicBezTo>
                    <a:pt x="182" y="64"/>
                    <a:pt x="182" y="64"/>
                    <a:pt x="182" y="64"/>
                  </a:cubicBezTo>
                  <a:cubicBezTo>
                    <a:pt x="182" y="61"/>
                    <a:pt x="181" y="58"/>
                    <a:pt x="178" y="56"/>
                  </a:cubicBezTo>
                  <a:cubicBezTo>
                    <a:pt x="126" y="26"/>
                    <a:pt x="126" y="26"/>
                    <a:pt x="126" y="26"/>
                  </a:cubicBezTo>
                  <a:cubicBezTo>
                    <a:pt x="125" y="25"/>
                    <a:pt x="124" y="25"/>
                    <a:pt x="123" y="25"/>
                  </a:cubicBezTo>
                  <a:cubicBezTo>
                    <a:pt x="122" y="25"/>
                    <a:pt x="120" y="25"/>
                    <a:pt x="118" y="27"/>
                  </a:cubicBezTo>
                  <a:cubicBezTo>
                    <a:pt x="77" y="60"/>
                    <a:pt x="77" y="60"/>
                    <a:pt x="77" y="60"/>
                  </a:cubicBezTo>
                  <a:cubicBezTo>
                    <a:pt x="77" y="61"/>
                    <a:pt x="77" y="61"/>
                    <a:pt x="77" y="61"/>
                  </a:cubicBezTo>
                  <a:cubicBezTo>
                    <a:pt x="76" y="61"/>
                    <a:pt x="76" y="61"/>
                    <a:pt x="76" y="61"/>
                  </a:cubicBezTo>
                  <a:cubicBezTo>
                    <a:pt x="66" y="58"/>
                    <a:pt x="66" y="58"/>
                    <a:pt x="66" y="58"/>
                  </a:cubicBezTo>
                  <a:cubicBezTo>
                    <a:pt x="56" y="55"/>
                    <a:pt x="56" y="55"/>
                    <a:pt x="56" y="55"/>
                  </a:cubicBezTo>
                  <a:cubicBezTo>
                    <a:pt x="56" y="55"/>
                    <a:pt x="56" y="55"/>
                    <a:pt x="56" y="55"/>
                  </a:cubicBezTo>
                  <a:cubicBezTo>
                    <a:pt x="37" y="5"/>
                    <a:pt x="37" y="5"/>
                    <a:pt x="37" y="5"/>
                  </a:cubicBezTo>
                  <a:cubicBezTo>
                    <a:pt x="36" y="2"/>
                    <a:pt x="33" y="0"/>
                    <a:pt x="30" y="0"/>
                  </a:cubicBezTo>
                  <a:cubicBezTo>
                    <a:pt x="0" y="0"/>
                    <a:pt x="0" y="0"/>
                    <a:pt x="0" y="0"/>
                  </a:cubicBezTo>
                  <a:cubicBezTo>
                    <a:pt x="0" y="142"/>
                    <a:pt x="0" y="142"/>
                    <a:pt x="0" y="142"/>
                  </a:cubicBezTo>
                  <a:cubicBezTo>
                    <a:pt x="43" y="142"/>
                    <a:pt x="83" y="158"/>
                    <a:pt x="113" y="188"/>
                  </a:cubicBezTo>
                  <a:close/>
                </a:path>
              </a:pathLst>
            </a:custGeom>
            <a:solidFill>
              <a:srgbClr val="12B19F"/>
            </a:solidFill>
            <a:ln w="6350">
              <a:solidFill>
                <a:schemeClr val="bg1">
                  <a:lumMod val="85000"/>
                </a:schemeClr>
              </a:solidFill>
            </a:ln>
            <a:effectLst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2135" b="1">
                <a:ln w="6350">
                  <a:noFill/>
                </a:ln>
                <a:solidFill>
                  <a:schemeClr val="bg1"/>
                </a:solidFill>
                <a:effectLst>
                  <a:innerShdw blurRad="63500" dist="50800" dir="16200000">
                    <a:prstClr val="black">
                      <a:alpha val="50000"/>
                    </a:prstClr>
                  </a:innerShdw>
                </a:effectLst>
                <a:latin typeface="Impact" panose="020B0806030902050204" pitchFamily="34" charset="0"/>
                <a:ea typeface="微软雅黑" panose="020B0503020204020204" pitchFamily="34" charset="-122"/>
              </a:endParaRPr>
            </a:p>
          </p:txBody>
        </p:sp>
      </p:grpSp>
      <p:grpSp>
        <p:nvGrpSpPr>
          <p:cNvPr id="152" name="组合 151"/>
          <p:cNvGrpSpPr/>
          <p:nvPr/>
        </p:nvGrpSpPr>
        <p:grpSpPr>
          <a:xfrm>
            <a:off x="2364417" y="4836217"/>
            <a:ext cx="4857751" cy="3166884"/>
            <a:chOff x="1262063" y="3209925"/>
            <a:chExt cx="4414838" cy="2878137"/>
          </a:xfrm>
          <a:effectLst>
            <a:outerShdw blurRad="63500" dist="25400" dir="2700000" algn="tl" rotWithShape="0">
              <a:prstClr val="black">
                <a:alpha val="20000"/>
              </a:prstClr>
            </a:outerShdw>
          </a:effectLst>
        </p:grpSpPr>
        <p:sp>
          <p:nvSpPr>
            <p:cNvPr id="153" name="Freeform 10"/>
            <p:cNvSpPr/>
            <p:nvPr/>
          </p:nvSpPr>
          <p:spPr bwMode="auto">
            <a:xfrm>
              <a:off x="4810126" y="3209925"/>
              <a:ext cx="866775" cy="539750"/>
            </a:xfrm>
            <a:custGeom>
              <a:avLst/>
              <a:gdLst>
                <a:gd name="T0" fmla="*/ 223 w 231"/>
                <a:gd name="T1" fmla="*/ 32 h 144"/>
                <a:gd name="T2" fmla="*/ 138 w 231"/>
                <a:gd name="T3" fmla="*/ 44 h 144"/>
                <a:gd name="T4" fmla="*/ 126 w 231"/>
                <a:gd name="T5" fmla="*/ 58 h 144"/>
                <a:gd name="T6" fmla="*/ 106 w 231"/>
                <a:gd name="T7" fmla="*/ 78 h 144"/>
                <a:gd name="T8" fmla="*/ 90 w 231"/>
                <a:gd name="T9" fmla="*/ 97 h 144"/>
                <a:gd name="T10" fmla="*/ 74 w 231"/>
                <a:gd name="T11" fmla="*/ 108 h 144"/>
                <a:gd name="T12" fmla="*/ 0 w 231"/>
                <a:gd name="T13" fmla="*/ 141 h 144"/>
                <a:gd name="T14" fmla="*/ 25 w 231"/>
                <a:gd name="T15" fmla="*/ 141 h 144"/>
                <a:gd name="T16" fmla="*/ 22 w 231"/>
                <a:gd name="T17" fmla="*/ 143 h 144"/>
                <a:gd name="T18" fmla="*/ 99 w 231"/>
                <a:gd name="T19" fmla="*/ 131 h 144"/>
                <a:gd name="T20" fmla="*/ 172 w 231"/>
                <a:gd name="T21" fmla="*/ 100 h 144"/>
                <a:gd name="T22" fmla="*/ 223 w 231"/>
                <a:gd name="T23" fmla="*/ 32 h 14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</a:cxnLst>
              <a:rect l="0" t="0" r="r" b="b"/>
              <a:pathLst>
                <a:path w="231" h="144">
                  <a:moveTo>
                    <a:pt x="223" y="32"/>
                  </a:moveTo>
                  <a:cubicBezTo>
                    <a:pt x="214" y="18"/>
                    <a:pt x="178" y="0"/>
                    <a:pt x="138" y="44"/>
                  </a:cubicBezTo>
                  <a:cubicBezTo>
                    <a:pt x="136" y="46"/>
                    <a:pt x="128" y="57"/>
                    <a:pt x="126" y="58"/>
                  </a:cubicBezTo>
                  <a:cubicBezTo>
                    <a:pt x="117" y="68"/>
                    <a:pt x="114" y="70"/>
                    <a:pt x="106" y="78"/>
                  </a:cubicBezTo>
                  <a:cubicBezTo>
                    <a:pt x="98" y="86"/>
                    <a:pt x="91" y="96"/>
                    <a:pt x="90" y="97"/>
                  </a:cubicBezTo>
                  <a:cubicBezTo>
                    <a:pt x="88" y="99"/>
                    <a:pt x="80" y="104"/>
                    <a:pt x="74" y="108"/>
                  </a:cubicBezTo>
                  <a:cubicBezTo>
                    <a:pt x="53" y="123"/>
                    <a:pt x="0" y="141"/>
                    <a:pt x="0" y="141"/>
                  </a:cubicBezTo>
                  <a:cubicBezTo>
                    <a:pt x="6" y="142"/>
                    <a:pt x="14" y="142"/>
                    <a:pt x="25" y="141"/>
                  </a:cubicBezTo>
                  <a:cubicBezTo>
                    <a:pt x="23" y="142"/>
                    <a:pt x="22" y="143"/>
                    <a:pt x="22" y="143"/>
                  </a:cubicBezTo>
                  <a:cubicBezTo>
                    <a:pt x="35" y="144"/>
                    <a:pt x="67" y="140"/>
                    <a:pt x="99" y="131"/>
                  </a:cubicBezTo>
                  <a:cubicBezTo>
                    <a:pt x="130" y="125"/>
                    <a:pt x="159" y="114"/>
                    <a:pt x="172" y="100"/>
                  </a:cubicBezTo>
                  <a:cubicBezTo>
                    <a:pt x="199" y="69"/>
                    <a:pt x="231" y="44"/>
                    <a:pt x="223" y="32"/>
                  </a:cubicBezTo>
                  <a:close/>
                </a:path>
              </a:pathLst>
            </a:custGeom>
            <a:solidFill>
              <a:srgbClr val="DBB58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4" name="Freeform 11"/>
            <p:cNvSpPr/>
            <p:nvPr/>
          </p:nvSpPr>
          <p:spPr bwMode="auto">
            <a:xfrm>
              <a:off x="3328988" y="3292475"/>
              <a:ext cx="2336800" cy="1074738"/>
            </a:xfrm>
            <a:custGeom>
              <a:avLst/>
              <a:gdLst>
                <a:gd name="T0" fmla="*/ 623 w 623"/>
                <a:gd name="T1" fmla="*/ 42 h 287"/>
                <a:gd name="T2" fmla="*/ 536 w 623"/>
                <a:gd name="T3" fmla="*/ 46 h 287"/>
                <a:gd name="T4" fmla="*/ 524 w 623"/>
                <a:gd name="T5" fmla="*/ 62 h 287"/>
                <a:gd name="T6" fmla="*/ 473 w 623"/>
                <a:gd name="T7" fmla="*/ 92 h 287"/>
                <a:gd name="T8" fmla="*/ 398 w 623"/>
                <a:gd name="T9" fmla="*/ 108 h 287"/>
                <a:gd name="T10" fmla="*/ 354 w 623"/>
                <a:gd name="T11" fmla="*/ 100 h 287"/>
                <a:gd name="T12" fmla="*/ 280 w 623"/>
                <a:gd name="T13" fmla="*/ 94 h 287"/>
                <a:gd name="T14" fmla="*/ 355 w 623"/>
                <a:gd name="T15" fmla="*/ 80 h 287"/>
                <a:gd name="T16" fmla="*/ 430 w 623"/>
                <a:gd name="T17" fmla="*/ 58 h 287"/>
                <a:gd name="T18" fmla="*/ 414 w 623"/>
                <a:gd name="T19" fmla="*/ 12 h 287"/>
                <a:gd name="T20" fmla="*/ 290 w 623"/>
                <a:gd name="T21" fmla="*/ 14 h 287"/>
                <a:gd name="T22" fmla="*/ 164 w 623"/>
                <a:gd name="T23" fmla="*/ 13 h 287"/>
                <a:gd name="T24" fmla="*/ 70 w 623"/>
                <a:gd name="T25" fmla="*/ 62 h 287"/>
                <a:gd name="T26" fmla="*/ 4 w 623"/>
                <a:gd name="T27" fmla="*/ 119 h 287"/>
                <a:gd name="T28" fmla="*/ 9 w 623"/>
                <a:gd name="T29" fmla="*/ 126 h 287"/>
                <a:gd name="T30" fmla="*/ 0 w 623"/>
                <a:gd name="T31" fmla="*/ 135 h 287"/>
                <a:gd name="T32" fmla="*/ 61 w 623"/>
                <a:gd name="T33" fmla="*/ 287 h 287"/>
                <a:gd name="T34" fmla="*/ 97 w 623"/>
                <a:gd name="T35" fmla="*/ 252 h 287"/>
                <a:gd name="T36" fmla="*/ 103 w 623"/>
                <a:gd name="T37" fmla="*/ 261 h 287"/>
                <a:gd name="T38" fmla="*/ 158 w 623"/>
                <a:gd name="T39" fmla="*/ 214 h 287"/>
                <a:gd name="T40" fmla="*/ 359 w 623"/>
                <a:gd name="T41" fmla="*/ 199 h 287"/>
                <a:gd name="T42" fmla="*/ 384 w 623"/>
                <a:gd name="T43" fmla="*/ 192 h 287"/>
                <a:gd name="T44" fmla="*/ 514 w 623"/>
                <a:gd name="T45" fmla="*/ 156 h 287"/>
                <a:gd name="T46" fmla="*/ 589 w 623"/>
                <a:gd name="T47" fmla="*/ 84 h 287"/>
                <a:gd name="T48" fmla="*/ 618 w 623"/>
                <a:gd name="T49" fmla="*/ 51 h 287"/>
                <a:gd name="T50" fmla="*/ 623 w 623"/>
                <a:gd name="T51" fmla="*/ 42 h 28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</a:cxnLst>
              <a:rect l="0" t="0" r="r" b="b"/>
              <a:pathLst>
                <a:path w="623" h="287">
                  <a:moveTo>
                    <a:pt x="623" y="42"/>
                  </a:moveTo>
                  <a:cubicBezTo>
                    <a:pt x="618" y="28"/>
                    <a:pt x="577" y="0"/>
                    <a:pt x="536" y="46"/>
                  </a:cubicBezTo>
                  <a:cubicBezTo>
                    <a:pt x="530" y="53"/>
                    <a:pt x="525" y="62"/>
                    <a:pt x="524" y="62"/>
                  </a:cubicBezTo>
                  <a:cubicBezTo>
                    <a:pt x="516" y="62"/>
                    <a:pt x="488" y="80"/>
                    <a:pt x="473" y="92"/>
                  </a:cubicBezTo>
                  <a:cubicBezTo>
                    <a:pt x="461" y="96"/>
                    <a:pt x="417" y="100"/>
                    <a:pt x="398" y="108"/>
                  </a:cubicBezTo>
                  <a:cubicBezTo>
                    <a:pt x="396" y="109"/>
                    <a:pt x="369" y="101"/>
                    <a:pt x="354" y="100"/>
                  </a:cubicBezTo>
                  <a:cubicBezTo>
                    <a:pt x="321" y="96"/>
                    <a:pt x="291" y="101"/>
                    <a:pt x="280" y="94"/>
                  </a:cubicBezTo>
                  <a:cubicBezTo>
                    <a:pt x="256" y="80"/>
                    <a:pt x="255" y="83"/>
                    <a:pt x="355" y="80"/>
                  </a:cubicBezTo>
                  <a:cubicBezTo>
                    <a:pt x="404" y="78"/>
                    <a:pt x="422" y="73"/>
                    <a:pt x="430" y="58"/>
                  </a:cubicBezTo>
                  <a:cubicBezTo>
                    <a:pt x="438" y="44"/>
                    <a:pt x="431" y="18"/>
                    <a:pt x="414" y="12"/>
                  </a:cubicBezTo>
                  <a:cubicBezTo>
                    <a:pt x="387" y="1"/>
                    <a:pt x="338" y="11"/>
                    <a:pt x="290" y="14"/>
                  </a:cubicBezTo>
                  <a:cubicBezTo>
                    <a:pt x="243" y="8"/>
                    <a:pt x="199" y="6"/>
                    <a:pt x="164" y="13"/>
                  </a:cubicBezTo>
                  <a:cubicBezTo>
                    <a:pt x="133" y="20"/>
                    <a:pt x="98" y="37"/>
                    <a:pt x="70" y="62"/>
                  </a:cubicBezTo>
                  <a:cubicBezTo>
                    <a:pt x="54" y="76"/>
                    <a:pt x="28" y="99"/>
                    <a:pt x="4" y="119"/>
                  </a:cubicBezTo>
                  <a:cubicBezTo>
                    <a:pt x="9" y="126"/>
                    <a:pt x="9" y="126"/>
                    <a:pt x="9" y="126"/>
                  </a:cubicBezTo>
                  <a:cubicBezTo>
                    <a:pt x="4" y="130"/>
                    <a:pt x="1" y="133"/>
                    <a:pt x="0" y="135"/>
                  </a:cubicBezTo>
                  <a:cubicBezTo>
                    <a:pt x="61" y="287"/>
                    <a:pt x="61" y="287"/>
                    <a:pt x="61" y="287"/>
                  </a:cubicBezTo>
                  <a:cubicBezTo>
                    <a:pt x="75" y="275"/>
                    <a:pt x="86" y="263"/>
                    <a:pt x="97" y="252"/>
                  </a:cubicBezTo>
                  <a:cubicBezTo>
                    <a:pt x="103" y="261"/>
                    <a:pt x="103" y="261"/>
                    <a:pt x="103" y="261"/>
                  </a:cubicBezTo>
                  <a:cubicBezTo>
                    <a:pt x="115" y="238"/>
                    <a:pt x="151" y="215"/>
                    <a:pt x="158" y="214"/>
                  </a:cubicBezTo>
                  <a:cubicBezTo>
                    <a:pt x="227" y="198"/>
                    <a:pt x="277" y="197"/>
                    <a:pt x="359" y="199"/>
                  </a:cubicBezTo>
                  <a:cubicBezTo>
                    <a:pt x="364" y="199"/>
                    <a:pt x="377" y="195"/>
                    <a:pt x="384" y="192"/>
                  </a:cubicBezTo>
                  <a:cubicBezTo>
                    <a:pt x="427" y="172"/>
                    <a:pt x="479" y="174"/>
                    <a:pt x="514" y="156"/>
                  </a:cubicBezTo>
                  <a:cubicBezTo>
                    <a:pt x="532" y="134"/>
                    <a:pt x="568" y="106"/>
                    <a:pt x="589" y="84"/>
                  </a:cubicBezTo>
                  <a:cubicBezTo>
                    <a:pt x="599" y="73"/>
                    <a:pt x="614" y="56"/>
                    <a:pt x="618" y="51"/>
                  </a:cubicBezTo>
                  <a:cubicBezTo>
                    <a:pt x="619" y="50"/>
                    <a:pt x="623" y="45"/>
                    <a:pt x="623" y="42"/>
                  </a:cubicBezTo>
                  <a:close/>
                </a:path>
              </a:pathLst>
            </a:custGeom>
            <a:solidFill>
              <a:srgbClr val="F8D5AC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5" name="Freeform 12"/>
            <p:cNvSpPr/>
            <p:nvPr/>
          </p:nvSpPr>
          <p:spPr bwMode="auto">
            <a:xfrm>
              <a:off x="4738688" y="3367088"/>
              <a:ext cx="187325" cy="157163"/>
            </a:xfrm>
            <a:custGeom>
              <a:avLst/>
              <a:gdLst>
                <a:gd name="T0" fmla="*/ 40 w 50"/>
                <a:gd name="T1" fmla="*/ 0 h 42"/>
                <a:gd name="T2" fmla="*/ 10 w 50"/>
                <a:gd name="T3" fmla="*/ 2 h 42"/>
                <a:gd name="T4" fmla="*/ 9 w 50"/>
                <a:gd name="T5" fmla="*/ 40 h 42"/>
                <a:gd name="T6" fmla="*/ 43 w 50"/>
                <a:gd name="T7" fmla="*/ 38 h 42"/>
                <a:gd name="T8" fmla="*/ 47 w 50"/>
                <a:gd name="T9" fmla="*/ 30 h 42"/>
                <a:gd name="T10" fmla="*/ 40 w 50"/>
                <a:gd name="T11" fmla="*/ 0 h 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50" h="42">
                  <a:moveTo>
                    <a:pt x="40" y="0"/>
                  </a:moveTo>
                  <a:cubicBezTo>
                    <a:pt x="28" y="1"/>
                    <a:pt x="17" y="1"/>
                    <a:pt x="10" y="2"/>
                  </a:cubicBezTo>
                  <a:cubicBezTo>
                    <a:pt x="0" y="3"/>
                    <a:pt x="1" y="33"/>
                    <a:pt x="9" y="40"/>
                  </a:cubicBezTo>
                  <a:cubicBezTo>
                    <a:pt x="17" y="41"/>
                    <a:pt x="36" y="42"/>
                    <a:pt x="43" y="38"/>
                  </a:cubicBezTo>
                  <a:cubicBezTo>
                    <a:pt x="43" y="38"/>
                    <a:pt x="46" y="36"/>
                    <a:pt x="47" y="30"/>
                  </a:cubicBezTo>
                  <a:cubicBezTo>
                    <a:pt x="50" y="16"/>
                    <a:pt x="48" y="3"/>
                    <a:pt x="40" y="0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6" name="Freeform 13"/>
            <p:cNvSpPr/>
            <p:nvPr/>
          </p:nvSpPr>
          <p:spPr bwMode="auto">
            <a:xfrm>
              <a:off x="5500688" y="3441700"/>
              <a:ext cx="146050" cy="165100"/>
            </a:xfrm>
            <a:custGeom>
              <a:avLst/>
              <a:gdLst>
                <a:gd name="T0" fmla="*/ 23 w 39"/>
                <a:gd name="T1" fmla="*/ 4 h 44"/>
                <a:gd name="T2" fmla="*/ 8 w 39"/>
                <a:gd name="T3" fmla="*/ 24 h 44"/>
                <a:gd name="T4" fmla="*/ 10 w 39"/>
                <a:gd name="T5" fmla="*/ 44 h 44"/>
                <a:gd name="T6" fmla="*/ 39 w 39"/>
                <a:gd name="T7" fmla="*/ 11 h 44"/>
                <a:gd name="T8" fmla="*/ 23 w 39"/>
                <a:gd name="T9" fmla="*/ 4 h 4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4">
                  <a:moveTo>
                    <a:pt x="23" y="4"/>
                  </a:moveTo>
                  <a:cubicBezTo>
                    <a:pt x="23" y="4"/>
                    <a:pt x="16" y="12"/>
                    <a:pt x="8" y="24"/>
                  </a:cubicBezTo>
                  <a:cubicBezTo>
                    <a:pt x="0" y="37"/>
                    <a:pt x="10" y="44"/>
                    <a:pt x="10" y="44"/>
                  </a:cubicBezTo>
                  <a:cubicBezTo>
                    <a:pt x="39" y="11"/>
                    <a:pt x="39" y="11"/>
                    <a:pt x="39" y="11"/>
                  </a:cubicBezTo>
                  <a:cubicBezTo>
                    <a:pt x="28" y="0"/>
                    <a:pt x="23" y="4"/>
                    <a:pt x="23" y="4"/>
                  </a:cubicBezTo>
                  <a:close/>
                </a:path>
              </a:pathLst>
            </a:custGeom>
            <a:solidFill>
              <a:schemeClr val="bg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7" name="Freeform 14"/>
            <p:cNvSpPr/>
            <p:nvPr/>
          </p:nvSpPr>
          <p:spPr bwMode="auto">
            <a:xfrm>
              <a:off x="1787527" y="3656013"/>
              <a:ext cx="2066925" cy="1979613"/>
            </a:xfrm>
            <a:custGeom>
              <a:avLst/>
              <a:gdLst>
                <a:gd name="T0" fmla="*/ 1302 w 1302"/>
                <a:gd name="T1" fmla="*/ 333 h 1247"/>
                <a:gd name="T2" fmla="*/ 997 w 1302"/>
                <a:gd name="T3" fmla="*/ 0 h 1247"/>
                <a:gd name="T4" fmla="*/ 0 w 1302"/>
                <a:gd name="T5" fmla="*/ 914 h 1247"/>
                <a:gd name="T6" fmla="*/ 305 w 1302"/>
                <a:gd name="T7" fmla="*/ 1247 h 1247"/>
                <a:gd name="T8" fmla="*/ 1302 w 1302"/>
                <a:gd name="T9" fmla="*/ 333 h 124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02" h="1247">
                  <a:moveTo>
                    <a:pt x="1302" y="333"/>
                  </a:moveTo>
                  <a:lnTo>
                    <a:pt x="997" y="0"/>
                  </a:lnTo>
                  <a:lnTo>
                    <a:pt x="0" y="914"/>
                  </a:lnTo>
                  <a:lnTo>
                    <a:pt x="305" y="1247"/>
                  </a:lnTo>
                  <a:lnTo>
                    <a:pt x="1302" y="333"/>
                  </a:lnTo>
                  <a:close/>
                </a:path>
              </a:pathLst>
            </a:custGeom>
            <a:solidFill>
              <a:srgbClr val="FFFFFF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8" name="Freeform 15"/>
            <p:cNvSpPr/>
            <p:nvPr/>
          </p:nvSpPr>
          <p:spPr bwMode="auto">
            <a:xfrm>
              <a:off x="1262063" y="3738563"/>
              <a:ext cx="2468563" cy="2349499"/>
            </a:xfrm>
            <a:custGeom>
              <a:avLst/>
              <a:gdLst>
                <a:gd name="T0" fmla="*/ 1555 w 1555"/>
                <a:gd name="T1" fmla="*/ 368 h 1480"/>
                <a:gd name="T2" fmla="*/ 1217 w 1555"/>
                <a:gd name="T3" fmla="*/ 0 h 1480"/>
                <a:gd name="T4" fmla="*/ 0 w 1555"/>
                <a:gd name="T5" fmla="*/ 1114 h 1480"/>
                <a:gd name="T6" fmla="*/ 336 w 1555"/>
                <a:gd name="T7" fmla="*/ 1480 h 1480"/>
                <a:gd name="T8" fmla="*/ 1555 w 1555"/>
                <a:gd name="T9" fmla="*/ 368 h 148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555" h="1480">
                  <a:moveTo>
                    <a:pt x="1555" y="368"/>
                  </a:moveTo>
                  <a:lnTo>
                    <a:pt x="1217" y="0"/>
                  </a:lnTo>
                  <a:lnTo>
                    <a:pt x="0" y="1114"/>
                  </a:lnTo>
                  <a:lnTo>
                    <a:pt x="336" y="1480"/>
                  </a:lnTo>
                  <a:lnTo>
                    <a:pt x="1555" y="368"/>
                  </a:lnTo>
                  <a:close/>
                </a:path>
              </a:pathLst>
            </a:custGeom>
            <a:solidFill>
              <a:schemeClr val="tx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sp>
          <p:nvSpPr>
            <p:cNvPr id="159" name="Freeform 16"/>
            <p:cNvSpPr/>
            <p:nvPr/>
          </p:nvSpPr>
          <p:spPr bwMode="auto">
            <a:xfrm>
              <a:off x="1262063" y="3738563"/>
              <a:ext cx="2119314" cy="1971675"/>
            </a:xfrm>
            <a:custGeom>
              <a:avLst/>
              <a:gdLst>
                <a:gd name="T0" fmla="*/ 1335 w 1335"/>
                <a:gd name="T1" fmla="*/ 129 h 1242"/>
                <a:gd name="T2" fmla="*/ 1217 w 1335"/>
                <a:gd name="T3" fmla="*/ 0 h 1242"/>
                <a:gd name="T4" fmla="*/ 0 w 1335"/>
                <a:gd name="T5" fmla="*/ 1114 h 1242"/>
                <a:gd name="T6" fmla="*/ 119 w 1335"/>
                <a:gd name="T7" fmla="*/ 1242 h 1242"/>
                <a:gd name="T8" fmla="*/ 1335 w 1335"/>
                <a:gd name="T9" fmla="*/ 129 h 12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35" h="1242">
                  <a:moveTo>
                    <a:pt x="1335" y="129"/>
                  </a:moveTo>
                  <a:lnTo>
                    <a:pt x="1217" y="0"/>
                  </a:lnTo>
                  <a:lnTo>
                    <a:pt x="0" y="1114"/>
                  </a:lnTo>
                  <a:lnTo>
                    <a:pt x="119" y="1242"/>
                  </a:lnTo>
                  <a:lnTo>
                    <a:pt x="1335" y="129"/>
                  </a:lnTo>
                  <a:close/>
                </a:path>
              </a:pathLst>
            </a:custGeom>
            <a:solidFill>
              <a:schemeClr val="tx1">
                <a:lumMod val="85000"/>
                <a:lumOff val="1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121920" tIns="60960" rIns="121920" bIns="60960" numCol="1" anchor="t" anchorCtr="0" compatLnSpc="1"/>
            <a:lstStyle/>
            <a:p>
              <a:endParaRPr lang="zh-CN" altLang="en-US" sz="2400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endParaRPr>
            </a:p>
          </p:txBody>
        </p:sp>
        <p:grpSp>
          <p:nvGrpSpPr>
            <p:cNvPr id="160" name="组合 159"/>
            <p:cNvGrpSpPr/>
            <p:nvPr/>
          </p:nvGrpSpPr>
          <p:grpSpPr>
            <a:xfrm>
              <a:off x="3006726" y="3849688"/>
              <a:ext cx="220663" cy="211138"/>
              <a:chOff x="3006726" y="3849688"/>
              <a:chExt cx="220663" cy="211138"/>
            </a:xfrm>
          </p:grpSpPr>
          <p:sp>
            <p:nvSpPr>
              <p:cNvPr id="161" name="Freeform 17"/>
              <p:cNvSpPr/>
              <p:nvPr/>
            </p:nvSpPr>
            <p:spPr bwMode="auto">
              <a:xfrm>
                <a:off x="3114676" y="3849688"/>
                <a:ext cx="112713" cy="112713"/>
              </a:xfrm>
              <a:custGeom>
                <a:avLst/>
                <a:gdLst>
                  <a:gd name="T0" fmla="*/ 11 w 30"/>
                  <a:gd name="T1" fmla="*/ 2 h 30"/>
                  <a:gd name="T2" fmla="*/ 2 w 30"/>
                  <a:gd name="T3" fmla="*/ 19 h 30"/>
                  <a:gd name="T4" fmla="*/ 18 w 30"/>
                  <a:gd name="T5" fmla="*/ 28 h 30"/>
                  <a:gd name="T6" fmla="*/ 28 w 30"/>
                  <a:gd name="T7" fmla="*/ 12 h 30"/>
                  <a:gd name="T8" fmla="*/ 11 w 30"/>
                  <a:gd name="T9" fmla="*/ 2 h 3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30" h="30">
                    <a:moveTo>
                      <a:pt x="11" y="2"/>
                    </a:moveTo>
                    <a:cubicBezTo>
                      <a:pt x="4" y="4"/>
                      <a:pt x="0" y="12"/>
                      <a:pt x="2" y="19"/>
                    </a:cubicBezTo>
                    <a:cubicBezTo>
                      <a:pt x="4" y="26"/>
                      <a:pt x="11" y="30"/>
                      <a:pt x="18" y="28"/>
                    </a:cubicBezTo>
                    <a:cubicBezTo>
                      <a:pt x="25" y="26"/>
                      <a:pt x="30" y="19"/>
                      <a:pt x="28" y="12"/>
                    </a:cubicBezTo>
                    <a:cubicBezTo>
                      <a:pt x="26" y="5"/>
                      <a:pt x="18" y="0"/>
                      <a:pt x="11" y="2"/>
                    </a:cubicBez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2" name="Freeform 18"/>
              <p:cNvSpPr/>
              <p:nvPr/>
            </p:nvSpPr>
            <p:spPr bwMode="auto">
              <a:xfrm>
                <a:off x="3171826" y="3879850"/>
                <a:ext cx="19050" cy="22225"/>
              </a:xfrm>
              <a:custGeom>
                <a:avLst/>
                <a:gdLst>
                  <a:gd name="T0" fmla="*/ 2 w 5"/>
                  <a:gd name="T1" fmla="*/ 0 h 6"/>
                  <a:gd name="T2" fmla="*/ 0 w 5"/>
                  <a:gd name="T3" fmla="*/ 4 h 6"/>
                  <a:gd name="T4" fmla="*/ 3 w 5"/>
                  <a:gd name="T5" fmla="*/ 5 h 6"/>
                  <a:gd name="T6" fmla="*/ 5 w 5"/>
                  <a:gd name="T7" fmla="*/ 2 h 6"/>
                  <a:gd name="T8" fmla="*/ 2 w 5"/>
                  <a:gd name="T9" fmla="*/ 0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cubicBezTo>
                      <a:pt x="0" y="1"/>
                      <a:pt x="0" y="2"/>
                      <a:pt x="0" y="4"/>
                    </a:cubicBezTo>
                    <a:cubicBezTo>
                      <a:pt x="0" y="5"/>
                      <a:pt x="2" y="6"/>
                      <a:pt x="3" y="5"/>
                    </a:cubicBezTo>
                    <a:cubicBezTo>
                      <a:pt x="5" y="5"/>
                      <a:pt x="5" y="4"/>
                      <a:pt x="5" y="2"/>
                    </a:cubicBezTo>
                    <a:cubicBezTo>
                      <a:pt x="5" y="1"/>
                      <a:pt x="3" y="0"/>
                      <a:pt x="2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3" name="Freeform 19"/>
              <p:cNvSpPr/>
              <p:nvPr/>
            </p:nvSpPr>
            <p:spPr bwMode="auto">
              <a:xfrm>
                <a:off x="3175001" y="3902075"/>
                <a:ext cx="22225" cy="23813"/>
              </a:xfrm>
              <a:custGeom>
                <a:avLst/>
                <a:gdLst>
                  <a:gd name="T0" fmla="*/ 3 w 6"/>
                  <a:gd name="T1" fmla="*/ 1 h 6"/>
                  <a:gd name="T2" fmla="*/ 1 w 6"/>
                  <a:gd name="T3" fmla="*/ 4 h 6"/>
                  <a:gd name="T4" fmla="*/ 4 w 6"/>
                  <a:gd name="T5" fmla="*/ 6 h 6"/>
                  <a:gd name="T6" fmla="*/ 6 w 6"/>
                  <a:gd name="T7" fmla="*/ 3 h 6"/>
                  <a:gd name="T8" fmla="*/ 3 w 6"/>
                  <a:gd name="T9" fmla="*/ 1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6">
                    <a:moveTo>
                      <a:pt x="3" y="1"/>
                    </a:moveTo>
                    <a:cubicBezTo>
                      <a:pt x="1" y="1"/>
                      <a:pt x="0" y="3"/>
                      <a:pt x="1" y="4"/>
                    </a:cubicBezTo>
                    <a:cubicBezTo>
                      <a:pt x="1" y="5"/>
                      <a:pt x="3" y="6"/>
                      <a:pt x="4" y="6"/>
                    </a:cubicBezTo>
                    <a:cubicBezTo>
                      <a:pt x="5" y="5"/>
                      <a:pt x="6" y="4"/>
                      <a:pt x="6" y="3"/>
                    </a:cubicBezTo>
                    <a:cubicBezTo>
                      <a:pt x="5" y="1"/>
                      <a:pt x="4" y="0"/>
                      <a:pt x="3" y="1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4" name="Freeform 20"/>
              <p:cNvSpPr/>
              <p:nvPr/>
            </p:nvSpPr>
            <p:spPr bwMode="auto">
              <a:xfrm>
                <a:off x="3144838" y="3887788"/>
                <a:ext cx="19050" cy="22225"/>
              </a:xfrm>
              <a:custGeom>
                <a:avLst/>
                <a:gdLst>
                  <a:gd name="T0" fmla="*/ 2 w 5"/>
                  <a:gd name="T1" fmla="*/ 0 h 6"/>
                  <a:gd name="T2" fmla="*/ 0 w 5"/>
                  <a:gd name="T3" fmla="*/ 4 h 6"/>
                  <a:gd name="T4" fmla="*/ 3 w 5"/>
                  <a:gd name="T5" fmla="*/ 5 h 6"/>
                  <a:gd name="T6" fmla="*/ 5 w 5"/>
                  <a:gd name="T7" fmla="*/ 2 h 6"/>
                  <a:gd name="T8" fmla="*/ 2 w 5"/>
                  <a:gd name="T9" fmla="*/ 0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" h="6">
                    <a:moveTo>
                      <a:pt x="2" y="0"/>
                    </a:moveTo>
                    <a:cubicBezTo>
                      <a:pt x="0" y="1"/>
                      <a:pt x="0" y="2"/>
                      <a:pt x="0" y="4"/>
                    </a:cubicBezTo>
                    <a:cubicBezTo>
                      <a:pt x="0" y="5"/>
                      <a:pt x="2" y="6"/>
                      <a:pt x="3" y="5"/>
                    </a:cubicBezTo>
                    <a:cubicBezTo>
                      <a:pt x="4" y="5"/>
                      <a:pt x="5" y="4"/>
                      <a:pt x="5" y="2"/>
                    </a:cubicBezTo>
                    <a:cubicBezTo>
                      <a:pt x="5" y="1"/>
                      <a:pt x="3" y="0"/>
                      <a:pt x="2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5" name="Freeform 21"/>
              <p:cNvSpPr/>
              <p:nvPr/>
            </p:nvSpPr>
            <p:spPr bwMode="auto">
              <a:xfrm>
                <a:off x="3149601" y="3910013"/>
                <a:ext cx="22225" cy="22225"/>
              </a:xfrm>
              <a:custGeom>
                <a:avLst/>
                <a:gdLst>
                  <a:gd name="T0" fmla="*/ 2 w 6"/>
                  <a:gd name="T1" fmla="*/ 1 h 6"/>
                  <a:gd name="T2" fmla="*/ 1 w 6"/>
                  <a:gd name="T3" fmla="*/ 4 h 6"/>
                  <a:gd name="T4" fmla="*/ 4 w 6"/>
                  <a:gd name="T5" fmla="*/ 6 h 6"/>
                  <a:gd name="T6" fmla="*/ 6 w 6"/>
                  <a:gd name="T7" fmla="*/ 3 h 6"/>
                  <a:gd name="T8" fmla="*/ 2 w 6"/>
                  <a:gd name="T9" fmla="*/ 1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6">
                    <a:moveTo>
                      <a:pt x="2" y="1"/>
                    </a:moveTo>
                    <a:cubicBezTo>
                      <a:pt x="1" y="1"/>
                      <a:pt x="0" y="3"/>
                      <a:pt x="1" y="4"/>
                    </a:cubicBezTo>
                    <a:cubicBezTo>
                      <a:pt x="1" y="5"/>
                      <a:pt x="2" y="6"/>
                      <a:pt x="4" y="6"/>
                    </a:cubicBezTo>
                    <a:cubicBezTo>
                      <a:pt x="5" y="5"/>
                      <a:pt x="6" y="4"/>
                      <a:pt x="6" y="3"/>
                    </a:cubicBezTo>
                    <a:cubicBezTo>
                      <a:pt x="5" y="1"/>
                      <a:pt x="4" y="0"/>
                      <a:pt x="2" y="1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6" name="Freeform 22"/>
              <p:cNvSpPr/>
              <p:nvPr/>
            </p:nvSpPr>
            <p:spPr bwMode="auto">
              <a:xfrm>
                <a:off x="3006726" y="3951288"/>
                <a:ext cx="112713" cy="109538"/>
              </a:xfrm>
              <a:custGeom>
                <a:avLst/>
                <a:gdLst>
                  <a:gd name="T0" fmla="*/ 11 w 30"/>
                  <a:gd name="T1" fmla="*/ 2 h 29"/>
                  <a:gd name="T2" fmla="*/ 2 w 30"/>
                  <a:gd name="T3" fmla="*/ 18 h 29"/>
                  <a:gd name="T4" fmla="*/ 18 w 30"/>
                  <a:gd name="T5" fmla="*/ 27 h 29"/>
                  <a:gd name="T6" fmla="*/ 28 w 30"/>
                  <a:gd name="T7" fmla="*/ 11 h 29"/>
                  <a:gd name="T8" fmla="*/ 11 w 30"/>
                  <a:gd name="T9" fmla="*/ 2 h 29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30" h="29">
                    <a:moveTo>
                      <a:pt x="11" y="2"/>
                    </a:moveTo>
                    <a:cubicBezTo>
                      <a:pt x="4" y="4"/>
                      <a:pt x="0" y="11"/>
                      <a:pt x="2" y="18"/>
                    </a:cubicBezTo>
                    <a:cubicBezTo>
                      <a:pt x="4" y="25"/>
                      <a:pt x="11" y="29"/>
                      <a:pt x="18" y="27"/>
                    </a:cubicBezTo>
                    <a:cubicBezTo>
                      <a:pt x="25" y="25"/>
                      <a:pt x="30" y="18"/>
                      <a:pt x="28" y="11"/>
                    </a:cubicBezTo>
                    <a:cubicBezTo>
                      <a:pt x="26" y="4"/>
                      <a:pt x="18" y="0"/>
                      <a:pt x="11" y="2"/>
                    </a:cubicBezTo>
                    <a:close/>
                  </a:path>
                </a:pathLst>
              </a:custGeom>
              <a:solidFill>
                <a:srgbClr val="FFFFFF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7" name="Freeform 23"/>
              <p:cNvSpPr/>
              <p:nvPr/>
            </p:nvSpPr>
            <p:spPr bwMode="auto">
              <a:xfrm>
                <a:off x="3062288" y="3981450"/>
                <a:ext cx="19050" cy="19050"/>
              </a:xfrm>
              <a:custGeom>
                <a:avLst/>
                <a:gdLst>
                  <a:gd name="T0" fmla="*/ 2 w 5"/>
                  <a:gd name="T1" fmla="*/ 0 h 5"/>
                  <a:gd name="T2" fmla="*/ 0 w 5"/>
                  <a:gd name="T3" fmla="*/ 3 h 5"/>
                  <a:gd name="T4" fmla="*/ 3 w 5"/>
                  <a:gd name="T5" fmla="*/ 5 h 5"/>
                  <a:gd name="T6" fmla="*/ 5 w 5"/>
                  <a:gd name="T7" fmla="*/ 2 h 5"/>
                  <a:gd name="T8" fmla="*/ 2 w 5"/>
                  <a:gd name="T9" fmla="*/ 0 h 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" h="5">
                    <a:moveTo>
                      <a:pt x="2" y="0"/>
                    </a:moveTo>
                    <a:cubicBezTo>
                      <a:pt x="1" y="0"/>
                      <a:pt x="0" y="2"/>
                      <a:pt x="0" y="3"/>
                    </a:cubicBezTo>
                    <a:cubicBezTo>
                      <a:pt x="0" y="5"/>
                      <a:pt x="2" y="5"/>
                      <a:pt x="3" y="5"/>
                    </a:cubicBezTo>
                    <a:cubicBezTo>
                      <a:pt x="5" y="5"/>
                      <a:pt x="5" y="3"/>
                      <a:pt x="5" y="2"/>
                    </a:cubicBezTo>
                    <a:cubicBezTo>
                      <a:pt x="5" y="0"/>
                      <a:pt x="3" y="0"/>
                      <a:pt x="2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8" name="Freeform 24"/>
              <p:cNvSpPr/>
              <p:nvPr/>
            </p:nvSpPr>
            <p:spPr bwMode="auto">
              <a:xfrm>
                <a:off x="3067051" y="4003675"/>
                <a:ext cx="22225" cy="22225"/>
              </a:xfrm>
              <a:custGeom>
                <a:avLst/>
                <a:gdLst>
                  <a:gd name="T0" fmla="*/ 3 w 6"/>
                  <a:gd name="T1" fmla="*/ 0 h 6"/>
                  <a:gd name="T2" fmla="*/ 1 w 6"/>
                  <a:gd name="T3" fmla="*/ 4 h 6"/>
                  <a:gd name="T4" fmla="*/ 4 w 6"/>
                  <a:gd name="T5" fmla="*/ 5 h 6"/>
                  <a:gd name="T6" fmla="*/ 6 w 6"/>
                  <a:gd name="T7" fmla="*/ 2 h 6"/>
                  <a:gd name="T8" fmla="*/ 3 w 6"/>
                  <a:gd name="T9" fmla="*/ 0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6">
                    <a:moveTo>
                      <a:pt x="3" y="0"/>
                    </a:moveTo>
                    <a:cubicBezTo>
                      <a:pt x="1" y="1"/>
                      <a:pt x="0" y="2"/>
                      <a:pt x="1" y="4"/>
                    </a:cubicBezTo>
                    <a:cubicBezTo>
                      <a:pt x="1" y="5"/>
                      <a:pt x="3" y="6"/>
                      <a:pt x="4" y="5"/>
                    </a:cubicBezTo>
                    <a:cubicBezTo>
                      <a:pt x="5" y="5"/>
                      <a:pt x="6" y="4"/>
                      <a:pt x="6" y="2"/>
                    </a:cubicBezTo>
                    <a:cubicBezTo>
                      <a:pt x="5" y="1"/>
                      <a:pt x="4" y="0"/>
                      <a:pt x="3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69" name="Freeform 25"/>
              <p:cNvSpPr/>
              <p:nvPr/>
            </p:nvSpPr>
            <p:spPr bwMode="auto">
              <a:xfrm>
                <a:off x="3036888" y="3989388"/>
                <a:ext cx="19050" cy="19050"/>
              </a:xfrm>
              <a:custGeom>
                <a:avLst/>
                <a:gdLst>
                  <a:gd name="T0" fmla="*/ 2 w 5"/>
                  <a:gd name="T1" fmla="*/ 0 h 5"/>
                  <a:gd name="T2" fmla="*/ 0 w 5"/>
                  <a:gd name="T3" fmla="*/ 3 h 5"/>
                  <a:gd name="T4" fmla="*/ 3 w 5"/>
                  <a:gd name="T5" fmla="*/ 5 h 5"/>
                  <a:gd name="T6" fmla="*/ 5 w 5"/>
                  <a:gd name="T7" fmla="*/ 2 h 5"/>
                  <a:gd name="T8" fmla="*/ 2 w 5"/>
                  <a:gd name="T9" fmla="*/ 0 h 5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5" h="5">
                    <a:moveTo>
                      <a:pt x="2" y="0"/>
                    </a:moveTo>
                    <a:cubicBezTo>
                      <a:pt x="0" y="0"/>
                      <a:pt x="0" y="2"/>
                      <a:pt x="0" y="3"/>
                    </a:cubicBezTo>
                    <a:cubicBezTo>
                      <a:pt x="0" y="4"/>
                      <a:pt x="2" y="5"/>
                      <a:pt x="3" y="5"/>
                    </a:cubicBezTo>
                    <a:cubicBezTo>
                      <a:pt x="4" y="5"/>
                      <a:pt x="5" y="3"/>
                      <a:pt x="5" y="2"/>
                    </a:cubicBezTo>
                    <a:cubicBezTo>
                      <a:pt x="5" y="0"/>
                      <a:pt x="3" y="0"/>
                      <a:pt x="2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  <p:sp>
            <p:nvSpPr>
              <p:cNvPr id="170" name="Freeform 26"/>
              <p:cNvSpPr/>
              <p:nvPr/>
            </p:nvSpPr>
            <p:spPr bwMode="auto">
              <a:xfrm>
                <a:off x="3040063" y="4011613"/>
                <a:ext cx="22225" cy="22225"/>
              </a:xfrm>
              <a:custGeom>
                <a:avLst/>
                <a:gdLst>
                  <a:gd name="T0" fmla="*/ 3 w 6"/>
                  <a:gd name="T1" fmla="*/ 0 h 6"/>
                  <a:gd name="T2" fmla="*/ 1 w 6"/>
                  <a:gd name="T3" fmla="*/ 4 h 6"/>
                  <a:gd name="T4" fmla="*/ 4 w 6"/>
                  <a:gd name="T5" fmla="*/ 5 h 6"/>
                  <a:gd name="T6" fmla="*/ 6 w 6"/>
                  <a:gd name="T7" fmla="*/ 2 h 6"/>
                  <a:gd name="T8" fmla="*/ 3 w 6"/>
                  <a:gd name="T9" fmla="*/ 0 h 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</a:cxnLst>
                <a:rect l="0" t="0" r="r" b="b"/>
                <a:pathLst>
                  <a:path w="6" h="6">
                    <a:moveTo>
                      <a:pt x="3" y="0"/>
                    </a:moveTo>
                    <a:cubicBezTo>
                      <a:pt x="1" y="1"/>
                      <a:pt x="0" y="2"/>
                      <a:pt x="1" y="4"/>
                    </a:cubicBezTo>
                    <a:cubicBezTo>
                      <a:pt x="1" y="5"/>
                      <a:pt x="3" y="6"/>
                      <a:pt x="4" y="5"/>
                    </a:cubicBezTo>
                    <a:cubicBezTo>
                      <a:pt x="5" y="5"/>
                      <a:pt x="6" y="4"/>
                      <a:pt x="6" y="2"/>
                    </a:cubicBezTo>
                    <a:cubicBezTo>
                      <a:pt x="5" y="1"/>
                      <a:pt x="4" y="0"/>
                      <a:pt x="3" y="0"/>
                    </a:cubicBezTo>
                    <a:close/>
                  </a:path>
                </a:pathLst>
              </a:custGeom>
              <a:solidFill>
                <a:srgbClr val="0000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121920" tIns="60960" rIns="121920" bIns="60960" numCol="1" anchor="t" anchorCtr="0" compatLnSpc="1"/>
              <a:lstStyle/>
              <a:p>
                <a:endParaRPr lang="zh-CN" altLang="en-US" sz="2400">
                  <a:effectLst>
                    <a:outerShdw blurRad="50800" dist="38100" dir="2700000" algn="tl" rotWithShape="0">
                      <a:prstClr val="black">
                        <a:alpha val="40000"/>
                      </a:prstClr>
                    </a:outerShdw>
                  </a:effectLst>
                </a:endParaRPr>
              </a:p>
            </p:txBody>
          </p:sp>
        </p:grpSp>
      </p:grpSp>
      <p:sp>
        <p:nvSpPr>
          <p:cNvPr id="171" name="矩形 170"/>
          <p:cNvSpPr/>
          <p:nvPr/>
        </p:nvSpPr>
        <p:spPr>
          <a:xfrm>
            <a:off x="5150746" y="2658879"/>
            <a:ext cx="357790" cy="5027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CN" sz="266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A</a:t>
            </a:r>
            <a:endParaRPr lang="zh-CN" altLang="zh-CN" sz="2665" dirty="0">
              <a:ln w="6350">
                <a:noFill/>
              </a:ln>
              <a:solidFill>
                <a:schemeClr val="bg1"/>
              </a:solidFill>
              <a:latin typeface="Impact" panose="020B080603090205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2" name="矩形 171"/>
          <p:cNvSpPr/>
          <p:nvPr/>
        </p:nvSpPr>
        <p:spPr>
          <a:xfrm>
            <a:off x="6691200" y="2658879"/>
            <a:ext cx="373820" cy="5027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CN" sz="266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B</a:t>
            </a:r>
            <a:endParaRPr lang="zh-CN" altLang="zh-CN" sz="2665" dirty="0">
              <a:ln w="6350">
                <a:noFill/>
              </a:ln>
              <a:solidFill>
                <a:schemeClr val="bg1"/>
              </a:solidFill>
              <a:latin typeface="Impact" panose="020B080603090205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3" name="矩形 172"/>
          <p:cNvSpPr/>
          <p:nvPr/>
        </p:nvSpPr>
        <p:spPr>
          <a:xfrm>
            <a:off x="5151280" y="4033341"/>
            <a:ext cx="373820" cy="5027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CN" sz="266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D</a:t>
            </a:r>
            <a:endParaRPr lang="zh-CN" altLang="zh-CN" sz="2665" dirty="0">
              <a:ln w="6350">
                <a:noFill/>
              </a:ln>
              <a:solidFill>
                <a:schemeClr val="bg1"/>
              </a:solidFill>
              <a:latin typeface="Impact" panose="020B080603090205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4" name="矩形 173"/>
          <p:cNvSpPr/>
          <p:nvPr/>
        </p:nvSpPr>
        <p:spPr>
          <a:xfrm>
            <a:off x="6691200" y="4033341"/>
            <a:ext cx="373820" cy="5027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zh-CN" sz="266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C</a:t>
            </a:r>
            <a:endParaRPr lang="zh-CN" altLang="zh-CN" sz="2665" dirty="0">
              <a:ln w="6350">
                <a:noFill/>
              </a:ln>
              <a:solidFill>
                <a:schemeClr val="bg1"/>
              </a:solidFill>
              <a:latin typeface="Impact" panose="020B080603090205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5" name="矩形 174"/>
          <p:cNvSpPr/>
          <p:nvPr/>
        </p:nvSpPr>
        <p:spPr>
          <a:xfrm>
            <a:off x="5455440" y="3365161"/>
            <a:ext cx="1281120" cy="432811"/>
          </a:xfrm>
          <a:prstGeom prst="rect">
            <a:avLst/>
          </a:prstGeom>
        </p:spPr>
        <p:txBody>
          <a:bodyPr wrap="none" tIns="0" bIns="0">
            <a:spAutoFit/>
          </a:bodyPr>
          <a:lstStyle/>
          <a:p>
            <a:pPr algn="ctr">
              <a:lnSpc>
                <a:spcPct val="150000"/>
              </a:lnSpc>
            </a:pPr>
            <a:r>
              <a:rPr lang="zh-CN" altLang="en-US" sz="2135" b="1" dirty="0">
                <a:ln w="6350">
                  <a:noFill/>
                </a:ln>
                <a:solidFill>
                  <a:schemeClr val="tx1">
                    <a:lumMod val="85000"/>
                    <a:lumOff val="15000"/>
                  </a:schemeClr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主要贡献</a:t>
            </a:r>
          </a:p>
        </p:txBody>
      </p:sp>
      <p:sp>
        <p:nvSpPr>
          <p:cNvPr id="176" name="任意多边形 175"/>
          <p:cNvSpPr/>
          <p:nvPr/>
        </p:nvSpPr>
        <p:spPr>
          <a:xfrm flipH="1">
            <a:off x="7180347" y="2179671"/>
            <a:ext cx="1078221" cy="353059"/>
          </a:xfrm>
          <a:custGeom>
            <a:avLst/>
            <a:gdLst>
              <a:gd name="connsiteX0" fmla="*/ 1257300 w 1257300"/>
              <a:gd name="connsiteY0" fmla="*/ 419100 h 419100"/>
              <a:gd name="connsiteX1" fmla="*/ 838200 w 1257300"/>
              <a:gd name="connsiteY1" fmla="*/ 0 h 419100"/>
              <a:gd name="connsiteX2" fmla="*/ 0 w 1257300"/>
              <a:gd name="connsiteY2" fmla="*/ 0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257300" h="419100">
                <a:moveTo>
                  <a:pt x="1257300" y="419100"/>
                </a:moveTo>
                <a:lnTo>
                  <a:pt x="838200" y="0"/>
                </a:lnTo>
                <a:lnTo>
                  <a:pt x="0" y="0"/>
                </a:lnTo>
              </a:path>
            </a:pathLst>
          </a:custGeom>
          <a:ln w="6350">
            <a:solidFill>
              <a:srgbClr val="12B19F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sp>
        <p:nvSpPr>
          <p:cNvPr id="177" name="任意多边形 176"/>
          <p:cNvSpPr/>
          <p:nvPr/>
        </p:nvSpPr>
        <p:spPr>
          <a:xfrm flipH="1" flipV="1">
            <a:off x="7518400" y="4482269"/>
            <a:ext cx="1072336" cy="350923"/>
          </a:xfrm>
          <a:custGeom>
            <a:avLst/>
            <a:gdLst>
              <a:gd name="connsiteX0" fmla="*/ 1257300 w 1257300"/>
              <a:gd name="connsiteY0" fmla="*/ 419100 h 419100"/>
              <a:gd name="connsiteX1" fmla="*/ 838200 w 1257300"/>
              <a:gd name="connsiteY1" fmla="*/ 0 h 419100"/>
              <a:gd name="connsiteX2" fmla="*/ 0 w 1257300"/>
              <a:gd name="connsiteY2" fmla="*/ 0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1257300" h="419100">
                <a:moveTo>
                  <a:pt x="1257300" y="419100"/>
                </a:moveTo>
                <a:lnTo>
                  <a:pt x="838200" y="0"/>
                </a:lnTo>
                <a:lnTo>
                  <a:pt x="0" y="0"/>
                </a:lnTo>
              </a:path>
            </a:pathLst>
          </a:custGeom>
          <a:ln w="6350">
            <a:solidFill>
              <a:srgbClr val="E04548"/>
            </a:solidFill>
            <a:headEnd type="oval" w="sm" len="sm"/>
            <a:tailEnd type="oval" w="sm" len="sm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zh-CN" altLang="en-US" sz="2400"/>
          </a:p>
        </p:txBody>
      </p:sp>
      <p:sp>
        <p:nvSpPr>
          <p:cNvPr id="178" name="Rectangle 66"/>
          <p:cNvSpPr>
            <a:spLocks noChangeArrowheads="1"/>
          </p:cNvSpPr>
          <p:nvPr/>
        </p:nvSpPr>
        <p:spPr bwMode="auto">
          <a:xfrm>
            <a:off x="8400256" y="2468463"/>
            <a:ext cx="2784309" cy="8204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/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335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此处可输入相关说明文本内容，或者复制文本内容后粘贴，并选择只保留文字。文本内容建议简洁明了、提纲挈领，尽量保持整体风格统一</a:t>
            </a:r>
            <a:r>
              <a:rPr lang="zh-CN" altLang="en-US" sz="1335" dirty="0">
                <a:solidFill>
                  <a:prstClr val="black">
                    <a:lumMod val="50000"/>
                    <a:lumOff val="50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。</a:t>
            </a:r>
            <a:endParaRPr lang="zh-CN" altLang="zh-CN" sz="1335" dirty="0">
              <a:solidFill>
                <a:prstClr val="black">
                  <a:lumMod val="50000"/>
                  <a:lumOff val="50000"/>
                </a:prstClr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79" name="圆角矩形 178"/>
          <p:cNvSpPr/>
          <p:nvPr/>
        </p:nvSpPr>
        <p:spPr>
          <a:xfrm>
            <a:off x="8400257" y="2027899"/>
            <a:ext cx="1403167" cy="328301"/>
          </a:xfrm>
          <a:prstGeom prst="roundRect">
            <a:avLst>
              <a:gd name="adj" fmla="val 0"/>
            </a:avLst>
          </a:prstGeom>
          <a:solidFill>
            <a:srgbClr val="12B19F"/>
          </a:solidFill>
          <a:ln w="63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33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添加关键词</a:t>
            </a:r>
          </a:p>
        </p:txBody>
      </p:sp>
      <p:sp>
        <p:nvSpPr>
          <p:cNvPr id="180" name="Rectangle 66"/>
          <p:cNvSpPr>
            <a:spLocks noChangeArrowheads="1"/>
          </p:cNvSpPr>
          <p:nvPr/>
        </p:nvSpPr>
        <p:spPr bwMode="auto">
          <a:xfrm>
            <a:off x="8753559" y="5118529"/>
            <a:ext cx="2784309" cy="8204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/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335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此处可输入相关说明文本内容，或者复制文本内容后粘贴，并选择只保留文字。文本内容建议简洁明了、提纲挈领，尽量保持整体风格统一</a:t>
            </a:r>
            <a:r>
              <a:rPr lang="zh-CN" altLang="en-US" sz="1335" dirty="0">
                <a:solidFill>
                  <a:prstClr val="black">
                    <a:lumMod val="50000"/>
                    <a:lumOff val="50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。</a:t>
            </a:r>
            <a:endParaRPr lang="zh-CN" altLang="zh-CN" sz="1335" dirty="0">
              <a:solidFill>
                <a:prstClr val="black">
                  <a:lumMod val="50000"/>
                  <a:lumOff val="50000"/>
                </a:prstClr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81" name="圆角矩形 180"/>
          <p:cNvSpPr/>
          <p:nvPr/>
        </p:nvSpPr>
        <p:spPr>
          <a:xfrm>
            <a:off x="8753559" y="4677966"/>
            <a:ext cx="1403167" cy="328301"/>
          </a:xfrm>
          <a:prstGeom prst="roundRect">
            <a:avLst>
              <a:gd name="adj" fmla="val 0"/>
            </a:avLst>
          </a:prstGeom>
          <a:solidFill>
            <a:srgbClr val="E04548"/>
          </a:solidFill>
          <a:ln w="63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33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添加关键词</a:t>
            </a:r>
          </a:p>
        </p:txBody>
      </p:sp>
      <p:sp>
        <p:nvSpPr>
          <p:cNvPr id="182" name="Rectangle 66"/>
          <p:cNvSpPr>
            <a:spLocks noChangeArrowheads="1"/>
          </p:cNvSpPr>
          <p:nvPr/>
        </p:nvSpPr>
        <p:spPr bwMode="auto">
          <a:xfrm>
            <a:off x="1110456" y="2468463"/>
            <a:ext cx="2784309" cy="8204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/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335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此处可输入相关说明文本内容，或者复制文本内容后粘贴，并选择只保留文字。文本内容建议简洁明了、提纲挈领，尽量保持整体风格统一</a:t>
            </a:r>
            <a:r>
              <a:rPr lang="zh-CN" altLang="en-US" sz="1335" dirty="0">
                <a:solidFill>
                  <a:prstClr val="black">
                    <a:lumMod val="50000"/>
                    <a:lumOff val="50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。</a:t>
            </a:r>
            <a:endParaRPr lang="zh-CN" altLang="zh-CN" sz="1335" dirty="0">
              <a:solidFill>
                <a:prstClr val="black">
                  <a:lumMod val="50000"/>
                  <a:lumOff val="50000"/>
                </a:prstClr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83" name="圆角矩形 182"/>
          <p:cNvSpPr/>
          <p:nvPr/>
        </p:nvSpPr>
        <p:spPr>
          <a:xfrm>
            <a:off x="2405857" y="2027899"/>
            <a:ext cx="1403167" cy="328301"/>
          </a:xfrm>
          <a:prstGeom prst="roundRect">
            <a:avLst>
              <a:gd name="adj" fmla="val 0"/>
            </a:avLst>
          </a:prstGeom>
          <a:solidFill>
            <a:srgbClr val="288DBB"/>
          </a:solidFill>
          <a:ln w="63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33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添加关键词</a:t>
            </a:r>
          </a:p>
        </p:txBody>
      </p:sp>
      <p:sp>
        <p:nvSpPr>
          <p:cNvPr id="184" name="Rectangle 66"/>
          <p:cNvSpPr>
            <a:spLocks noChangeArrowheads="1"/>
          </p:cNvSpPr>
          <p:nvPr/>
        </p:nvSpPr>
        <p:spPr bwMode="auto">
          <a:xfrm>
            <a:off x="716075" y="5118529"/>
            <a:ext cx="2784309" cy="8204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lIns="0" tIns="0" rIns="0" bIns="0">
            <a:spAutoFit/>
          </a:bodyPr>
          <a:lstStyle/>
          <a:p>
            <a:pPr lvl="0" algn="just" fontAlgn="base">
              <a:spcBef>
                <a:spcPct val="0"/>
              </a:spcBef>
              <a:spcAft>
                <a:spcPct val="0"/>
              </a:spcAft>
            </a:pPr>
            <a:r>
              <a:rPr lang="zh-CN" altLang="en-US" sz="1335" dirty="0">
                <a:solidFill>
                  <a:schemeClr val="bg1">
                    <a:lumMod val="50000"/>
                  </a:scheme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此处可输入相关说明文本内容，或者复制文本内容后粘贴，并选择只保留文字。文本内容建议简洁明了、提纲挈领，尽量保持整体风格统一</a:t>
            </a:r>
            <a:r>
              <a:rPr lang="zh-CN" altLang="en-US" sz="1335" dirty="0">
                <a:solidFill>
                  <a:prstClr val="black">
                    <a:lumMod val="50000"/>
                    <a:lumOff val="50000"/>
                  </a:prstClr>
                </a:solidFill>
                <a:latin typeface="Arial" panose="020B0604020202020204" pitchFamily="34" charset="0"/>
                <a:ea typeface="微软雅黑" panose="020B0503020204020204" pitchFamily="34" charset="-122"/>
              </a:rPr>
              <a:t>。</a:t>
            </a:r>
            <a:endParaRPr lang="zh-CN" altLang="zh-CN" sz="1335" dirty="0">
              <a:solidFill>
                <a:prstClr val="black">
                  <a:lumMod val="50000"/>
                  <a:lumOff val="50000"/>
                </a:prstClr>
              </a:solidFill>
              <a:latin typeface="Arial" panose="020B0604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185" name="圆角矩形 184"/>
          <p:cNvSpPr/>
          <p:nvPr/>
        </p:nvSpPr>
        <p:spPr>
          <a:xfrm>
            <a:off x="2011475" y="4677966"/>
            <a:ext cx="1403167" cy="328301"/>
          </a:xfrm>
          <a:prstGeom prst="roundRect">
            <a:avLst>
              <a:gd name="adj" fmla="val 0"/>
            </a:avLst>
          </a:prstGeom>
          <a:solidFill>
            <a:srgbClr val="FDB52D"/>
          </a:solidFill>
          <a:ln w="6350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zh-CN" altLang="en-US" sz="1335" dirty="0">
                <a:ln w="6350">
                  <a:noFill/>
                </a:ln>
                <a:solidFill>
                  <a:schemeClr val="bg1"/>
                </a:solidFill>
                <a:latin typeface="Impact" panose="020B0806030902050204" pitchFamily="34" charset="0"/>
                <a:ea typeface="微软雅黑" panose="020B0503020204020204" pitchFamily="34" charset="-122"/>
              </a:rPr>
              <a:t>添加关键词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mc:AlternateContent xmlns:mc="http://schemas.openxmlformats.org/markup-compatibility/2006" xmlns:p14="http://schemas.microsoft.com/office/powerpoint/2010/main">
    <mc:Choice Requires="p14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42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" dur="500"/>
                                            <p:tgtEl>
                                              <p:spTgt spid="152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8" dur="500" fill="hold"/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9" dur="500" fill="hold"/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10" presetID="53" presetClass="entr" presetSubtype="16" fill="hold" nodeType="withEffect">
                                      <p:stCondLst>
                                        <p:cond delay="300"/>
                                      </p:stCondLst>
                                      <p:childTnLst>
                                        <p:set>
                                          <p:cBhvr>
                                            <p:cTn id="11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2" dur="300" fill="hold"/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13" dur="300" fill="hold"/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14" dur="300"/>
                                            <p:tgtEl>
                                              <p:spTgt spid="147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15" presetID="6" presetClass="emph" presetSubtype="0" autoRev="1" fill="hold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animScale>
                                          <p:cBhvr>
                                            <p:cTn id="16" dur="150" fill="hold"/>
                                            <p:tgtEl>
                                              <p:spTgt spid="147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17" presetID="53" presetClass="entr" presetSubtype="16" fill="hold" grpId="0" nodeType="withEffect">
                                      <p:stCondLst>
                                        <p:cond delay="30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9" dur="300" fill="hold"/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0" dur="300" fill="hold"/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21" dur="300"/>
                                            <p:tgtEl>
                                              <p:spTgt spid="17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22" presetID="6" presetClass="emph" presetSubtype="0" autoRev="1" fill="hold" grpId="1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animScale>
                                          <p:cBhvr>
                                            <p:cTn id="23" dur="150" fill="hold"/>
                                            <p:tgtEl>
                                              <p:spTgt spid="175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24" presetID="53" presetClass="entr" presetSubtype="16" fill="hold" grpId="0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set>
                                          <p:cBhvr>
                                            <p:cTn id="25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26" dur="300" fill="hold"/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7" dur="300" fill="hold"/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28" dur="300"/>
                                            <p:tgtEl>
                                              <p:spTgt spid="14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29" presetID="6" presetClass="emph" presetSubtype="0" autoRev="1" fill="hold" grpId="1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animScale>
                                          <p:cBhvr>
                                            <p:cTn id="30" dur="150" fill="hold"/>
                                            <p:tgtEl>
                                              <p:spTgt spid="146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31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3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33" dur="300" fill="hold"/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4" dur="300" fill="hold"/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35" dur="300"/>
                                            <p:tgtEl>
                                              <p:spTgt spid="17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6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37" dur="150" fill="hold"/>
                                            <p:tgtEl>
                                              <p:spTgt spid="171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38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40" dur="300" fill="hold"/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41" dur="300" fill="hold"/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42" dur="300"/>
                                            <p:tgtEl>
                                              <p:spTgt spid="17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3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44" dur="150" fill="hold"/>
                                            <p:tgtEl>
                                              <p:spTgt spid="172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45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47" dur="300" fill="hold"/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48" dur="300" fill="hold"/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49" dur="300"/>
                                            <p:tgtEl>
                                              <p:spTgt spid="17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0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51" dur="150" fill="hold"/>
                                            <p:tgtEl>
                                              <p:spTgt spid="174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52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5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54" dur="300" fill="hold"/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55" dur="300" fill="hold"/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56" dur="300"/>
                                            <p:tgtEl>
                                              <p:spTgt spid="17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7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58" dur="150" fill="hold"/>
                                            <p:tgtEl>
                                              <p:spTgt spid="173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59" presetID="22" presetClass="entr" presetSubtype="2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right)">
                                          <p:cBhvr>
                                            <p:cTn id="61" dur="500"/>
                                            <p:tgtEl>
                                              <p:spTgt spid="14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62" presetID="2" presetClass="entr" presetSubtype="8" fill="hold" grpId="0" nodeType="withEffect" p14:presetBounceEnd="60000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6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60000">
                                          <p:cBhvr additive="base">
                                            <p:cTn id="64" dur="750" fill="hold"/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60000">
                                          <p:cBhvr additive="base">
                                            <p:cTn id="65" dur="750" fill="hold"/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66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67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68" dur="500" fill="hold"/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9" dur="500" fill="hold"/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70" dur="500"/>
                                            <p:tgtEl>
                                              <p:spTgt spid="18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71" presetID="22" presetClass="entr" presetSubtype="8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7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3" dur="500"/>
                                            <p:tgtEl>
                                              <p:spTgt spid="17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74" presetID="2" presetClass="entr" presetSubtype="2" fill="hold" grpId="0" nodeType="withEffect" p14:presetBounceEnd="60000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75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60000">
                                          <p:cBhvr additive="base">
                                            <p:cTn id="76" dur="750" fill="hold"/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60000">
                                          <p:cBhvr additive="base">
                                            <p:cTn id="77" dur="750" fill="hold"/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78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7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0" dur="500" fill="hold"/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1" dur="500" fill="hold"/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2" dur="500"/>
                                            <p:tgtEl>
                                              <p:spTgt spid="17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83" presetID="22" presetClass="entr" presetSubtype="2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8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right)">
                                          <p:cBhvr>
                                            <p:cTn id="85" dur="500"/>
                                            <p:tgtEl>
                                              <p:spTgt spid="1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86" presetID="2" presetClass="entr" presetSubtype="8" fill="hold" grpId="0" nodeType="withEffect" p14:presetBounceEnd="60000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87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60000">
                                          <p:cBhvr additive="base">
                                            <p:cTn id="88" dur="750" fill="hold"/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60000">
                                          <p:cBhvr additive="base">
                                            <p:cTn id="89" dur="750" fill="hold"/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90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91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92" dur="500" fill="hold"/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93" dur="500" fill="hold"/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94" dur="500"/>
                                            <p:tgtEl>
                                              <p:spTgt spid="18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95" presetID="22" presetClass="entr" presetSubtype="8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9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97" dur="500"/>
                                            <p:tgtEl>
                                              <p:spTgt spid="177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98" presetID="2" presetClass="entr" presetSubtype="2" fill="hold" grpId="0" nodeType="withEffect" p14:presetBounceEnd="60000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9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 p14:bounceEnd="60000">
                                          <p:cBhvr additive="base">
                                            <p:cTn id="100" dur="750" fill="hold"/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 p14:bounceEnd="60000">
                                          <p:cBhvr additive="base">
                                            <p:cTn id="101" dur="750" fill="hold"/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102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10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04" dur="500" fill="hold"/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105" dur="500" fill="hold"/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106" dur="500"/>
                                            <p:tgtEl>
                                              <p:spTgt spid="18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144" grpId="0" animBg="1"/>
          <p:bldP spid="145" grpId="0" animBg="1"/>
          <p:bldP spid="146" grpId="0" animBg="1"/>
          <p:bldP spid="146" grpId="1" animBg="1"/>
          <p:bldP spid="171" grpId="0"/>
          <p:bldP spid="171" grpId="1"/>
          <p:bldP spid="172" grpId="0"/>
          <p:bldP spid="172" grpId="1"/>
          <p:bldP spid="173" grpId="0"/>
          <p:bldP spid="173" grpId="1"/>
          <p:bldP spid="174" grpId="0"/>
          <p:bldP spid="174" grpId="1"/>
          <p:bldP spid="175" grpId="0"/>
          <p:bldP spid="175" grpId="1"/>
          <p:bldP spid="176" grpId="0" animBg="1"/>
          <p:bldP spid="177" grpId="0" animBg="1"/>
          <p:bldP spid="178" grpId="0"/>
          <p:bldP spid="179" grpId="0" animBg="1"/>
          <p:bldP spid="180" grpId="0"/>
          <p:bldP spid="181" grpId="0" animBg="1"/>
          <p:bldP spid="182" grpId="0"/>
          <p:bldP spid="183" grpId="0" animBg="1"/>
          <p:bldP spid="184" grpId="0"/>
          <p:bldP spid="185" grpId="0" animBg="1"/>
        </p:bldLst>
      </p:timing>
    </mc:Choice>
    <mc:Fallback xmlns="">
      <p:timing>
        <p:tnLst>
          <p:par>
            <p:cTn id="1" dur="indefinite" restart="never" nodeType="tmRoot">
              <p:childTnLst>
                <p:seq concurrent="1" nextAc="seek">
                  <p:cTn id="2" dur="indefinite" nodeType="mainSeq">
                    <p:childTnLst>
                      <p:par>
                        <p:cTn id="3" fill="hold">
                          <p:stCondLst>
                            <p:cond delay="indefinite"/>
                            <p:cond evt="onBegin" delay="0">
                              <p:tn val="2"/>
                            </p:cond>
                          </p:stCondLst>
                          <p:childTnLst>
                            <p:par>
                              <p:cTn id="4" fill="hold">
                                <p:stCondLst>
                                  <p:cond delay="0"/>
                                </p:stCondLst>
                                <p:childTnLst>
                                  <p:par>
                                    <p:cTn id="5" presetID="42" presetClass="entr" presetSubtype="0" fill="hold" nodeType="withEffect">
                                      <p:stCondLst>
                                        <p:cond delay="0"/>
                                      </p:stCondLst>
                                      <p:childTnLst>
                                        <p:set>
                                          <p:cBhvr>
                                            <p:cTn id="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fade">
                                          <p:cBhvr>
                                            <p:cTn id="7" dur="500"/>
                                            <p:tgtEl>
                                              <p:spTgt spid="152"/>
                                            </p:tgtEl>
                                          </p:cBhvr>
                                        </p:animEffect>
                                        <p:anim calcmode="lin" valueType="num">
                                          <p:cBhvr>
                                            <p:cTn id="8" dur="500" fill="hold"/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9" dur="500" fill="hold"/>
                                            <p:tgtEl>
                                              <p:spTgt spid="152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+.1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10" presetID="53" presetClass="entr" presetSubtype="16" fill="hold" nodeType="withEffect">
                                      <p:stCondLst>
                                        <p:cond delay="300"/>
                                      </p:stCondLst>
                                      <p:childTnLst>
                                        <p:set>
                                          <p:cBhvr>
                                            <p:cTn id="11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2" dur="300" fill="hold"/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13" dur="300" fill="hold"/>
                                            <p:tgtEl>
                                              <p:spTgt spid="147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14" dur="300"/>
                                            <p:tgtEl>
                                              <p:spTgt spid="147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15" presetID="6" presetClass="emph" presetSubtype="0" autoRev="1" fill="hold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animScale>
                                          <p:cBhvr>
                                            <p:cTn id="16" dur="150" fill="hold"/>
                                            <p:tgtEl>
                                              <p:spTgt spid="147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17" presetID="53" presetClass="entr" presetSubtype="16" fill="hold" grpId="0" nodeType="withEffect">
                                      <p:stCondLst>
                                        <p:cond delay="300"/>
                                      </p:stCondLst>
                                      <p:childTnLst>
                                        <p:set>
                                          <p:cBhvr>
                                            <p:cTn id="18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9" dur="300" fill="hold"/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0" dur="300" fill="hold"/>
                                            <p:tgtEl>
                                              <p:spTgt spid="175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21" dur="300"/>
                                            <p:tgtEl>
                                              <p:spTgt spid="17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22" presetID="6" presetClass="emph" presetSubtype="0" autoRev="1" fill="hold" grpId="1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animScale>
                                          <p:cBhvr>
                                            <p:cTn id="23" dur="150" fill="hold"/>
                                            <p:tgtEl>
                                              <p:spTgt spid="175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24" presetID="53" presetClass="entr" presetSubtype="16" fill="hold" grpId="0" nodeType="withEffect">
                                      <p:stCondLst>
                                        <p:cond delay="600"/>
                                      </p:stCondLst>
                                      <p:childTnLst>
                                        <p:set>
                                          <p:cBhvr>
                                            <p:cTn id="25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26" dur="300" fill="hold"/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27" dur="300" fill="hold"/>
                                            <p:tgtEl>
                                              <p:spTgt spid="146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28" dur="300"/>
                                            <p:tgtEl>
                                              <p:spTgt spid="14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29" presetID="6" presetClass="emph" presetSubtype="0" autoRev="1" fill="hold" grpId="1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animScale>
                                          <p:cBhvr>
                                            <p:cTn id="30" dur="150" fill="hold"/>
                                            <p:tgtEl>
                                              <p:spTgt spid="146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31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3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33" dur="300" fill="hold"/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34" dur="300" fill="hold"/>
                                            <p:tgtEl>
                                              <p:spTgt spid="171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35" dur="300"/>
                                            <p:tgtEl>
                                              <p:spTgt spid="171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36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37" dur="150" fill="hold"/>
                                            <p:tgtEl>
                                              <p:spTgt spid="171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38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3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40" dur="300" fill="hold"/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41" dur="300" fill="hold"/>
                                            <p:tgtEl>
                                              <p:spTgt spid="172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42" dur="300"/>
                                            <p:tgtEl>
                                              <p:spTgt spid="17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43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44" dur="150" fill="hold"/>
                                            <p:tgtEl>
                                              <p:spTgt spid="172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45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4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47" dur="300" fill="hold"/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48" dur="300" fill="hold"/>
                                            <p:tgtEl>
                                              <p:spTgt spid="174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49" dur="300"/>
                                            <p:tgtEl>
                                              <p:spTgt spid="17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0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51" dur="150" fill="hold"/>
                                            <p:tgtEl>
                                              <p:spTgt spid="174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52" presetID="53" presetClass="entr" presetSubtype="16" fill="hold" grpId="0" nodeType="withEffect">
                                      <p:stCondLst>
                                        <p:cond delay="900"/>
                                      </p:stCondLst>
                                      <p:childTnLst>
                                        <p:set>
                                          <p:cBhvr>
                                            <p:cTn id="5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54" dur="300" fill="hold"/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55" dur="300" fill="hold"/>
                                            <p:tgtEl>
                                              <p:spTgt spid="173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fltVal val="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56" dur="300"/>
                                            <p:tgtEl>
                                              <p:spTgt spid="173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57" presetID="6" presetClass="emph" presetSubtype="0" autoRev="1" fill="hold" grpId="1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animScale>
                                          <p:cBhvr>
                                            <p:cTn id="58" dur="150" fill="hold"/>
                                            <p:tgtEl>
                                              <p:spTgt spid="173"/>
                                            </p:tgtEl>
                                          </p:cBhvr>
                                          <p:by x="110000" y="110000"/>
                                        </p:animScale>
                                      </p:childTnLst>
                                    </p:cTn>
                                  </p:par>
                                  <p:par>
                                    <p:cTn id="59" presetID="22" presetClass="entr" presetSubtype="2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60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right)">
                                          <p:cBhvr>
                                            <p:cTn id="61" dur="500"/>
                                            <p:tgtEl>
                                              <p:spTgt spid="14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62" presetID="2" presetClass="entr" presetSubtype="8" fill="hold" grpId="0" nodeType="withEffect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6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64" dur="750" fill="hold"/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65" dur="750" fill="hold"/>
                                            <p:tgtEl>
                                              <p:spTgt spid="183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66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67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68" dur="500" fill="hold"/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69" dur="500" fill="hold"/>
                                            <p:tgtEl>
                                              <p:spTgt spid="182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70" dur="500"/>
                                            <p:tgtEl>
                                              <p:spTgt spid="182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71" presetID="22" presetClass="entr" presetSubtype="8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72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6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73" dur="500"/>
                                            <p:tgtEl>
                                              <p:spTgt spid="176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74" presetID="2" presetClass="entr" presetSubtype="2" fill="hold" grpId="0" nodeType="withEffect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75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76" dur="750" fill="hold"/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77" dur="750" fill="hold"/>
                                            <p:tgtEl>
                                              <p:spTgt spid="179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78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7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80" dur="500" fill="hold"/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81" dur="500" fill="hold"/>
                                            <p:tgtEl>
                                              <p:spTgt spid="178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82" dur="500"/>
                                            <p:tgtEl>
                                              <p:spTgt spid="178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83" presetID="22" presetClass="entr" presetSubtype="2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84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4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right)">
                                          <p:cBhvr>
                                            <p:cTn id="85" dur="500"/>
                                            <p:tgtEl>
                                              <p:spTgt spid="145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86" presetID="2" presetClass="entr" presetSubtype="8" fill="hold" grpId="0" nodeType="withEffect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87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88" dur="750" fill="hold"/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0-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89" dur="750" fill="hold"/>
                                            <p:tgtEl>
                                              <p:spTgt spid="185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90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91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92" dur="500" fill="hold"/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93" dur="500" fill="hold"/>
                                            <p:tgtEl>
                                              <p:spTgt spid="184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94" dur="500"/>
                                            <p:tgtEl>
                                              <p:spTgt spid="184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95" presetID="22" presetClass="entr" presetSubtype="8" fill="hold" grpId="0" nodeType="withEffect">
                                      <p:stCondLst>
                                        <p:cond delay="1200"/>
                                      </p:stCondLst>
                                      <p:childTnLst>
                                        <p:set>
                                          <p:cBhvr>
                                            <p:cTn id="96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77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Effect transition="in" filter="wipe(left)">
                                          <p:cBhvr>
                                            <p:cTn id="97" dur="500"/>
                                            <p:tgtEl>
                                              <p:spTgt spid="177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  <p:par>
                                    <p:cTn id="98" presetID="2" presetClass="entr" presetSubtype="2" fill="hold" grpId="0" nodeType="withEffect">
                                      <p:stCondLst>
                                        <p:cond delay="1700"/>
                                      </p:stCondLst>
                                      <p:childTnLst>
                                        <p:set>
                                          <p:cBhvr>
                                            <p:cTn id="99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 additive="base">
                                            <p:cTn id="100" dur="750" fill="hold"/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ppt_x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1+#ppt_w/2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x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 additive="base">
                                            <p:cTn id="101" dur="750" fill="hold"/>
                                            <p:tgtEl>
                                              <p:spTgt spid="181"/>
                                            </p:tgtEl>
                                            <p:attrNameLst>
                                              <p:attrName>ppt_y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y"/>
                                              </p:val>
                                            </p:tav>
                                          </p:tavLst>
                                        </p:anim>
                                      </p:childTnLst>
                                    </p:cTn>
                                  </p:par>
                                  <p:par>
                                    <p:cTn id="102" presetID="55" presetClass="entr" presetSubtype="0" fill="hold" grpId="0" nodeType="withEffect">
                                      <p:stCondLst>
                                        <p:cond delay="2000"/>
                                      </p:stCondLst>
                                      <p:childTnLst>
                                        <p:set>
                                          <p:cBhvr>
                                            <p:cTn id="103" dur="1" fill="hold">
                                              <p:stCondLst>
                                                <p:cond delay="0"/>
                                              </p:stCondLst>
                                            </p:cTn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style.visibility</p:attrName>
                                            </p:attrNameLst>
                                          </p:cBhvr>
                                          <p:to>
                                            <p:strVal val="visible"/>
                                          </p:to>
                                        </p:set>
                                        <p:anim calcmode="lin" valueType="num">
                                          <p:cBhvr>
                                            <p:cTn id="104" dur="500" fill="hold"/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ppt_w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w*0.70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w"/>
                                              </p:val>
                                            </p:tav>
                                          </p:tavLst>
                                        </p:anim>
                                        <p:anim calcmode="lin" valueType="num">
                                          <p:cBhvr>
                                            <p:cTn id="105" dur="500" fill="hold"/>
                                            <p:tgtEl>
                                              <p:spTgt spid="180"/>
                                            </p:tgtEl>
                                            <p:attrNameLst>
                                              <p:attrName>ppt_h</p:attrName>
                                            </p:attrNameLst>
                                          </p:cBhvr>
                                          <p:tavLst>
                                            <p:tav tm="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  <p:tav tm="100000">
                                              <p:val>
                                                <p:strVal val="#ppt_h"/>
                                              </p:val>
                                            </p:tav>
                                          </p:tavLst>
                                        </p:anim>
                                        <p:animEffect transition="in" filter="fade">
                                          <p:cBhvr>
                                            <p:cTn id="106" dur="500"/>
                                            <p:tgtEl>
                                              <p:spTgt spid="180"/>
                                            </p:tgtEl>
                                          </p:cBhvr>
                                        </p:animEffect>
                                      </p:childTnLst>
                                    </p:cTn>
                                  </p:par>
                                </p:childTnLst>
                              </p:cTn>
                            </p:par>
                          </p:childTnLst>
                        </p:cTn>
                      </p:par>
                    </p:childTnLst>
                  </p:cTn>
                  <p:prevCondLst>
                    <p:cond evt="onPrev" delay="0">
                      <p:tgtEl>
                        <p:sldTgt/>
                      </p:tgtEl>
                    </p:cond>
                  </p:prevCondLst>
                  <p:nextCondLst>
                    <p:cond evt="onNext" delay="0">
                      <p:tgtEl>
                        <p:sldTgt/>
                      </p:tgtEl>
                    </p:cond>
                  </p:nextCondLst>
                </p:seq>
              </p:childTnLst>
            </p:cTn>
          </p:par>
        </p:tnLst>
        <p:bldLst>
          <p:bldP spid="144" grpId="0" animBg="1"/>
          <p:bldP spid="145" grpId="0" animBg="1"/>
          <p:bldP spid="146" grpId="0" animBg="1"/>
          <p:bldP spid="146" grpId="1" animBg="1"/>
          <p:bldP spid="171" grpId="0"/>
          <p:bldP spid="171" grpId="1"/>
          <p:bldP spid="172" grpId="0"/>
          <p:bldP spid="172" grpId="1"/>
          <p:bldP spid="173" grpId="0"/>
          <p:bldP spid="173" grpId="1"/>
          <p:bldP spid="174" grpId="0"/>
          <p:bldP spid="174" grpId="1"/>
          <p:bldP spid="175" grpId="0"/>
          <p:bldP spid="175" grpId="1"/>
          <p:bldP spid="176" grpId="0" animBg="1"/>
          <p:bldP spid="177" grpId="0" animBg="1"/>
          <p:bldP spid="178" grpId="0"/>
          <p:bldP spid="179" grpId="0" animBg="1"/>
          <p:bldP spid="180" grpId="0"/>
          <p:bldP spid="181" grpId="0" animBg="1"/>
          <p:bldP spid="182" grpId="0"/>
          <p:bldP spid="183" grpId="0" animBg="1"/>
          <p:bldP spid="184" grpId="0"/>
          <p:bldP spid="185" grpId="0" animBg="1"/>
        </p:bldLst>
      </p:timing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6" name="Group 11"/>
          <p:cNvGrpSpPr/>
          <p:nvPr/>
        </p:nvGrpSpPr>
        <p:grpSpPr>
          <a:xfrm>
            <a:off x="4343650" y="2425940"/>
            <a:ext cx="3503434" cy="3503434"/>
            <a:chOff x="6240781" y="1363135"/>
            <a:chExt cx="4963584" cy="4963584"/>
          </a:xfrm>
        </p:grpSpPr>
        <p:grpSp>
          <p:nvGrpSpPr>
            <p:cNvPr id="87" name="Group 12"/>
            <p:cNvGrpSpPr/>
            <p:nvPr userDrawn="1"/>
          </p:nvGrpSpPr>
          <p:grpSpPr>
            <a:xfrm>
              <a:off x="6240781" y="1363135"/>
              <a:ext cx="3255433" cy="2434167"/>
              <a:chOff x="4657725" y="946151"/>
              <a:chExt cx="2441575" cy="1825625"/>
            </a:xfrm>
          </p:grpSpPr>
          <p:sp>
            <p:nvSpPr>
              <p:cNvPr id="105" name="Freeform 26"/>
              <p:cNvSpPr/>
              <p:nvPr/>
            </p:nvSpPr>
            <p:spPr bwMode="auto">
              <a:xfrm>
                <a:off x="5953125" y="2046288"/>
                <a:ext cx="1146175" cy="593725"/>
              </a:xfrm>
              <a:custGeom>
                <a:avLst/>
                <a:gdLst>
                  <a:gd name="T0" fmla="*/ 849 w 904"/>
                  <a:gd name="T1" fmla="*/ 0 h 468"/>
                  <a:gd name="T2" fmla="*/ 873 w 904"/>
                  <a:gd name="T3" fmla="*/ 58 h 468"/>
                  <a:gd name="T4" fmla="*/ 507 w 904"/>
                  <a:gd name="T5" fmla="*/ 436 h 468"/>
                  <a:gd name="T6" fmla="*/ 396 w 904"/>
                  <a:gd name="T7" fmla="*/ 436 h 468"/>
                  <a:gd name="T8" fmla="*/ 30 w 904"/>
                  <a:gd name="T9" fmla="*/ 58 h 468"/>
                  <a:gd name="T10" fmla="*/ 55 w 904"/>
                  <a:gd name="T11" fmla="*/ 0 h 468"/>
                  <a:gd name="T12" fmla="*/ 849 w 904"/>
                  <a:gd name="T13" fmla="*/ 0 h 46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904" h="468">
                    <a:moveTo>
                      <a:pt x="849" y="0"/>
                    </a:moveTo>
                    <a:cubicBezTo>
                      <a:pt x="893" y="0"/>
                      <a:pt x="904" y="26"/>
                      <a:pt x="873" y="58"/>
                    </a:cubicBezTo>
                    <a:cubicBezTo>
                      <a:pt x="507" y="436"/>
                      <a:pt x="507" y="436"/>
                      <a:pt x="507" y="436"/>
                    </a:cubicBezTo>
                    <a:cubicBezTo>
                      <a:pt x="477" y="468"/>
                      <a:pt x="427" y="468"/>
                      <a:pt x="396" y="436"/>
                    </a:cubicBezTo>
                    <a:cubicBezTo>
                      <a:pt x="30" y="58"/>
                      <a:pt x="30" y="58"/>
                      <a:pt x="30" y="58"/>
                    </a:cubicBezTo>
                    <a:cubicBezTo>
                      <a:pt x="0" y="26"/>
                      <a:pt x="11" y="0"/>
                      <a:pt x="55" y="0"/>
                    </a:cubicBezTo>
                    <a:lnTo>
                      <a:pt x="849" y="0"/>
                    </a:lnTo>
                    <a:close/>
                  </a:path>
                </a:pathLst>
              </a:custGeom>
              <a:solidFill>
                <a:srgbClr val="288DBB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6" name="Freeform 27"/>
              <p:cNvSpPr/>
              <p:nvPr/>
            </p:nvSpPr>
            <p:spPr bwMode="auto">
              <a:xfrm>
                <a:off x="4657725" y="946151"/>
                <a:ext cx="2151063" cy="1825625"/>
              </a:xfrm>
              <a:custGeom>
                <a:avLst/>
                <a:gdLst>
                  <a:gd name="T0" fmla="*/ 848 w 1696"/>
                  <a:gd name="T1" fmla="*/ 0 h 1440"/>
                  <a:gd name="T2" fmla="*/ 0 w 1696"/>
                  <a:gd name="T3" fmla="*/ 848 h 1440"/>
                  <a:gd name="T4" fmla="*/ 241 w 1696"/>
                  <a:gd name="T5" fmla="*/ 1440 h 1440"/>
                  <a:gd name="T6" fmla="*/ 718 w 1696"/>
                  <a:gd name="T7" fmla="*/ 1209 h 1440"/>
                  <a:gd name="T8" fmla="*/ 464 w 1696"/>
                  <a:gd name="T9" fmla="*/ 848 h 1440"/>
                  <a:gd name="T10" fmla="*/ 848 w 1696"/>
                  <a:gd name="T11" fmla="*/ 464 h 1440"/>
                  <a:gd name="T12" fmla="*/ 1232 w 1696"/>
                  <a:gd name="T13" fmla="*/ 848 h 1440"/>
                  <a:gd name="T14" fmla="*/ 1213 w 1696"/>
                  <a:gd name="T15" fmla="*/ 966 h 1440"/>
                  <a:gd name="T16" fmla="*/ 1293 w 1696"/>
                  <a:gd name="T17" fmla="*/ 966 h 1440"/>
                  <a:gd name="T18" fmla="*/ 1293 w 1696"/>
                  <a:gd name="T19" fmla="*/ 1062 h 1440"/>
                  <a:gd name="T20" fmla="*/ 1669 w 1696"/>
                  <a:gd name="T21" fmla="*/ 1062 h 1440"/>
                  <a:gd name="T22" fmla="*/ 1696 w 1696"/>
                  <a:gd name="T23" fmla="*/ 848 h 1440"/>
                  <a:gd name="T24" fmla="*/ 848 w 1696"/>
                  <a:gd name="T25" fmla="*/ 0 h 14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1696" h="1440">
                    <a:moveTo>
                      <a:pt x="848" y="0"/>
                    </a:moveTo>
                    <a:cubicBezTo>
                      <a:pt x="380" y="0"/>
                      <a:pt x="0" y="380"/>
                      <a:pt x="0" y="848"/>
                    </a:cubicBezTo>
                    <a:cubicBezTo>
                      <a:pt x="0" y="1078"/>
                      <a:pt x="92" y="1287"/>
                      <a:pt x="241" y="1440"/>
                    </a:cubicBezTo>
                    <a:cubicBezTo>
                      <a:pt x="374" y="1315"/>
                      <a:pt x="540" y="1235"/>
                      <a:pt x="718" y="1209"/>
                    </a:cubicBezTo>
                    <a:cubicBezTo>
                      <a:pt x="570" y="1156"/>
                      <a:pt x="464" y="1014"/>
                      <a:pt x="464" y="848"/>
                    </a:cubicBezTo>
                    <a:cubicBezTo>
                      <a:pt x="464" y="636"/>
                      <a:pt x="636" y="464"/>
                      <a:pt x="848" y="464"/>
                    </a:cubicBezTo>
                    <a:cubicBezTo>
                      <a:pt x="1060" y="464"/>
                      <a:pt x="1232" y="636"/>
                      <a:pt x="1232" y="848"/>
                    </a:cubicBezTo>
                    <a:cubicBezTo>
                      <a:pt x="1232" y="889"/>
                      <a:pt x="1225" y="929"/>
                      <a:pt x="1213" y="966"/>
                    </a:cubicBezTo>
                    <a:cubicBezTo>
                      <a:pt x="1293" y="966"/>
                      <a:pt x="1293" y="966"/>
                      <a:pt x="1293" y="966"/>
                    </a:cubicBezTo>
                    <a:cubicBezTo>
                      <a:pt x="1293" y="1062"/>
                      <a:pt x="1293" y="1062"/>
                      <a:pt x="1293" y="1062"/>
                    </a:cubicBezTo>
                    <a:cubicBezTo>
                      <a:pt x="1669" y="1062"/>
                      <a:pt x="1669" y="1062"/>
                      <a:pt x="1669" y="1062"/>
                    </a:cubicBezTo>
                    <a:cubicBezTo>
                      <a:pt x="1687" y="994"/>
                      <a:pt x="1696" y="922"/>
                      <a:pt x="1696" y="848"/>
                    </a:cubicBezTo>
                    <a:cubicBezTo>
                      <a:pt x="1696" y="380"/>
                      <a:pt x="1316" y="0"/>
                      <a:pt x="848" y="0"/>
                    </a:cubicBezTo>
                    <a:close/>
                  </a:path>
                </a:pathLst>
              </a:custGeom>
              <a:solidFill>
                <a:srgbClr val="288DBB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  <p:grpSp>
          <p:nvGrpSpPr>
            <p:cNvPr id="88" name="Group 13"/>
            <p:cNvGrpSpPr/>
            <p:nvPr userDrawn="1"/>
          </p:nvGrpSpPr>
          <p:grpSpPr>
            <a:xfrm>
              <a:off x="6240781" y="3111502"/>
              <a:ext cx="2434167" cy="3215217"/>
              <a:chOff x="4657725" y="2257426"/>
              <a:chExt cx="1825625" cy="2411413"/>
            </a:xfrm>
          </p:grpSpPr>
          <p:sp>
            <p:nvSpPr>
              <p:cNvPr id="99" name="Freeform 24"/>
              <p:cNvSpPr/>
              <p:nvPr/>
            </p:nvSpPr>
            <p:spPr bwMode="auto">
              <a:xfrm>
                <a:off x="5753100" y="2257426"/>
                <a:ext cx="593725" cy="1146175"/>
              </a:xfrm>
              <a:custGeom>
                <a:avLst/>
                <a:gdLst>
                  <a:gd name="T0" fmla="*/ 0 w 468"/>
                  <a:gd name="T1" fmla="*/ 55 h 904"/>
                  <a:gd name="T2" fmla="*/ 57 w 468"/>
                  <a:gd name="T3" fmla="*/ 30 h 904"/>
                  <a:gd name="T4" fmla="*/ 436 w 468"/>
                  <a:gd name="T5" fmla="*/ 397 h 904"/>
                  <a:gd name="T6" fmla="*/ 436 w 468"/>
                  <a:gd name="T7" fmla="*/ 508 h 904"/>
                  <a:gd name="T8" fmla="*/ 57 w 468"/>
                  <a:gd name="T9" fmla="*/ 874 h 904"/>
                  <a:gd name="T10" fmla="*/ 0 w 468"/>
                  <a:gd name="T11" fmla="*/ 849 h 904"/>
                  <a:gd name="T12" fmla="*/ 0 w 468"/>
                  <a:gd name="T13" fmla="*/ 55 h 9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468" h="904">
                    <a:moveTo>
                      <a:pt x="0" y="55"/>
                    </a:moveTo>
                    <a:cubicBezTo>
                      <a:pt x="0" y="11"/>
                      <a:pt x="26" y="0"/>
                      <a:pt x="57" y="30"/>
                    </a:cubicBezTo>
                    <a:cubicBezTo>
                      <a:pt x="436" y="397"/>
                      <a:pt x="436" y="397"/>
                      <a:pt x="436" y="397"/>
                    </a:cubicBezTo>
                    <a:cubicBezTo>
                      <a:pt x="468" y="427"/>
                      <a:pt x="468" y="477"/>
                      <a:pt x="436" y="508"/>
                    </a:cubicBezTo>
                    <a:cubicBezTo>
                      <a:pt x="57" y="874"/>
                      <a:pt x="57" y="874"/>
                      <a:pt x="57" y="874"/>
                    </a:cubicBezTo>
                    <a:cubicBezTo>
                      <a:pt x="26" y="904"/>
                      <a:pt x="0" y="893"/>
                      <a:pt x="0" y="849"/>
                    </a:cubicBezTo>
                    <a:lnTo>
                      <a:pt x="0" y="55"/>
                    </a:lnTo>
                    <a:close/>
                  </a:path>
                </a:pathLst>
              </a:custGeom>
              <a:solidFill>
                <a:srgbClr val="FDB52D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100" name="Freeform 25"/>
              <p:cNvSpPr/>
              <p:nvPr/>
            </p:nvSpPr>
            <p:spPr bwMode="auto">
              <a:xfrm>
                <a:off x="4657725" y="2517776"/>
                <a:ext cx="1825625" cy="2151063"/>
              </a:xfrm>
              <a:custGeom>
                <a:avLst/>
                <a:gdLst>
                  <a:gd name="T0" fmla="*/ 1209 w 1440"/>
                  <a:gd name="T1" fmla="*/ 978 h 1696"/>
                  <a:gd name="T2" fmla="*/ 848 w 1440"/>
                  <a:gd name="T3" fmla="*/ 1232 h 1696"/>
                  <a:gd name="T4" fmla="*/ 464 w 1440"/>
                  <a:gd name="T5" fmla="*/ 848 h 1696"/>
                  <a:gd name="T6" fmla="*/ 848 w 1440"/>
                  <a:gd name="T7" fmla="*/ 464 h 1696"/>
                  <a:gd name="T8" fmla="*/ 969 w 1440"/>
                  <a:gd name="T9" fmla="*/ 483 h 1696"/>
                  <a:gd name="T10" fmla="*/ 969 w 1440"/>
                  <a:gd name="T11" fmla="*/ 9 h 1696"/>
                  <a:gd name="T12" fmla="*/ 848 w 1440"/>
                  <a:gd name="T13" fmla="*/ 0 h 1696"/>
                  <a:gd name="T14" fmla="*/ 0 w 1440"/>
                  <a:gd name="T15" fmla="*/ 848 h 1696"/>
                  <a:gd name="T16" fmla="*/ 848 w 1440"/>
                  <a:gd name="T17" fmla="*/ 1696 h 1696"/>
                  <a:gd name="T18" fmla="*/ 1440 w 1440"/>
                  <a:gd name="T19" fmla="*/ 1455 h 1696"/>
                  <a:gd name="T20" fmla="*/ 1209 w 1440"/>
                  <a:gd name="T21" fmla="*/ 978 h 169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1440" h="1696">
                    <a:moveTo>
                      <a:pt x="1209" y="978"/>
                    </a:moveTo>
                    <a:cubicBezTo>
                      <a:pt x="1156" y="1126"/>
                      <a:pt x="1014" y="1232"/>
                      <a:pt x="848" y="1232"/>
                    </a:cubicBezTo>
                    <a:cubicBezTo>
                      <a:pt x="636" y="1232"/>
                      <a:pt x="464" y="1060"/>
                      <a:pt x="464" y="848"/>
                    </a:cubicBezTo>
                    <a:cubicBezTo>
                      <a:pt x="464" y="636"/>
                      <a:pt x="636" y="464"/>
                      <a:pt x="848" y="464"/>
                    </a:cubicBezTo>
                    <a:cubicBezTo>
                      <a:pt x="890" y="464"/>
                      <a:pt x="931" y="471"/>
                      <a:pt x="969" y="483"/>
                    </a:cubicBezTo>
                    <a:cubicBezTo>
                      <a:pt x="969" y="9"/>
                      <a:pt x="969" y="9"/>
                      <a:pt x="969" y="9"/>
                    </a:cubicBezTo>
                    <a:cubicBezTo>
                      <a:pt x="929" y="3"/>
                      <a:pt x="889" y="0"/>
                      <a:pt x="848" y="0"/>
                    </a:cubicBezTo>
                    <a:cubicBezTo>
                      <a:pt x="380" y="0"/>
                      <a:pt x="0" y="380"/>
                      <a:pt x="0" y="848"/>
                    </a:cubicBezTo>
                    <a:cubicBezTo>
                      <a:pt x="0" y="1316"/>
                      <a:pt x="380" y="1696"/>
                      <a:pt x="848" y="1696"/>
                    </a:cubicBezTo>
                    <a:cubicBezTo>
                      <a:pt x="1078" y="1696"/>
                      <a:pt x="1287" y="1604"/>
                      <a:pt x="1440" y="1455"/>
                    </a:cubicBezTo>
                    <a:cubicBezTo>
                      <a:pt x="1315" y="1322"/>
                      <a:pt x="1235" y="1156"/>
                      <a:pt x="1209" y="978"/>
                    </a:cubicBezTo>
                    <a:close/>
                  </a:path>
                </a:pathLst>
              </a:custGeom>
              <a:solidFill>
                <a:srgbClr val="FDB52D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  <p:grpSp>
          <p:nvGrpSpPr>
            <p:cNvPr id="89" name="Group 14"/>
            <p:cNvGrpSpPr/>
            <p:nvPr userDrawn="1"/>
          </p:nvGrpSpPr>
          <p:grpSpPr>
            <a:xfrm>
              <a:off x="7967980" y="3892551"/>
              <a:ext cx="3236384" cy="2434167"/>
              <a:chOff x="5953125" y="2843213"/>
              <a:chExt cx="2427288" cy="1825625"/>
            </a:xfrm>
          </p:grpSpPr>
          <p:sp>
            <p:nvSpPr>
              <p:cNvPr id="97" name="Freeform 22"/>
              <p:cNvSpPr/>
              <p:nvPr/>
            </p:nvSpPr>
            <p:spPr bwMode="auto">
              <a:xfrm>
                <a:off x="5953125" y="2989263"/>
                <a:ext cx="1146175" cy="593725"/>
              </a:xfrm>
              <a:custGeom>
                <a:avLst/>
                <a:gdLst>
                  <a:gd name="T0" fmla="*/ 55 w 904"/>
                  <a:gd name="T1" fmla="*/ 468 h 468"/>
                  <a:gd name="T2" fmla="*/ 30 w 904"/>
                  <a:gd name="T3" fmla="*/ 411 h 468"/>
                  <a:gd name="T4" fmla="*/ 396 w 904"/>
                  <a:gd name="T5" fmla="*/ 32 h 468"/>
                  <a:gd name="T6" fmla="*/ 507 w 904"/>
                  <a:gd name="T7" fmla="*/ 32 h 468"/>
                  <a:gd name="T8" fmla="*/ 873 w 904"/>
                  <a:gd name="T9" fmla="*/ 411 h 468"/>
                  <a:gd name="T10" fmla="*/ 849 w 904"/>
                  <a:gd name="T11" fmla="*/ 468 h 468"/>
                  <a:gd name="T12" fmla="*/ 55 w 904"/>
                  <a:gd name="T13" fmla="*/ 468 h 46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904" h="468">
                    <a:moveTo>
                      <a:pt x="55" y="468"/>
                    </a:moveTo>
                    <a:cubicBezTo>
                      <a:pt x="11" y="468"/>
                      <a:pt x="0" y="442"/>
                      <a:pt x="30" y="411"/>
                    </a:cubicBezTo>
                    <a:cubicBezTo>
                      <a:pt x="396" y="32"/>
                      <a:pt x="396" y="32"/>
                      <a:pt x="396" y="32"/>
                    </a:cubicBezTo>
                    <a:cubicBezTo>
                      <a:pt x="427" y="0"/>
                      <a:pt x="477" y="0"/>
                      <a:pt x="507" y="32"/>
                    </a:cubicBezTo>
                    <a:cubicBezTo>
                      <a:pt x="873" y="411"/>
                      <a:pt x="873" y="411"/>
                      <a:pt x="873" y="411"/>
                    </a:cubicBezTo>
                    <a:cubicBezTo>
                      <a:pt x="904" y="442"/>
                      <a:pt x="893" y="468"/>
                      <a:pt x="849" y="468"/>
                    </a:cubicBezTo>
                    <a:lnTo>
                      <a:pt x="55" y="468"/>
                    </a:lnTo>
                    <a:close/>
                  </a:path>
                </a:pathLst>
              </a:custGeom>
              <a:solidFill>
                <a:srgbClr val="E04548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98" name="Freeform 23"/>
              <p:cNvSpPr/>
              <p:nvPr/>
            </p:nvSpPr>
            <p:spPr bwMode="auto">
              <a:xfrm>
                <a:off x="6230938" y="2843213"/>
                <a:ext cx="2149475" cy="1825625"/>
              </a:xfrm>
              <a:custGeom>
                <a:avLst/>
                <a:gdLst>
                  <a:gd name="T0" fmla="*/ 978 w 1696"/>
                  <a:gd name="T1" fmla="*/ 231 h 1440"/>
                  <a:gd name="T2" fmla="*/ 1232 w 1696"/>
                  <a:gd name="T3" fmla="*/ 592 h 1440"/>
                  <a:gd name="T4" fmla="*/ 848 w 1696"/>
                  <a:gd name="T5" fmla="*/ 976 h 1440"/>
                  <a:gd name="T6" fmla="*/ 464 w 1696"/>
                  <a:gd name="T7" fmla="*/ 592 h 1440"/>
                  <a:gd name="T8" fmla="*/ 487 w 1696"/>
                  <a:gd name="T9" fmla="*/ 462 h 1440"/>
                  <a:gd name="T10" fmla="*/ 10 w 1696"/>
                  <a:gd name="T11" fmla="*/ 462 h 1440"/>
                  <a:gd name="T12" fmla="*/ 0 w 1696"/>
                  <a:gd name="T13" fmla="*/ 592 h 1440"/>
                  <a:gd name="T14" fmla="*/ 848 w 1696"/>
                  <a:gd name="T15" fmla="*/ 1440 h 1440"/>
                  <a:gd name="T16" fmla="*/ 1696 w 1696"/>
                  <a:gd name="T17" fmla="*/ 592 h 1440"/>
                  <a:gd name="T18" fmla="*/ 1455 w 1696"/>
                  <a:gd name="T19" fmla="*/ 0 h 1440"/>
                  <a:gd name="T20" fmla="*/ 978 w 1696"/>
                  <a:gd name="T21" fmla="*/ 231 h 1440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1696" h="1440">
                    <a:moveTo>
                      <a:pt x="978" y="231"/>
                    </a:moveTo>
                    <a:cubicBezTo>
                      <a:pt x="1126" y="284"/>
                      <a:pt x="1232" y="426"/>
                      <a:pt x="1232" y="592"/>
                    </a:cubicBezTo>
                    <a:cubicBezTo>
                      <a:pt x="1232" y="804"/>
                      <a:pt x="1060" y="976"/>
                      <a:pt x="848" y="976"/>
                    </a:cubicBezTo>
                    <a:cubicBezTo>
                      <a:pt x="636" y="976"/>
                      <a:pt x="464" y="804"/>
                      <a:pt x="464" y="592"/>
                    </a:cubicBezTo>
                    <a:cubicBezTo>
                      <a:pt x="464" y="546"/>
                      <a:pt x="472" y="503"/>
                      <a:pt x="487" y="462"/>
                    </a:cubicBezTo>
                    <a:cubicBezTo>
                      <a:pt x="10" y="462"/>
                      <a:pt x="10" y="462"/>
                      <a:pt x="10" y="462"/>
                    </a:cubicBezTo>
                    <a:cubicBezTo>
                      <a:pt x="3" y="504"/>
                      <a:pt x="0" y="548"/>
                      <a:pt x="0" y="592"/>
                    </a:cubicBezTo>
                    <a:cubicBezTo>
                      <a:pt x="0" y="1060"/>
                      <a:pt x="380" y="1440"/>
                      <a:pt x="848" y="1440"/>
                    </a:cubicBezTo>
                    <a:cubicBezTo>
                      <a:pt x="1316" y="1440"/>
                      <a:pt x="1696" y="1060"/>
                      <a:pt x="1696" y="592"/>
                    </a:cubicBezTo>
                    <a:cubicBezTo>
                      <a:pt x="1696" y="362"/>
                      <a:pt x="1604" y="153"/>
                      <a:pt x="1455" y="0"/>
                    </a:cubicBezTo>
                    <a:cubicBezTo>
                      <a:pt x="1322" y="125"/>
                      <a:pt x="1156" y="205"/>
                      <a:pt x="978" y="231"/>
                    </a:cubicBezTo>
                    <a:close/>
                  </a:path>
                </a:pathLst>
              </a:custGeom>
              <a:solidFill>
                <a:srgbClr val="E04548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  <p:grpSp>
          <p:nvGrpSpPr>
            <p:cNvPr id="90" name="Group 15"/>
            <p:cNvGrpSpPr/>
            <p:nvPr userDrawn="1"/>
          </p:nvGrpSpPr>
          <p:grpSpPr>
            <a:xfrm>
              <a:off x="8770198" y="1363135"/>
              <a:ext cx="2434167" cy="3276600"/>
              <a:chOff x="6554788" y="946151"/>
              <a:chExt cx="1825625" cy="2457450"/>
            </a:xfrm>
          </p:grpSpPr>
          <p:sp>
            <p:nvSpPr>
              <p:cNvPr id="95" name="Freeform 20"/>
              <p:cNvSpPr/>
              <p:nvPr/>
            </p:nvSpPr>
            <p:spPr bwMode="auto">
              <a:xfrm>
                <a:off x="6691313" y="2257426"/>
                <a:ext cx="593725" cy="1146175"/>
              </a:xfrm>
              <a:custGeom>
                <a:avLst/>
                <a:gdLst>
                  <a:gd name="T0" fmla="*/ 468 w 468"/>
                  <a:gd name="T1" fmla="*/ 849 h 904"/>
                  <a:gd name="T2" fmla="*/ 410 w 468"/>
                  <a:gd name="T3" fmla="*/ 874 h 904"/>
                  <a:gd name="T4" fmla="*/ 32 w 468"/>
                  <a:gd name="T5" fmla="*/ 508 h 904"/>
                  <a:gd name="T6" fmla="*/ 32 w 468"/>
                  <a:gd name="T7" fmla="*/ 397 h 904"/>
                  <a:gd name="T8" fmla="*/ 410 w 468"/>
                  <a:gd name="T9" fmla="*/ 30 h 904"/>
                  <a:gd name="T10" fmla="*/ 468 w 468"/>
                  <a:gd name="T11" fmla="*/ 55 h 904"/>
                  <a:gd name="T12" fmla="*/ 468 w 468"/>
                  <a:gd name="T13" fmla="*/ 849 h 904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</a:cxnLst>
                <a:rect l="0" t="0" r="r" b="b"/>
                <a:pathLst>
                  <a:path w="468" h="904">
                    <a:moveTo>
                      <a:pt x="468" y="849"/>
                    </a:moveTo>
                    <a:cubicBezTo>
                      <a:pt x="468" y="893"/>
                      <a:pt x="442" y="904"/>
                      <a:pt x="410" y="874"/>
                    </a:cubicBezTo>
                    <a:cubicBezTo>
                      <a:pt x="32" y="508"/>
                      <a:pt x="32" y="508"/>
                      <a:pt x="32" y="508"/>
                    </a:cubicBezTo>
                    <a:cubicBezTo>
                      <a:pt x="0" y="477"/>
                      <a:pt x="0" y="427"/>
                      <a:pt x="32" y="397"/>
                    </a:cubicBezTo>
                    <a:cubicBezTo>
                      <a:pt x="410" y="30"/>
                      <a:pt x="410" y="30"/>
                      <a:pt x="410" y="30"/>
                    </a:cubicBezTo>
                    <a:cubicBezTo>
                      <a:pt x="442" y="0"/>
                      <a:pt x="468" y="11"/>
                      <a:pt x="468" y="55"/>
                    </a:cubicBezTo>
                    <a:lnTo>
                      <a:pt x="468" y="849"/>
                    </a:lnTo>
                    <a:close/>
                  </a:path>
                </a:pathLst>
              </a:custGeom>
              <a:solidFill>
                <a:srgbClr val="12B19F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  <p:sp>
            <p:nvSpPr>
              <p:cNvPr id="96" name="Freeform 21"/>
              <p:cNvSpPr/>
              <p:nvPr/>
            </p:nvSpPr>
            <p:spPr bwMode="auto">
              <a:xfrm>
                <a:off x="6554788" y="946151"/>
                <a:ext cx="1825625" cy="2151063"/>
              </a:xfrm>
              <a:custGeom>
                <a:avLst/>
                <a:gdLst>
                  <a:gd name="T0" fmla="*/ 592 w 1440"/>
                  <a:gd name="T1" fmla="*/ 0 h 1696"/>
                  <a:gd name="T2" fmla="*/ 0 w 1440"/>
                  <a:gd name="T3" fmla="*/ 241 h 1696"/>
                  <a:gd name="T4" fmla="*/ 231 w 1440"/>
                  <a:gd name="T5" fmla="*/ 718 h 1696"/>
                  <a:gd name="T6" fmla="*/ 592 w 1440"/>
                  <a:gd name="T7" fmla="*/ 464 h 1696"/>
                  <a:gd name="T8" fmla="*/ 976 w 1440"/>
                  <a:gd name="T9" fmla="*/ 848 h 1696"/>
                  <a:gd name="T10" fmla="*/ 592 w 1440"/>
                  <a:gd name="T11" fmla="*/ 1232 h 1696"/>
                  <a:gd name="T12" fmla="*/ 452 w 1440"/>
                  <a:gd name="T13" fmla="*/ 1206 h 1696"/>
                  <a:gd name="T14" fmla="*/ 452 w 1440"/>
                  <a:gd name="T15" fmla="*/ 1300 h 1696"/>
                  <a:gd name="T16" fmla="*/ 389 w 1440"/>
                  <a:gd name="T17" fmla="*/ 1300 h 1696"/>
                  <a:gd name="T18" fmla="*/ 389 w 1440"/>
                  <a:gd name="T19" fmla="*/ 1671 h 1696"/>
                  <a:gd name="T20" fmla="*/ 592 w 1440"/>
                  <a:gd name="T21" fmla="*/ 1696 h 1696"/>
                  <a:gd name="T22" fmla="*/ 1440 w 1440"/>
                  <a:gd name="T23" fmla="*/ 848 h 1696"/>
                  <a:gd name="T24" fmla="*/ 592 w 1440"/>
                  <a:gd name="T25" fmla="*/ 0 h 169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1440" h="1696">
                    <a:moveTo>
                      <a:pt x="592" y="0"/>
                    </a:moveTo>
                    <a:cubicBezTo>
                      <a:pt x="362" y="0"/>
                      <a:pt x="153" y="92"/>
                      <a:pt x="0" y="241"/>
                    </a:cubicBezTo>
                    <a:cubicBezTo>
                      <a:pt x="125" y="374"/>
                      <a:pt x="205" y="540"/>
                      <a:pt x="231" y="718"/>
                    </a:cubicBezTo>
                    <a:cubicBezTo>
                      <a:pt x="284" y="570"/>
                      <a:pt x="426" y="464"/>
                      <a:pt x="592" y="464"/>
                    </a:cubicBezTo>
                    <a:cubicBezTo>
                      <a:pt x="804" y="464"/>
                      <a:pt x="976" y="636"/>
                      <a:pt x="976" y="848"/>
                    </a:cubicBezTo>
                    <a:cubicBezTo>
                      <a:pt x="976" y="1060"/>
                      <a:pt x="804" y="1232"/>
                      <a:pt x="592" y="1232"/>
                    </a:cubicBezTo>
                    <a:cubicBezTo>
                      <a:pt x="543" y="1232"/>
                      <a:pt x="495" y="1223"/>
                      <a:pt x="452" y="1206"/>
                    </a:cubicBezTo>
                    <a:cubicBezTo>
                      <a:pt x="452" y="1300"/>
                      <a:pt x="452" y="1300"/>
                      <a:pt x="452" y="1300"/>
                    </a:cubicBezTo>
                    <a:cubicBezTo>
                      <a:pt x="389" y="1300"/>
                      <a:pt x="389" y="1300"/>
                      <a:pt x="389" y="1300"/>
                    </a:cubicBezTo>
                    <a:cubicBezTo>
                      <a:pt x="389" y="1671"/>
                      <a:pt x="389" y="1671"/>
                      <a:pt x="389" y="1671"/>
                    </a:cubicBezTo>
                    <a:cubicBezTo>
                      <a:pt x="454" y="1687"/>
                      <a:pt x="522" y="1696"/>
                      <a:pt x="592" y="1696"/>
                    </a:cubicBezTo>
                    <a:cubicBezTo>
                      <a:pt x="1060" y="1696"/>
                      <a:pt x="1440" y="1316"/>
                      <a:pt x="1440" y="848"/>
                    </a:cubicBezTo>
                    <a:cubicBezTo>
                      <a:pt x="1440" y="380"/>
                      <a:pt x="1060" y="0"/>
                      <a:pt x="592" y="0"/>
                    </a:cubicBezTo>
                    <a:close/>
                  </a:path>
                </a:pathLst>
              </a:custGeom>
              <a:solidFill>
                <a:srgbClr val="12B19F"/>
              </a:solidFill>
              <a:ln>
                <a:noFill/>
              </a:ln>
            </p:spPr>
            <p:txBody>
              <a:bodyPr vert="horz" wrap="square" lIns="52932" tIns="26467" rIns="52932" bIns="26467" numCol="1" anchor="t" anchorCtr="0" compatLnSpc="1"/>
              <a:lstStyle/>
              <a:p>
                <a:pPr algn="just">
                  <a:lnSpc>
                    <a:spcPct val="120000"/>
                  </a:lnSpc>
                </a:pPr>
                <a:endParaRPr lang="en-US" sz="1645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endParaRPr>
              </a:p>
            </p:txBody>
          </p:sp>
        </p:grpSp>
        <p:sp>
          <p:nvSpPr>
            <p:cNvPr id="91" name="TextBox 16"/>
            <p:cNvSpPr txBox="1"/>
            <p:nvPr userDrawn="1"/>
          </p:nvSpPr>
          <p:spPr>
            <a:xfrm rot="18920653">
              <a:off x="6614389" y="1959675"/>
              <a:ext cx="1084827" cy="451405"/>
            </a:xfrm>
            <a:prstGeom prst="rect">
              <a:avLst/>
            </a:prstGeom>
            <a:noFill/>
          </p:spPr>
          <p:txBody>
            <a:bodyPr wrap="none" rtlCol="0" anchor="ctr">
              <a:prstTxWarp prst="textArchUp">
                <a:avLst/>
              </a:prstTxWarp>
              <a:spAutoFit/>
            </a:bodyPr>
            <a:lstStyle/>
            <a:p>
              <a:pPr algn="just">
                <a:lnSpc>
                  <a:spcPct val="120000"/>
                </a:lnSpc>
              </a:pPr>
              <a:r>
                <a:rPr lang="zh-CN" altLang="en-US" sz="1645" b="1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文字内容</a:t>
              </a:r>
              <a:endParaRPr lang="id-ID" sz="1645" b="1" dirty="0">
                <a:solidFill>
                  <a:schemeClr val="bg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2" name="TextBox 17"/>
            <p:cNvSpPr txBox="1"/>
            <p:nvPr userDrawn="1"/>
          </p:nvSpPr>
          <p:spPr>
            <a:xfrm rot="2904439">
              <a:off x="9713530" y="2071950"/>
              <a:ext cx="1348425" cy="451405"/>
            </a:xfrm>
            <a:prstGeom prst="rect">
              <a:avLst/>
            </a:prstGeom>
            <a:noFill/>
          </p:spPr>
          <p:txBody>
            <a:bodyPr wrap="none" rtlCol="0" anchor="ctr">
              <a:prstTxWarp prst="textArchUp">
                <a:avLst/>
              </a:prstTxWarp>
              <a:spAutoFit/>
            </a:bodyPr>
            <a:lstStyle/>
            <a:p>
              <a:pPr algn="just">
                <a:lnSpc>
                  <a:spcPct val="120000"/>
                </a:lnSpc>
              </a:pPr>
              <a:r>
                <a:rPr lang="zh-CN" altLang="en-US" sz="1645" b="1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文字内容</a:t>
              </a:r>
              <a:endParaRPr lang="id-ID" sz="1645" b="1" dirty="0">
                <a:solidFill>
                  <a:schemeClr val="bg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3" name="TextBox 18"/>
            <p:cNvSpPr txBox="1"/>
            <p:nvPr userDrawn="1"/>
          </p:nvSpPr>
          <p:spPr>
            <a:xfrm rot="3328205">
              <a:off x="6381839" y="5171931"/>
              <a:ext cx="1276620" cy="451405"/>
            </a:xfrm>
            <a:prstGeom prst="rect">
              <a:avLst/>
            </a:prstGeom>
            <a:noFill/>
          </p:spPr>
          <p:txBody>
            <a:bodyPr wrap="none" rtlCol="0" anchor="ctr">
              <a:prstTxWarp prst="textArchDown">
                <a:avLst/>
              </a:prstTxWarp>
              <a:spAutoFit/>
            </a:bodyPr>
            <a:lstStyle/>
            <a:p>
              <a:pPr algn="just">
                <a:lnSpc>
                  <a:spcPct val="120000"/>
                </a:lnSpc>
              </a:pPr>
              <a:r>
                <a:rPr lang="zh-CN" altLang="en-US" sz="1645" b="1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文字内容</a:t>
              </a:r>
              <a:endParaRPr lang="id-ID" sz="1645" b="1" dirty="0">
                <a:solidFill>
                  <a:schemeClr val="bg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  <p:sp>
          <p:nvSpPr>
            <p:cNvPr id="94" name="TextBox 19"/>
            <p:cNvSpPr txBox="1"/>
            <p:nvPr userDrawn="1"/>
          </p:nvSpPr>
          <p:spPr>
            <a:xfrm rot="18872992">
              <a:off x="9524091" y="5259067"/>
              <a:ext cx="1436559" cy="451405"/>
            </a:xfrm>
            <a:prstGeom prst="rect">
              <a:avLst/>
            </a:prstGeom>
            <a:noFill/>
          </p:spPr>
          <p:txBody>
            <a:bodyPr wrap="none" rtlCol="0" anchor="ctr">
              <a:prstTxWarp prst="textArchDown">
                <a:avLst/>
              </a:prstTxWarp>
              <a:spAutoFit/>
            </a:bodyPr>
            <a:lstStyle/>
            <a:p>
              <a:pPr algn="just">
                <a:lnSpc>
                  <a:spcPct val="120000"/>
                </a:lnSpc>
              </a:pPr>
              <a:r>
                <a:rPr lang="zh-CN" altLang="en-US" sz="1645" b="1" dirty="0">
                  <a:solidFill>
                    <a:schemeClr val="bg1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+mn-ea"/>
                  <a:sym typeface="Arial" panose="020B0604020202020204" pitchFamily="34" charset="0"/>
                </a:rPr>
                <a:t>文字内容</a:t>
              </a:r>
              <a:endParaRPr lang="id-ID" sz="1645" b="1" dirty="0">
                <a:solidFill>
                  <a:schemeClr val="bg1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+mn-ea"/>
                <a:sym typeface="Arial" panose="020B0604020202020204" pitchFamily="34" charset="0"/>
              </a:endParaRPr>
            </a:p>
          </p:txBody>
        </p:sp>
      </p:grpSp>
      <p:sp>
        <p:nvSpPr>
          <p:cNvPr id="107" name="文本框 106"/>
          <p:cNvSpPr txBox="1"/>
          <p:nvPr/>
        </p:nvSpPr>
        <p:spPr>
          <a:xfrm>
            <a:off x="947242" y="2643423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8" name="文本框 107"/>
          <p:cNvSpPr txBox="1"/>
          <p:nvPr/>
        </p:nvSpPr>
        <p:spPr>
          <a:xfrm>
            <a:off x="947242" y="487760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09" name="文本框 108"/>
          <p:cNvSpPr txBox="1"/>
          <p:nvPr/>
        </p:nvSpPr>
        <p:spPr>
          <a:xfrm>
            <a:off x="8842392" y="2654049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10" name="文本框 109"/>
          <p:cNvSpPr txBox="1"/>
          <p:nvPr/>
        </p:nvSpPr>
        <p:spPr>
          <a:xfrm>
            <a:off x="8842392" y="4867906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0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10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0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175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07" grpId="0"/>
      <p:bldP spid="108" grpId="0"/>
      <p:bldP spid="109" grpId="0"/>
      <p:bldP spid="110" grpId="0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22" name="Rounded Rectangle 30"/>
          <p:cNvSpPr/>
          <p:nvPr/>
        </p:nvSpPr>
        <p:spPr>
          <a:xfrm>
            <a:off x="622572" y="2206415"/>
            <a:ext cx="10946856" cy="3848900"/>
          </a:xfrm>
          <a:prstGeom prst="roundRect">
            <a:avLst>
              <a:gd name="adj" fmla="val 5228"/>
            </a:avLst>
          </a:prstGeom>
          <a:noFill/>
          <a:ln w="28575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2135" dirty="0">
              <a:solidFill>
                <a:srgbClr val="237DB9"/>
              </a:solidFill>
              <a:latin typeface="Agency FB" panose="020B0503020202020204" pitchFamily="34" charset="0"/>
            </a:endParaRPr>
          </a:p>
        </p:txBody>
      </p:sp>
      <p:cxnSp>
        <p:nvCxnSpPr>
          <p:cNvPr id="123" name="Straight Connector 33"/>
          <p:cNvCxnSpPr/>
          <p:nvPr/>
        </p:nvCxnSpPr>
        <p:spPr>
          <a:xfrm rot="16200000">
            <a:off x="3021121" y="3348476"/>
            <a:ext cx="786315" cy="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4" name="Sev01"/>
          <p:cNvSpPr/>
          <p:nvPr/>
        </p:nvSpPr>
        <p:spPr>
          <a:xfrm>
            <a:off x="1390488" y="2669021"/>
            <a:ext cx="1358909" cy="1358907"/>
          </a:xfrm>
          <a:prstGeom prst="ellipse">
            <a:avLst/>
          </a:prstGeom>
          <a:solidFill>
            <a:srgbClr val="288DBB"/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5335" dirty="0">
              <a:solidFill>
                <a:srgbClr val="237DB9">
                  <a:lumMod val="50000"/>
                </a:srgbClr>
              </a:solidFill>
              <a:latin typeface="Agency FB" panose="020B0503020202020204" pitchFamily="34" charset="0"/>
            </a:endParaRPr>
          </a:p>
        </p:txBody>
      </p:sp>
      <p:sp>
        <p:nvSpPr>
          <p:cNvPr id="125" name="Sev02"/>
          <p:cNvSpPr/>
          <p:nvPr/>
        </p:nvSpPr>
        <p:spPr>
          <a:xfrm>
            <a:off x="4089627" y="2669021"/>
            <a:ext cx="1358909" cy="1358907"/>
          </a:xfrm>
          <a:prstGeom prst="ellipse">
            <a:avLst/>
          </a:prstGeom>
          <a:solidFill>
            <a:srgbClr val="12B19F"/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8000" dirty="0">
              <a:solidFill>
                <a:srgbClr val="15AA96">
                  <a:lumMod val="50000"/>
                </a:srgbClr>
              </a:solidFill>
              <a:latin typeface="Agency FB" panose="020B0503020202020204" pitchFamily="34" charset="0"/>
            </a:endParaRPr>
          </a:p>
        </p:txBody>
      </p:sp>
      <p:sp>
        <p:nvSpPr>
          <p:cNvPr id="126" name="Sev03"/>
          <p:cNvSpPr/>
          <p:nvPr/>
        </p:nvSpPr>
        <p:spPr>
          <a:xfrm>
            <a:off x="6805236" y="2669021"/>
            <a:ext cx="1358909" cy="1358907"/>
          </a:xfrm>
          <a:prstGeom prst="ellipse">
            <a:avLst/>
          </a:prstGeom>
          <a:solidFill>
            <a:srgbClr val="E04548"/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5335" dirty="0">
              <a:solidFill>
                <a:srgbClr val="9BB955">
                  <a:lumMod val="50000"/>
                </a:srgbClr>
              </a:solidFill>
              <a:latin typeface="Agency FB" panose="020B0503020202020204" pitchFamily="34" charset="0"/>
              <a:cs typeface="+mj-cs"/>
            </a:endParaRPr>
          </a:p>
        </p:txBody>
      </p:sp>
      <p:sp>
        <p:nvSpPr>
          <p:cNvPr id="127" name="Sev04"/>
          <p:cNvSpPr/>
          <p:nvPr/>
        </p:nvSpPr>
        <p:spPr>
          <a:xfrm>
            <a:off x="9455003" y="2669021"/>
            <a:ext cx="1358909" cy="1358907"/>
          </a:xfrm>
          <a:prstGeom prst="ellipse">
            <a:avLst/>
          </a:prstGeom>
          <a:solidFill>
            <a:srgbClr val="FDB52D"/>
          </a:solidFill>
          <a:ln w="285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1375410"/>
            <a:endParaRPr lang="en-US" sz="5335" dirty="0">
              <a:solidFill>
                <a:srgbClr val="F19B14">
                  <a:lumMod val="50000"/>
                </a:srgbClr>
              </a:solidFill>
              <a:latin typeface="Agency FB" panose="020B0503020202020204" pitchFamily="34" charset="0"/>
            </a:endParaRPr>
          </a:p>
        </p:txBody>
      </p:sp>
      <p:sp>
        <p:nvSpPr>
          <p:cNvPr id="128" name="Freeform 52"/>
          <p:cNvSpPr>
            <a:spLocks noEditPoints="1"/>
          </p:cNvSpPr>
          <p:nvPr/>
        </p:nvSpPr>
        <p:spPr bwMode="auto">
          <a:xfrm>
            <a:off x="9825662" y="3016255"/>
            <a:ext cx="617591" cy="664441"/>
          </a:xfrm>
          <a:custGeom>
            <a:avLst/>
            <a:gdLst/>
            <a:ahLst/>
            <a:cxnLst>
              <a:cxn ang="0">
                <a:pos x="67" y="67"/>
              </a:cxn>
              <a:cxn ang="0">
                <a:pos x="61" y="72"/>
              </a:cxn>
              <a:cxn ang="0">
                <a:pos x="5" y="72"/>
              </a:cxn>
              <a:cxn ang="0">
                <a:pos x="0" y="67"/>
              </a:cxn>
              <a:cxn ang="0">
                <a:pos x="0" y="16"/>
              </a:cxn>
              <a:cxn ang="0">
                <a:pos x="5" y="11"/>
              </a:cxn>
              <a:cxn ang="0">
                <a:pos x="10" y="11"/>
              </a:cxn>
              <a:cxn ang="0">
                <a:pos x="10" y="7"/>
              </a:cxn>
              <a:cxn ang="0">
                <a:pos x="16" y="0"/>
              </a:cxn>
              <a:cxn ang="0">
                <a:pos x="19" y="0"/>
              </a:cxn>
              <a:cxn ang="0">
                <a:pos x="25" y="7"/>
              </a:cxn>
              <a:cxn ang="0">
                <a:pos x="25" y="11"/>
              </a:cxn>
              <a:cxn ang="0">
                <a:pos x="41" y="11"/>
              </a:cxn>
              <a:cxn ang="0">
                <a:pos x="41" y="7"/>
              </a:cxn>
              <a:cxn ang="0">
                <a:pos x="47" y="0"/>
              </a:cxn>
              <a:cxn ang="0">
                <a:pos x="50" y="0"/>
              </a:cxn>
              <a:cxn ang="0">
                <a:pos x="56" y="7"/>
              </a:cxn>
              <a:cxn ang="0">
                <a:pos x="56" y="11"/>
              </a:cxn>
              <a:cxn ang="0">
                <a:pos x="61" y="11"/>
              </a:cxn>
              <a:cxn ang="0">
                <a:pos x="67" y="16"/>
              </a:cxn>
              <a:cxn ang="0">
                <a:pos x="67" y="67"/>
              </a:cxn>
              <a:cxn ang="0">
                <a:pos x="61" y="67"/>
              </a:cxn>
              <a:cxn ang="0">
                <a:pos x="61" y="26"/>
              </a:cxn>
              <a:cxn ang="0">
                <a:pos x="5" y="26"/>
              </a:cxn>
              <a:cxn ang="0">
                <a:pos x="5" y="67"/>
              </a:cxn>
              <a:cxn ang="0">
                <a:pos x="61" y="67"/>
              </a:cxn>
              <a:cxn ang="0">
                <a:pos x="20" y="7"/>
              </a:cxn>
              <a:cxn ang="0">
                <a:pos x="19" y="5"/>
              </a:cxn>
              <a:cxn ang="0">
                <a:pos x="16" y="5"/>
              </a:cxn>
              <a:cxn ang="0">
                <a:pos x="15" y="7"/>
              </a:cxn>
              <a:cxn ang="0">
                <a:pos x="15" y="18"/>
              </a:cxn>
              <a:cxn ang="0">
                <a:pos x="16" y="20"/>
              </a:cxn>
              <a:cxn ang="0">
                <a:pos x="19" y="20"/>
              </a:cxn>
              <a:cxn ang="0">
                <a:pos x="20" y="18"/>
              </a:cxn>
              <a:cxn ang="0">
                <a:pos x="20" y="7"/>
              </a:cxn>
              <a:cxn ang="0">
                <a:pos x="51" y="7"/>
              </a:cxn>
              <a:cxn ang="0">
                <a:pos x="50" y="5"/>
              </a:cxn>
              <a:cxn ang="0">
                <a:pos x="47" y="5"/>
              </a:cxn>
              <a:cxn ang="0">
                <a:pos x="46" y="7"/>
              </a:cxn>
              <a:cxn ang="0">
                <a:pos x="46" y="18"/>
              </a:cxn>
              <a:cxn ang="0">
                <a:pos x="47" y="20"/>
              </a:cxn>
              <a:cxn ang="0">
                <a:pos x="50" y="20"/>
              </a:cxn>
              <a:cxn ang="0">
                <a:pos x="51" y="18"/>
              </a:cxn>
              <a:cxn ang="0">
                <a:pos x="51" y="7"/>
              </a:cxn>
            </a:cxnLst>
            <a:rect l="0" t="0" r="r" b="b"/>
            <a:pathLst>
              <a:path w="67" h="72">
                <a:moveTo>
                  <a:pt x="67" y="67"/>
                </a:moveTo>
                <a:cubicBezTo>
                  <a:pt x="67" y="70"/>
                  <a:pt x="64" y="72"/>
                  <a:pt x="61" y="72"/>
                </a:cubicBezTo>
                <a:cubicBezTo>
                  <a:pt x="5" y="72"/>
                  <a:pt x="5" y="72"/>
                  <a:pt x="5" y="72"/>
                </a:cubicBezTo>
                <a:cubicBezTo>
                  <a:pt x="2" y="72"/>
                  <a:pt x="0" y="70"/>
                  <a:pt x="0" y="67"/>
                </a:cubicBezTo>
                <a:cubicBezTo>
                  <a:pt x="0" y="16"/>
                  <a:pt x="0" y="16"/>
                  <a:pt x="0" y="16"/>
                </a:cubicBezTo>
                <a:cubicBezTo>
                  <a:pt x="0" y="13"/>
                  <a:pt x="2" y="11"/>
                  <a:pt x="5" y="11"/>
                </a:cubicBezTo>
                <a:cubicBezTo>
                  <a:pt x="10" y="11"/>
                  <a:pt x="10" y="11"/>
                  <a:pt x="10" y="11"/>
                </a:cubicBezTo>
                <a:cubicBezTo>
                  <a:pt x="10" y="7"/>
                  <a:pt x="10" y="7"/>
                  <a:pt x="10" y="7"/>
                </a:cubicBezTo>
                <a:cubicBezTo>
                  <a:pt x="10" y="3"/>
                  <a:pt x="13" y="0"/>
                  <a:pt x="16" y="0"/>
                </a:cubicBezTo>
                <a:cubicBezTo>
                  <a:pt x="19" y="0"/>
                  <a:pt x="19" y="0"/>
                  <a:pt x="19" y="0"/>
                </a:cubicBezTo>
                <a:cubicBezTo>
                  <a:pt x="23" y="0"/>
                  <a:pt x="25" y="3"/>
                  <a:pt x="25" y="7"/>
                </a:cubicBezTo>
                <a:cubicBezTo>
                  <a:pt x="25" y="11"/>
                  <a:pt x="25" y="11"/>
                  <a:pt x="25" y="11"/>
                </a:cubicBezTo>
                <a:cubicBezTo>
                  <a:pt x="41" y="11"/>
                  <a:pt x="41" y="11"/>
                  <a:pt x="41" y="11"/>
                </a:cubicBezTo>
                <a:cubicBezTo>
                  <a:pt x="41" y="7"/>
                  <a:pt x="41" y="7"/>
                  <a:pt x="41" y="7"/>
                </a:cubicBezTo>
                <a:cubicBezTo>
                  <a:pt x="41" y="3"/>
                  <a:pt x="44" y="0"/>
                  <a:pt x="47" y="0"/>
                </a:cubicBezTo>
                <a:cubicBezTo>
                  <a:pt x="50" y="0"/>
                  <a:pt x="50" y="0"/>
                  <a:pt x="50" y="0"/>
                </a:cubicBezTo>
                <a:cubicBezTo>
                  <a:pt x="53" y="0"/>
                  <a:pt x="56" y="3"/>
                  <a:pt x="56" y="7"/>
                </a:cubicBezTo>
                <a:cubicBezTo>
                  <a:pt x="56" y="11"/>
                  <a:pt x="56" y="11"/>
                  <a:pt x="56" y="11"/>
                </a:cubicBezTo>
                <a:cubicBezTo>
                  <a:pt x="61" y="11"/>
                  <a:pt x="61" y="11"/>
                  <a:pt x="61" y="11"/>
                </a:cubicBezTo>
                <a:cubicBezTo>
                  <a:pt x="64" y="11"/>
                  <a:pt x="67" y="13"/>
                  <a:pt x="67" y="16"/>
                </a:cubicBezTo>
                <a:lnTo>
                  <a:pt x="67" y="67"/>
                </a:lnTo>
                <a:close/>
                <a:moveTo>
                  <a:pt x="61" y="67"/>
                </a:moveTo>
                <a:cubicBezTo>
                  <a:pt x="61" y="26"/>
                  <a:pt x="61" y="26"/>
                  <a:pt x="61" y="26"/>
                </a:cubicBezTo>
                <a:cubicBezTo>
                  <a:pt x="5" y="26"/>
                  <a:pt x="5" y="26"/>
                  <a:pt x="5" y="26"/>
                </a:cubicBezTo>
                <a:cubicBezTo>
                  <a:pt x="5" y="67"/>
                  <a:pt x="5" y="67"/>
                  <a:pt x="5" y="67"/>
                </a:cubicBezTo>
                <a:lnTo>
                  <a:pt x="61" y="67"/>
                </a:lnTo>
                <a:close/>
                <a:moveTo>
                  <a:pt x="20" y="7"/>
                </a:moveTo>
                <a:cubicBezTo>
                  <a:pt x="20" y="6"/>
                  <a:pt x="20" y="5"/>
                  <a:pt x="19" y="5"/>
                </a:cubicBezTo>
                <a:cubicBezTo>
                  <a:pt x="16" y="5"/>
                  <a:pt x="16" y="5"/>
                  <a:pt x="16" y="5"/>
                </a:cubicBezTo>
                <a:cubicBezTo>
                  <a:pt x="16" y="5"/>
                  <a:pt x="15" y="6"/>
                  <a:pt x="15" y="7"/>
                </a:cubicBezTo>
                <a:cubicBezTo>
                  <a:pt x="15" y="18"/>
                  <a:pt x="15" y="18"/>
                  <a:pt x="15" y="18"/>
                </a:cubicBezTo>
                <a:cubicBezTo>
                  <a:pt x="15" y="19"/>
                  <a:pt x="16" y="20"/>
                  <a:pt x="16" y="20"/>
                </a:cubicBezTo>
                <a:cubicBezTo>
                  <a:pt x="19" y="20"/>
                  <a:pt x="19" y="20"/>
                  <a:pt x="19" y="20"/>
                </a:cubicBezTo>
                <a:cubicBezTo>
                  <a:pt x="20" y="20"/>
                  <a:pt x="20" y="19"/>
                  <a:pt x="20" y="18"/>
                </a:cubicBezTo>
                <a:lnTo>
                  <a:pt x="20" y="7"/>
                </a:lnTo>
                <a:close/>
                <a:moveTo>
                  <a:pt x="51" y="7"/>
                </a:moveTo>
                <a:cubicBezTo>
                  <a:pt x="51" y="6"/>
                  <a:pt x="51" y="5"/>
                  <a:pt x="50" y="5"/>
                </a:cubicBezTo>
                <a:cubicBezTo>
                  <a:pt x="47" y="5"/>
                  <a:pt x="47" y="5"/>
                  <a:pt x="47" y="5"/>
                </a:cubicBezTo>
                <a:cubicBezTo>
                  <a:pt x="47" y="5"/>
                  <a:pt x="46" y="6"/>
                  <a:pt x="46" y="7"/>
                </a:cubicBezTo>
                <a:cubicBezTo>
                  <a:pt x="46" y="18"/>
                  <a:pt x="46" y="18"/>
                  <a:pt x="46" y="18"/>
                </a:cubicBezTo>
                <a:cubicBezTo>
                  <a:pt x="46" y="19"/>
                  <a:pt x="47" y="20"/>
                  <a:pt x="47" y="20"/>
                </a:cubicBezTo>
                <a:cubicBezTo>
                  <a:pt x="50" y="20"/>
                  <a:pt x="50" y="20"/>
                  <a:pt x="50" y="20"/>
                </a:cubicBezTo>
                <a:cubicBezTo>
                  <a:pt x="51" y="20"/>
                  <a:pt x="51" y="19"/>
                  <a:pt x="51" y="18"/>
                </a:cubicBezTo>
                <a:lnTo>
                  <a:pt x="51" y="7"/>
                </a:lnTo>
                <a:close/>
              </a:path>
            </a:pathLst>
          </a:custGeom>
          <a:solidFill>
            <a:srgbClr val="FFFFFF"/>
          </a:solidFill>
          <a:ln w="9525">
            <a:noFill/>
            <a:round/>
          </a:ln>
        </p:spPr>
        <p:txBody>
          <a:bodyPr vert="horz" wrap="square" lIns="121920" tIns="60960" rIns="121920" bIns="60960" numCol="1" anchor="t" anchorCtr="0" compatLnSpc="1"/>
          <a:lstStyle/>
          <a:p>
            <a:pPr defTabSz="1375410"/>
            <a:endParaRPr lang="en-US" sz="2665" dirty="0">
              <a:solidFill>
                <a:srgbClr val="262626"/>
              </a:solidFill>
              <a:latin typeface="Agency FB" panose="020B0503020202020204" pitchFamily="34" charset="0"/>
            </a:endParaRPr>
          </a:p>
        </p:txBody>
      </p:sp>
      <p:sp>
        <p:nvSpPr>
          <p:cNvPr id="129" name="Freeform 42"/>
          <p:cNvSpPr>
            <a:spLocks noEditPoints="1"/>
          </p:cNvSpPr>
          <p:nvPr/>
        </p:nvSpPr>
        <p:spPr bwMode="auto">
          <a:xfrm>
            <a:off x="1733460" y="3058847"/>
            <a:ext cx="672960" cy="579257"/>
          </a:xfrm>
          <a:custGeom>
            <a:avLst/>
            <a:gdLst/>
            <a:ahLst/>
            <a:cxnLst>
              <a:cxn ang="0">
                <a:pos x="73" y="47"/>
              </a:cxn>
              <a:cxn ang="0">
                <a:pos x="67" y="53"/>
              </a:cxn>
              <a:cxn ang="0">
                <a:pos x="46" y="53"/>
              </a:cxn>
              <a:cxn ang="0">
                <a:pos x="48" y="60"/>
              </a:cxn>
              <a:cxn ang="0">
                <a:pos x="46" y="63"/>
              </a:cxn>
              <a:cxn ang="0">
                <a:pos x="26" y="63"/>
              </a:cxn>
              <a:cxn ang="0">
                <a:pos x="24" y="60"/>
              </a:cxn>
              <a:cxn ang="0">
                <a:pos x="26" y="53"/>
              </a:cxn>
              <a:cxn ang="0">
                <a:pos x="6" y="53"/>
              </a:cxn>
              <a:cxn ang="0">
                <a:pos x="0" y="47"/>
              </a:cxn>
              <a:cxn ang="0">
                <a:pos x="0" y="6"/>
              </a:cxn>
              <a:cxn ang="0">
                <a:pos x="6" y="0"/>
              </a:cxn>
              <a:cxn ang="0">
                <a:pos x="67" y="0"/>
              </a:cxn>
              <a:cxn ang="0">
                <a:pos x="73" y="6"/>
              </a:cxn>
              <a:cxn ang="0">
                <a:pos x="73" y="47"/>
              </a:cxn>
              <a:cxn ang="0">
                <a:pos x="68" y="6"/>
              </a:cxn>
              <a:cxn ang="0">
                <a:pos x="67" y="5"/>
              </a:cxn>
              <a:cxn ang="0">
                <a:pos x="6" y="5"/>
              </a:cxn>
              <a:cxn ang="0">
                <a:pos x="5" y="6"/>
              </a:cxn>
              <a:cxn ang="0">
                <a:pos x="5" y="37"/>
              </a:cxn>
              <a:cxn ang="0">
                <a:pos x="6" y="39"/>
              </a:cxn>
              <a:cxn ang="0">
                <a:pos x="67" y="39"/>
              </a:cxn>
              <a:cxn ang="0">
                <a:pos x="68" y="37"/>
              </a:cxn>
              <a:cxn ang="0">
                <a:pos x="68" y="6"/>
              </a:cxn>
            </a:cxnLst>
            <a:rect l="0" t="0" r="r" b="b"/>
            <a:pathLst>
              <a:path w="73" h="63">
                <a:moveTo>
                  <a:pt x="73" y="47"/>
                </a:moveTo>
                <a:cubicBezTo>
                  <a:pt x="73" y="50"/>
                  <a:pt x="70" y="53"/>
                  <a:pt x="67" y="53"/>
                </a:cubicBezTo>
                <a:cubicBezTo>
                  <a:pt x="46" y="53"/>
                  <a:pt x="46" y="53"/>
                  <a:pt x="46" y="53"/>
                </a:cubicBezTo>
                <a:cubicBezTo>
                  <a:pt x="46" y="56"/>
                  <a:pt x="48" y="59"/>
                  <a:pt x="48" y="60"/>
                </a:cubicBezTo>
                <a:cubicBezTo>
                  <a:pt x="48" y="62"/>
                  <a:pt x="47" y="63"/>
                  <a:pt x="46" y="63"/>
                </a:cubicBezTo>
                <a:cubicBezTo>
                  <a:pt x="26" y="63"/>
                  <a:pt x="26" y="63"/>
                  <a:pt x="26" y="63"/>
                </a:cubicBezTo>
                <a:cubicBezTo>
                  <a:pt x="25" y="63"/>
                  <a:pt x="24" y="62"/>
                  <a:pt x="24" y="60"/>
                </a:cubicBezTo>
                <a:cubicBezTo>
                  <a:pt x="24" y="59"/>
                  <a:pt x="26" y="56"/>
                  <a:pt x="26" y="53"/>
                </a:cubicBezTo>
                <a:cubicBezTo>
                  <a:pt x="6" y="53"/>
                  <a:pt x="6" y="53"/>
                  <a:pt x="6" y="53"/>
                </a:cubicBezTo>
                <a:cubicBezTo>
                  <a:pt x="2" y="53"/>
                  <a:pt x="0" y="50"/>
                  <a:pt x="0" y="47"/>
                </a:cubicBezTo>
                <a:cubicBezTo>
                  <a:pt x="0" y="6"/>
                  <a:pt x="0" y="6"/>
                  <a:pt x="0" y="6"/>
                </a:cubicBezTo>
                <a:cubicBezTo>
                  <a:pt x="0" y="2"/>
                  <a:pt x="2" y="0"/>
                  <a:pt x="6" y="0"/>
                </a:cubicBezTo>
                <a:cubicBezTo>
                  <a:pt x="67" y="0"/>
                  <a:pt x="67" y="0"/>
                  <a:pt x="67" y="0"/>
                </a:cubicBezTo>
                <a:cubicBezTo>
                  <a:pt x="70" y="0"/>
                  <a:pt x="73" y="2"/>
                  <a:pt x="73" y="6"/>
                </a:cubicBezTo>
                <a:lnTo>
                  <a:pt x="73" y="47"/>
                </a:lnTo>
                <a:close/>
                <a:moveTo>
                  <a:pt x="68" y="6"/>
                </a:moveTo>
                <a:cubicBezTo>
                  <a:pt x="68" y="5"/>
                  <a:pt x="67" y="5"/>
                  <a:pt x="67" y="5"/>
                </a:cubicBezTo>
                <a:cubicBezTo>
                  <a:pt x="6" y="5"/>
                  <a:pt x="6" y="5"/>
                  <a:pt x="6" y="5"/>
                </a:cubicBezTo>
                <a:cubicBezTo>
                  <a:pt x="5" y="5"/>
                  <a:pt x="5" y="5"/>
                  <a:pt x="5" y="6"/>
                </a:cubicBezTo>
                <a:cubicBezTo>
                  <a:pt x="5" y="37"/>
                  <a:pt x="5" y="37"/>
                  <a:pt x="5" y="37"/>
                </a:cubicBezTo>
                <a:cubicBezTo>
                  <a:pt x="5" y="38"/>
                  <a:pt x="5" y="39"/>
                  <a:pt x="6" y="39"/>
                </a:cubicBezTo>
                <a:cubicBezTo>
                  <a:pt x="67" y="39"/>
                  <a:pt x="67" y="39"/>
                  <a:pt x="67" y="39"/>
                </a:cubicBezTo>
                <a:cubicBezTo>
                  <a:pt x="67" y="39"/>
                  <a:pt x="68" y="38"/>
                  <a:pt x="68" y="37"/>
                </a:cubicBezTo>
                <a:lnTo>
                  <a:pt x="68" y="6"/>
                </a:lnTo>
                <a:close/>
              </a:path>
            </a:pathLst>
          </a:custGeom>
          <a:solidFill>
            <a:srgbClr val="FFFFFF"/>
          </a:solidFill>
          <a:ln w="9525">
            <a:noFill/>
            <a:round/>
          </a:ln>
        </p:spPr>
        <p:txBody>
          <a:bodyPr vert="horz" wrap="square" lIns="121920" tIns="60960" rIns="121920" bIns="60960" numCol="1" anchor="t" anchorCtr="0" compatLnSpc="1"/>
          <a:lstStyle/>
          <a:p>
            <a:pPr defTabSz="1375410"/>
            <a:endParaRPr lang="en-US" sz="2665" dirty="0">
              <a:solidFill>
                <a:srgbClr val="262626"/>
              </a:solidFill>
              <a:latin typeface="Agency FB" panose="020B0503020202020204" pitchFamily="34" charset="0"/>
            </a:endParaRPr>
          </a:p>
        </p:txBody>
      </p:sp>
      <p:sp>
        <p:nvSpPr>
          <p:cNvPr id="130" name="Freeform 178"/>
          <p:cNvSpPr>
            <a:spLocks noEditPoints="1"/>
          </p:cNvSpPr>
          <p:nvPr/>
        </p:nvSpPr>
        <p:spPr bwMode="auto">
          <a:xfrm>
            <a:off x="7148208" y="3095050"/>
            <a:ext cx="672960" cy="506852"/>
          </a:xfrm>
          <a:custGeom>
            <a:avLst/>
            <a:gdLst/>
            <a:ahLst/>
            <a:cxnLst>
              <a:cxn ang="0">
                <a:pos x="158" y="119"/>
              </a:cxn>
              <a:cxn ang="0">
                <a:pos x="0" y="119"/>
              </a:cxn>
              <a:cxn ang="0">
                <a:pos x="0" y="0"/>
              </a:cxn>
              <a:cxn ang="0">
                <a:pos x="9" y="0"/>
              </a:cxn>
              <a:cxn ang="0">
                <a:pos x="9" y="108"/>
              </a:cxn>
              <a:cxn ang="0">
                <a:pos x="158" y="108"/>
              </a:cxn>
              <a:cxn ang="0">
                <a:pos x="158" y="119"/>
              </a:cxn>
              <a:cxn ang="0">
                <a:pos x="50" y="99"/>
              </a:cxn>
              <a:cxn ang="0">
                <a:pos x="29" y="99"/>
              </a:cxn>
              <a:cxn ang="0">
                <a:pos x="29" y="60"/>
              </a:cxn>
              <a:cxn ang="0">
                <a:pos x="50" y="60"/>
              </a:cxn>
              <a:cxn ang="0">
                <a:pos x="50" y="99"/>
              </a:cxn>
              <a:cxn ang="0">
                <a:pos x="78" y="99"/>
              </a:cxn>
              <a:cxn ang="0">
                <a:pos x="59" y="99"/>
              </a:cxn>
              <a:cxn ang="0">
                <a:pos x="59" y="19"/>
              </a:cxn>
              <a:cxn ang="0">
                <a:pos x="78" y="19"/>
              </a:cxn>
              <a:cxn ang="0">
                <a:pos x="78" y="99"/>
              </a:cxn>
              <a:cxn ang="0">
                <a:pos x="109" y="99"/>
              </a:cxn>
              <a:cxn ang="0">
                <a:pos x="89" y="99"/>
              </a:cxn>
              <a:cxn ang="0">
                <a:pos x="89" y="39"/>
              </a:cxn>
              <a:cxn ang="0">
                <a:pos x="109" y="39"/>
              </a:cxn>
              <a:cxn ang="0">
                <a:pos x="109" y="99"/>
              </a:cxn>
              <a:cxn ang="0">
                <a:pos x="139" y="99"/>
              </a:cxn>
              <a:cxn ang="0">
                <a:pos x="119" y="99"/>
              </a:cxn>
              <a:cxn ang="0">
                <a:pos x="119" y="11"/>
              </a:cxn>
              <a:cxn ang="0">
                <a:pos x="139" y="11"/>
              </a:cxn>
              <a:cxn ang="0">
                <a:pos x="139" y="99"/>
              </a:cxn>
            </a:cxnLst>
            <a:rect l="0" t="0" r="r" b="b"/>
            <a:pathLst>
              <a:path w="158" h="119">
                <a:moveTo>
                  <a:pt x="158" y="119"/>
                </a:moveTo>
                <a:lnTo>
                  <a:pt x="0" y="119"/>
                </a:lnTo>
                <a:lnTo>
                  <a:pt x="0" y="0"/>
                </a:lnTo>
                <a:lnTo>
                  <a:pt x="9" y="0"/>
                </a:lnTo>
                <a:lnTo>
                  <a:pt x="9" y="108"/>
                </a:lnTo>
                <a:lnTo>
                  <a:pt x="158" y="108"/>
                </a:lnTo>
                <a:lnTo>
                  <a:pt x="158" y="119"/>
                </a:lnTo>
                <a:close/>
                <a:moveTo>
                  <a:pt x="50" y="99"/>
                </a:moveTo>
                <a:lnTo>
                  <a:pt x="29" y="99"/>
                </a:lnTo>
                <a:lnTo>
                  <a:pt x="29" y="60"/>
                </a:lnTo>
                <a:lnTo>
                  <a:pt x="50" y="60"/>
                </a:lnTo>
                <a:lnTo>
                  <a:pt x="50" y="99"/>
                </a:lnTo>
                <a:close/>
                <a:moveTo>
                  <a:pt x="78" y="99"/>
                </a:moveTo>
                <a:lnTo>
                  <a:pt x="59" y="99"/>
                </a:lnTo>
                <a:lnTo>
                  <a:pt x="59" y="19"/>
                </a:lnTo>
                <a:lnTo>
                  <a:pt x="78" y="19"/>
                </a:lnTo>
                <a:lnTo>
                  <a:pt x="78" y="99"/>
                </a:lnTo>
                <a:close/>
                <a:moveTo>
                  <a:pt x="109" y="99"/>
                </a:moveTo>
                <a:lnTo>
                  <a:pt x="89" y="99"/>
                </a:lnTo>
                <a:lnTo>
                  <a:pt x="89" y="39"/>
                </a:lnTo>
                <a:lnTo>
                  <a:pt x="109" y="39"/>
                </a:lnTo>
                <a:lnTo>
                  <a:pt x="109" y="99"/>
                </a:lnTo>
                <a:close/>
                <a:moveTo>
                  <a:pt x="139" y="99"/>
                </a:moveTo>
                <a:lnTo>
                  <a:pt x="119" y="99"/>
                </a:lnTo>
                <a:lnTo>
                  <a:pt x="119" y="11"/>
                </a:lnTo>
                <a:lnTo>
                  <a:pt x="139" y="11"/>
                </a:lnTo>
                <a:lnTo>
                  <a:pt x="139" y="99"/>
                </a:lnTo>
                <a:close/>
              </a:path>
            </a:pathLst>
          </a:custGeom>
          <a:solidFill>
            <a:srgbClr val="FFFFFF"/>
          </a:solidFill>
          <a:ln w="9525">
            <a:noFill/>
            <a:round/>
          </a:ln>
        </p:spPr>
        <p:txBody>
          <a:bodyPr vert="horz" wrap="square" lIns="121920" tIns="60960" rIns="121920" bIns="60960" numCol="1" anchor="t" anchorCtr="0" compatLnSpc="1"/>
          <a:lstStyle/>
          <a:p>
            <a:pPr defTabSz="1375410"/>
            <a:endParaRPr lang="en-US" sz="2665" dirty="0">
              <a:solidFill>
                <a:srgbClr val="262626"/>
              </a:solidFill>
              <a:latin typeface="Agency FB" panose="020B0503020202020204" pitchFamily="34" charset="0"/>
            </a:endParaRPr>
          </a:p>
        </p:txBody>
      </p:sp>
      <p:sp>
        <p:nvSpPr>
          <p:cNvPr id="131" name="Freeform 86"/>
          <p:cNvSpPr>
            <a:spLocks noEditPoints="1"/>
          </p:cNvSpPr>
          <p:nvPr/>
        </p:nvSpPr>
        <p:spPr bwMode="auto">
          <a:xfrm>
            <a:off x="4538653" y="2960774"/>
            <a:ext cx="460857" cy="775404"/>
          </a:xfrm>
          <a:custGeom>
            <a:avLst/>
            <a:gdLst/>
            <a:ahLst/>
            <a:cxnLst>
              <a:cxn ang="0">
                <a:pos x="29" y="44"/>
              </a:cxn>
              <a:cxn ang="0">
                <a:pos x="24" y="49"/>
              </a:cxn>
              <a:cxn ang="0">
                <a:pos x="5" y="49"/>
              </a:cxn>
              <a:cxn ang="0">
                <a:pos x="0" y="44"/>
              </a:cxn>
              <a:cxn ang="0">
                <a:pos x="0" y="5"/>
              </a:cxn>
              <a:cxn ang="0">
                <a:pos x="5" y="0"/>
              </a:cxn>
              <a:cxn ang="0">
                <a:pos x="24" y="0"/>
              </a:cxn>
              <a:cxn ang="0">
                <a:pos x="29" y="5"/>
              </a:cxn>
              <a:cxn ang="0">
                <a:pos x="29" y="44"/>
              </a:cxn>
              <a:cxn ang="0">
                <a:pos x="25" y="11"/>
              </a:cxn>
              <a:cxn ang="0">
                <a:pos x="24" y="10"/>
              </a:cxn>
              <a:cxn ang="0">
                <a:pos x="5" y="10"/>
              </a:cxn>
              <a:cxn ang="0">
                <a:pos x="3" y="11"/>
              </a:cxn>
              <a:cxn ang="0">
                <a:pos x="3" y="38"/>
              </a:cxn>
              <a:cxn ang="0">
                <a:pos x="5" y="39"/>
              </a:cxn>
              <a:cxn ang="0">
                <a:pos x="24" y="39"/>
              </a:cxn>
              <a:cxn ang="0">
                <a:pos x="25" y="38"/>
              </a:cxn>
              <a:cxn ang="0">
                <a:pos x="25" y="11"/>
              </a:cxn>
              <a:cxn ang="0">
                <a:pos x="17" y="5"/>
              </a:cxn>
              <a:cxn ang="0">
                <a:pos x="11" y="5"/>
              </a:cxn>
              <a:cxn ang="0">
                <a:pos x="11" y="6"/>
              </a:cxn>
              <a:cxn ang="0">
                <a:pos x="11" y="6"/>
              </a:cxn>
              <a:cxn ang="0">
                <a:pos x="17" y="6"/>
              </a:cxn>
              <a:cxn ang="0">
                <a:pos x="18" y="6"/>
              </a:cxn>
              <a:cxn ang="0">
                <a:pos x="17" y="5"/>
              </a:cxn>
              <a:cxn ang="0">
                <a:pos x="14" y="41"/>
              </a:cxn>
              <a:cxn ang="0">
                <a:pos x="11" y="44"/>
              </a:cxn>
              <a:cxn ang="0">
                <a:pos x="14" y="47"/>
              </a:cxn>
              <a:cxn ang="0">
                <a:pos x="17" y="44"/>
              </a:cxn>
              <a:cxn ang="0">
                <a:pos x="14" y="41"/>
              </a:cxn>
            </a:cxnLst>
            <a:rect l="0" t="0" r="r" b="b"/>
            <a:pathLst>
              <a:path w="29" h="49">
                <a:moveTo>
                  <a:pt x="29" y="44"/>
                </a:moveTo>
                <a:cubicBezTo>
                  <a:pt x="29" y="47"/>
                  <a:pt x="27" y="49"/>
                  <a:pt x="24" y="49"/>
                </a:cubicBezTo>
                <a:cubicBezTo>
                  <a:pt x="5" y="49"/>
                  <a:pt x="5" y="49"/>
                  <a:pt x="5" y="49"/>
                </a:cubicBezTo>
                <a:cubicBezTo>
                  <a:pt x="2" y="49"/>
                  <a:pt x="0" y="47"/>
                  <a:pt x="0" y="44"/>
                </a:cubicBezTo>
                <a:cubicBezTo>
                  <a:pt x="0" y="5"/>
                  <a:pt x="0" y="5"/>
                  <a:pt x="0" y="5"/>
                </a:cubicBezTo>
                <a:cubicBezTo>
                  <a:pt x="0" y="3"/>
                  <a:pt x="2" y="0"/>
                  <a:pt x="5" y="0"/>
                </a:cubicBezTo>
                <a:cubicBezTo>
                  <a:pt x="24" y="0"/>
                  <a:pt x="24" y="0"/>
                  <a:pt x="24" y="0"/>
                </a:cubicBezTo>
                <a:cubicBezTo>
                  <a:pt x="27" y="0"/>
                  <a:pt x="29" y="3"/>
                  <a:pt x="29" y="5"/>
                </a:cubicBezTo>
                <a:lnTo>
                  <a:pt x="29" y="44"/>
                </a:lnTo>
                <a:close/>
                <a:moveTo>
                  <a:pt x="25" y="11"/>
                </a:moveTo>
                <a:cubicBezTo>
                  <a:pt x="25" y="11"/>
                  <a:pt x="25" y="10"/>
                  <a:pt x="24" y="10"/>
                </a:cubicBezTo>
                <a:cubicBezTo>
                  <a:pt x="5" y="10"/>
                  <a:pt x="5" y="10"/>
                  <a:pt x="5" y="10"/>
                </a:cubicBezTo>
                <a:cubicBezTo>
                  <a:pt x="4" y="10"/>
                  <a:pt x="3" y="11"/>
                  <a:pt x="3" y="11"/>
                </a:cubicBezTo>
                <a:cubicBezTo>
                  <a:pt x="3" y="38"/>
                  <a:pt x="3" y="38"/>
                  <a:pt x="3" y="38"/>
                </a:cubicBezTo>
                <a:cubicBezTo>
                  <a:pt x="3" y="39"/>
                  <a:pt x="4" y="39"/>
                  <a:pt x="5" y="39"/>
                </a:cubicBezTo>
                <a:cubicBezTo>
                  <a:pt x="24" y="39"/>
                  <a:pt x="24" y="39"/>
                  <a:pt x="24" y="39"/>
                </a:cubicBezTo>
                <a:cubicBezTo>
                  <a:pt x="25" y="39"/>
                  <a:pt x="25" y="39"/>
                  <a:pt x="25" y="38"/>
                </a:cubicBezTo>
                <a:lnTo>
                  <a:pt x="25" y="11"/>
                </a:lnTo>
                <a:close/>
                <a:moveTo>
                  <a:pt x="17" y="5"/>
                </a:moveTo>
                <a:cubicBezTo>
                  <a:pt x="11" y="5"/>
                  <a:pt x="11" y="5"/>
                  <a:pt x="11" y="5"/>
                </a:cubicBezTo>
                <a:cubicBezTo>
                  <a:pt x="11" y="5"/>
                  <a:pt x="11" y="6"/>
                  <a:pt x="11" y="6"/>
                </a:cubicBezTo>
                <a:cubicBezTo>
                  <a:pt x="11" y="6"/>
                  <a:pt x="11" y="6"/>
                  <a:pt x="11" y="6"/>
                </a:cubicBezTo>
                <a:cubicBezTo>
                  <a:pt x="17" y="6"/>
                  <a:pt x="17" y="6"/>
                  <a:pt x="17" y="6"/>
                </a:cubicBezTo>
                <a:cubicBezTo>
                  <a:pt x="18" y="6"/>
                  <a:pt x="18" y="6"/>
                  <a:pt x="18" y="6"/>
                </a:cubicBezTo>
                <a:cubicBezTo>
                  <a:pt x="18" y="6"/>
                  <a:pt x="18" y="5"/>
                  <a:pt x="17" y="5"/>
                </a:cubicBezTo>
                <a:close/>
                <a:moveTo>
                  <a:pt x="14" y="41"/>
                </a:moveTo>
                <a:cubicBezTo>
                  <a:pt x="13" y="41"/>
                  <a:pt x="11" y="42"/>
                  <a:pt x="11" y="44"/>
                </a:cubicBezTo>
                <a:cubicBezTo>
                  <a:pt x="11" y="46"/>
                  <a:pt x="13" y="47"/>
                  <a:pt x="14" y="47"/>
                </a:cubicBezTo>
                <a:cubicBezTo>
                  <a:pt x="16" y="47"/>
                  <a:pt x="17" y="46"/>
                  <a:pt x="17" y="44"/>
                </a:cubicBezTo>
                <a:cubicBezTo>
                  <a:pt x="17" y="42"/>
                  <a:pt x="16" y="41"/>
                  <a:pt x="14" y="41"/>
                </a:cubicBezTo>
                <a:close/>
              </a:path>
            </a:pathLst>
          </a:custGeom>
          <a:solidFill>
            <a:srgbClr val="FFFFFF"/>
          </a:solidFill>
          <a:ln w="9525">
            <a:noFill/>
            <a:round/>
          </a:ln>
        </p:spPr>
        <p:txBody>
          <a:bodyPr vert="horz" wrap="square" lIns="121920" tIns="60960" rIns="121920" bIns="60960" numCol="1" anchor="t" anchorCtr="0" compatLnSpc="1"/>
          <a:lstStyle/>
          <a:p>
            <a:pPr defTabSz="1375410"/>
            <a:endParaRPr lang="en-US" sz="2665" dirty="0">
              <a:solidFill>
                <a:srgbClr val="262626"/>
              </a:solidFill>
              <a:latin typeface="Agency FB" panose="020B0503020202020204" pitchFamily="34" charset="0"/>
            </a:endParaRPr>
          </a:p>
        </p:txBody>
      </p:sp>
      <p:cxnSp>
        <p:nvCxnSpPr>
          <p:cNvPr id="132" name="Straight Connector 44"/>
          <p:cNvCxnSpPr/>
          <p:nvPr/>
        </p:nvCxnSpPr>
        <p:spPr>
          <a:xfrm rot="16200000">
            <a:off x="5710231" y="3348474"/>
            <a:ext cx="786315" cy="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3" name="Straight Connector 45"/>
          <p:cNvCxnSpPr/>
          <p:nvPr/>
        </p:nvCxnSpPr>
        <p:spPr>
          <a:xfrm rot="16200000">
            <a:off x="8385813" y="3348476"/>
            <a:ext cx="786315" cy="0"/>
          </a:xfrm>
          <a:prstGeom prst="line">
            <a:avLst/>
          </a:prstGeom>
          <a:ln w="19050">
            <a:solidFill>
              <a:schemeClr val="tx1">
                <a:lumMod val="75000"/>
                <a:lumOff val="25000"/>
              </a:schemeClr>
            </a:solidFill>
            <a:prstDash val="sysDot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4" name="文本框 133"/>
          <p:cNvSpPr txBox="1"/>
          <p:nvPr/>
        </p:nvSpPr>
        <p:spPr>
          <a:xfrm>
            <a:off x="6260936" y="462621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35" name="文本框 134"/>
          <p:cNvSpPr txBox="1"/>
          <p:nvPr/>
        </p:nvSpPr>
        <p:spPr>
          <a:xfrm>
            <a:off x="8854348" y="462621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36" name="文本框 135"/>
          <p:cNvSpPr txBox="1"/>
          <p:nvPr/>
        </p:nvSpPr>
        <p:spPr>
          <a:xfrm>
            <a:off x="1074112" y="4705214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37" name="文本框 136"/>
          <p:cNvSpPr txBox="1"/>
          <p:nvPr/>
        </p:nvSpPr>
        <p:spPr>
          <a:xfrm>
            <a:off x="3667524" y="4681657"/>
            <a:ext cx="2339102" cy="1261884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dirty="0">
                <a:solidFill>
                  <a:srgbClr val="004C8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</a:t>
            </a:r>
            <a:r>
              <a:rPr lang="zh-CN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单击此处输入标题</a:t>
            </a:r>
            <a:endParaRPr lang="en-US" altLang="zh-CN" sz="20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r>
              <a:rPr lang="zh-CN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在这里输入您的主要叙述内容</a:t>
            </a:r>
            <a:endParaRPr lang="en-US" altLang="zh-CN" sz="1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endParaRPr lang="en-US" altLang="zh-CN" sz="3200" dirty="0">
              <a:solidFill>
                <a:schemeClr val="tx1">
                  <a:lumMod val="75000"/>
                  <a:lumOff val="25000"/>
                </a:schemeClr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38" name="矩形 137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39" name="矩形 138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40" name="矩形 139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41" name="矩形 140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6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7" dur="1200"/>
                                        <p:tgtEl>
                                          <p:spTgt spid="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1500"/>
                            </p:stCondLst>
                            <p:childTnLst>
                              <p:par>
                                <p:cTn id="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" dur="5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12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1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000"/>
                            </p:stCondLst>
                            <p:childTnLst>
                              <p:par>
                                <p:cTn id="1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12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12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12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2" presetClass="entr" presetSubtype="4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1000" fill="hold"/>
                                        <p:tgtEl>
                                          <p:spTgt spid="13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1000" fill="hold"/>
                                        <p:tgtEl>
                                          <p:spTgt spid="13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2500"/>
                            </p:stCondLst>
                            <p:childTnLst>
                              <p:par>
                                <p:cTn id="2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1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3000"/>
                            </p:stCondLst>
                            <p:childTnLst>
                              <p:par>
                                <p:cTn id="2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12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1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3500"/>
                            </p:stCondLst>
                            <p:childTnLst>
                              <p:par>
                                <p:cTn id="3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13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13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500"/>
                                        <p:tgtEl>
                                          <p:spTgt spid="1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2" presetClass="entr" presetSubtype="4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2" dur="1000" fill="hold"/>
                                        <p:tgtEl>
                                          <p:spTgt spid="13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3" dur="1000" fill="hold"/>
                                        <p:tgtEl>
                                          <p:spTgt spid="13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4000"/>
                            </p:stCondLst>
                            <p:childTnLst>
                              <p:par>
                                <p:cTn id="4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7" dur="500"/>
                                        <p:tgtEl>
                                          <p:spTgt spid="1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4500"/>
                            </p:stCondLst>
                            <p:childTnLst>
                              <p:par>
                                <p:cTn id="4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2" dur="500" fill="hold"/>
                                        <p:tgtEl>
                                          <p:spTgt spid="12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3" dur="500"/>
                                        <p:tgtEl>
                                          <p:spTgt spid="1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4" fill="hold">
                            <p:stCondLst>
                              <p:cond delay="5000"/>
                            </p:stCondLst>
                            <p:childTnLst>
                              <p:par>
                                <p:cTn id="5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7" dur="500" fill="hold"/>
                                        <p:tgtEl>
                                          <p:spTgt spid="13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8" dur="500" fill="hold"/>
                                        <p:tgtEl>
                                          <p:spTgt spid="13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9" dur="500"/>
                                        <p:tgtEl>
                                          <p:spTgt spid="1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0" presetID="2" presetClass="entr" presetSubtype="4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2" dur="1000" fill="hold"/>
                                        <p:tgtEl>
                                          <p:spTgt spid="13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3" dur="1000" fill="hold"/>
                                        <p:tgtEl>
                                          <p:spTgt spid="13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4" fill="hold">
                            <p:stCondLst>
                              <p:cond delay="5500"/>
                            </p:stCondLst>
                            <p:childTnLst>
                              <p:par>
                                <p:cTn id="6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67" dur="500"/>
                                        <p:tgtEl>
                                          <p:spTgt spid="1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8" fill="hold">
                            <p:stCondLst>
                              <p:cond delay="6000"/>
                            </p:stCondLst>
                            <p:childTnLst>
                              <p:par>
                                <p:cTn id="69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1" dur="500" fill="hold"/>
                                        <p:tgtEl>
                                          <p:spTgt spid="12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2" dur="500" fill="hold"/>
                                        <p:tgtEl>
                                          <p:spTgt spid="12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3" dur="500"/>
                                        <p:tgtEl>
                                          <p:spTgt spid="1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4" fill="hold">
                            <p:stCondLst>
                              <p:cond delay="6500"/>
                            </p:stCondLst>
                            <p:childTnLst>
                              <p:par>
                                <p:cTn id="7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7" dur="500" fill="hold"/>
                                        <p:tgtEl>
                                          <p:spTgt spid="12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8" dur="500" fill="hold"/>
                                        <p:tgtEl>
                                          <p:spTgt spid="12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79" dur="500"/>
                                        <p:tgtEl>
                                          <p:spTgt spid="1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0" presetID="2" presetClass="entr" presetSubtype="4" accel="50000" de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2" dur="1000" fill="hold"/>
                                        <p:tgtEl>
                                          <p:spTgt spid="13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3" dur="1000" fill="hold"/>
                                        <p:tgtEl>
                                          <p:spTgt spid="13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2" grpId="0" animBg="1"/>
      <p:bldP spid="124" grpId="0" animBg="1"/>
      <p:bldP spid="125" grpId="0" animBg="1"/>
      <p:bldP spid="126" grpId="0" animBg="1"/>
      <p:bldP spid="127" grpId="0" animBg="1"/>
      <p:bldP spid="128" grpId="0" animBg="1"/>
      <p:bldP spid="129" grpId="0" animBg="1"/>
      <p:bldP spid="130" grpId="0" animBg="1"/>
      <p:bldP spid="131" grpId="0" animBg="1"/>
      <p:bldP spid="134" grpId="0"/>
      <p:bldP spid="135" grpId="0"/>
      <p:bldP spid="136" grpId="0"/>
      <p:bldP spid="137" grpId="0"/>
    </p:bld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101" name="矩形 100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2" name="矩形 101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3" name="矩形 102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04" name="矩形 103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pic>
        <p:nvPicPr>
          <p:cNvPr id="86" name="图片 85" descr="D:\办公资源网录入\PPT录入素材\1.jpg1"/>
          <p:cNvPicPr>
            <a:picLocks noChangeAspect="1"/>
          </p:cNvPicPr>
          <p:nvPr/>
        </p:nvPicPr>
        <p:blipFill rotWithShape="1">
          <a:blip r:embed="rId3"/>
          <a:srcRect/>
          <a:stretch>
            <a:fillRect/>
          </a:stretch>
        </p:blipFill>
        <p:spPr>
          <a:xfrm>
            <a:off x="3778473" y="2209622"/>
            <a:ext cx="2300375" cy="1533525"/>
          </a:xfrm>
          <a:prstGeom prst="rect">
            <a:avLst/>
          </a:prstGeom>
          <a:ln>
            <a:solidFill>
              <a:srgbClr val="FFFFFF"/>
            </a:solidFill>
          </a:ln>
        </p:spPr>
      </p:pic>
      <p:pic>
        <p:nvPicPr>
          <p:cNvPr id="87" name="Picture 2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01" b="15689"/>
          <a:stretch>
            <a:fillRect/>
          </a:stretch>
        </p:blipFill>
        <p:spPr bwMode="auto">
          <a:xfrm>
            <a:off x="1463809" y="4130882"/>
            <a:ext cx="4622533" cy="2317205"/>
          </a:xfrm>
          <a:prstGeom prst="rect">
            <a:avLst/>
          </a:prstGeom>
          <a:noFill/>
          <a:ln w="9525">
            <a:solidFill>
              <a:srgbClr val="FFFFFF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8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6344" y="1819586"/>
            <a:ext cx="2307167" cy="2315633"/>
          </a:xfrm>
          <a:prstGeom prst="rect">
            <a:avLst/>
          </a:prstGeom>
          <a:noFill/>
          <a:ln w="9525">
            <a:solidFill>
              <a:srgbClr val="FFFFFF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9" name="Picture 4" descr="D:\办公资源网录入\PPT录入素材\1.jpg1"/>
          <p:cNvPicPr>
            <a:picLocks noChangeAspect="1" noChangeArrowheads="1"/>
          </p:cNvPicPr>
          <p:nvPr/>
        </p:nvPicPr>
        <p:blipFill rotWithShape="1">
          <a:blip r:embed="rId3"/>
          <a:srcRect/>
          <a:stretch>
            <a:fillRect/>
          </a:stretch>
        </p:blipFill>
        <p:spPr bwMode="auto">
          <a:xfrm>
            <a:off x="8387387" y="4507316"/>
            <a:ext cx="2314663" cy="1543050"/>
          </a:xfrm>
          <a:prstGeom prst="rect">
            <a:avLst/>
          </a:prstGeom>
          <a:noFill/>
          <a:ln w="9525">
            <a:solidFill>
              <a:srgbClr val="FFFFFF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90" name="矩形 89"/>
          <p:cNvSpPr/>
          <p:nvPr/>
        </p:nvSpPr>
        <p:spPr>
          <a:xfrm>
            <a:off x="1463811" y="1818277"/>
            <a:ext cx="2314663" cy="2314907"/>
          </a:xfrm>
          <a:prstGeom prst="rect">
            <a:avLst/>
          </a:prstGeom>
          <a:solidFill>
            <a:srgbClr val="288DBB"/>
          </a:solidFill>
          <a:ln w="12700" cap="flat" cmpd="sng" algn="ctr">
            <a:solidFill>
              <a:srgbClr val="FFFFFF"/>
            </a:solidFill>
            <a:prstDash val="solid"/>
            <a:miter lim="800000"/>
          </a:ln>
          <a:effectLst/>
        </p:spPr>
        <p:txBody>
          <a:bodyPr lIns="134365" tIns="67184" rIns="134365" bIns="67184" anchor="ctr"/>
          <a:lstStyle/>
          <a:p>
            <a:pPr algn="ctr">
              <a:lnSpc>
                <a:spcPct val="130000"/>
              </a:lnSpc>
              <a:defRPr/>
            </a:pPr>
            <a:r>
              <a:rPr lang="zh-CN" altLang="en-US" sz="24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题</a:t>
            </a:r>
            <a:endParaRPr lang="en-US" altLang="zh-CN" sz="24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  <a:endParaRPr lang="en-US" altLang="zh-CN" sz="20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</p:txBody>
      </p:sp>
      <p:sp>
        <p:nvSpPr>
          <p:cNvPr id="91" name="矩形 90"/>
          <p:cNvSpPr/>
          <p:nvPr/>
        </p:nvSpPr>
        <p:spPr>
          <a:xfrm>
            <a:off x="8387387" y="1818277"/>
            <a:ext cx="2314663" cy="2314907"/>
          </a:xfrm>
          <a:prstGeom prst="rect">
            <a:avLst/>
          </a:prstGeom>
          <a:solidFill>
            <a:srgbClr val="E04548"/>
          </a:solidFill>
          <a:ln w="12700" cap="flat" cmpd="sng" algn="ctr">
            <a:solidFill>
              <a:srgbClr val="FFFFFF"/>
            </a:solidFill>
            <a:prstDash val="solid"/>
            <a:miter lim="800000"/>
          </a:ln>
          <a:effectLst/>
        </p:spPr>
        <p:txBody>
          <a:bodyPr lIns="134365" tIns="67184" rIns="134365" bIns="67184" anchor="ctr"/>
          <a:lstStyle/>
          <a:p>
            <a:pPr algn="ctr">
              <a:lnSpc>
                <a:spcPct val="130000"/>
              </a:lnSpc>
              <a:defRPr/>
            </a:pPr>
            <a:r>
              <a:rPr lang="zh-CN" altLang="en-US" sz="24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题</a:t>
            </a:r>
            <a:endParaRPr lang="en-US" altLang="zh-CN" sz="24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  <a:endParaRPr lang="en-US" altLang="zh-CN" sz="20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</p:txBody>
      </p:sp>
      <p:sp>
        <p:nvSpPr>
          <p:cNvPr id="92" name="矩形 91"/>
          <p:cNvSpPr/>
          <p:nvPr/>
        </p:nvSpPr>
        <p:spPr>
          <a:xfrm>
            <a:off x="6078848" y="4133181"/>
            <a:ext cx="2314663" cy="2314907"/>
          </a:xfrm>
          <a:prstGeom prst="rect">
            <a:avLst/>
          </a:prstGeom>
          <a:solidFill>
            <a:srgbClr val="12B19F"/>
          </a:solidFill>
          <a:ln w="12700" cap="flat" cmpd="sng" algn="ctr">
            <a:solidFill>
              <a:srgbClr val="FFFFFF"/>
            </a:solidFill>
            <a:prstDash val="solid"/>
            <a:miter lim="800000"/>
          </a:ln>
          <a:effectLst/>
        </p:spPr>
        <p:txBody>
          <a:bodyPr lIns="134365" tIns="67184" rIns="134365" bIns="67184" anchor="ctr"/>
          <a:lstStyle/>
          <a:p>
            <a:pPr algn="ctr">
              <a:lnSpc>
                <a:spcPct val="130000"/>
              </a:lnSpc>
              <a:defRPr/>
            </a:pPr>
            <a:r>
              <a:rPr lang="zh-CN" altLang="en-US" sz="24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标题</a:t>
            </a:r>
            <a:endParaRPr lang="en-US" altLang="zh-CN" sz="24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  <a:endParaRPr lang="en-US" altLang="zh-CN" sz="2000" kern="0" dirty="0">
              <a:solidFill>
                <a:srgbClr val="F9F9F9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  <a:p>
            <a:pPr algn="ctr">
              <a:lnSpc>
                <a:spcPct val="130000"/>
              </a:lnSpc>
              <a:defRPr/>
            </a:pPr>
            <a:r>
              <a:rPr lang="zh-CN" altLang="en-US" sz="2000" kern="0" dirty="0">
                <a:solidFill>
                  <a:srgbClr val="F9F9F9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点击添加内容</a:t>
            </a:r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528" fill="hold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75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0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75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2" presetID="53" presetClass="entr" presetSubtype="52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75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7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75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53" presetClass="entr" presetSubtype="528" fill="hold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3" dur="750"/>
                                        <p:tgtEl>
                                          <p:spTgt spid="8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750" fill="hold"/>
                                        <p:tgtEl>
                                          <p:spTgt spid="8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6" presetID="53" presetClass="entr" presetSubtype="528" fill="hold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0" dur="750"/>
                                        <p:tgtEl>
                                          <p:spTgt spid="8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75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500"/>
                            </p:stCondLst>
                            <p:childTnLst>
                              <p:par>
                                <p:cTn id="34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6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9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8" dur="500"/>
                                        <p:tgtEl>
                                          <p:spTgt spid="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53" presetClass="entr" presetSubtype="16" fill="hold" grpId="0" nodeType="withEffect">
                                  <p:stCondLst>
                                    <p:cond delay="25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1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2" dur="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3" dur="5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4" presetID="53" presetClass="entr" presetSubtype="16" fill="hold" grpId="0" nodeType="with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4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6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500" fill="hold"/>
                                        <p:tgtEl>
                                          <p:spTgt spid="9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8" dur="500"/>
                                        <p:tgtEl>
                                          <p:spTgt spid="9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0" grpId="0" animBg="1"/>
      <p:bldP spid="91" grpId="0" animBg="1"/>
      <p:bldP spid="92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矩形 5"/>
          <p:cNvSpPr/>
          <p:nvPr/>
        </p:nvSpPr>
        <p:spPr>
          <a:xfrm>
            <a:off x="0" y="0"/>
            <a:ext cx="12192000" cy="1280160"/>
          </a:xfrm>
          <a:prstGeom prst="rect">
            <a:avLst/>
          </a:prstGeom>
          <a:solidFill>
            <a:srgbClr val="00B6B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3" name="组合 2"/>
          <p:cNvGrpSpPr/>
          <p:nvPr/>
        </p:nvGrpSpPr>
        <p:grpSpPr>
          <a:xfrm>
            <a:off x="339798" y="62751"/>
            <a:ext cx="1376461" cy="1217409"/>
            <a:chOff x="2140462" y="1008439"/>
            <a:chExt cx="3190688" cy="2821999"/>
          </a:xfrm>
        </p:grpSpPr>
        <p:grpSp>
          <p:nvGrpSpPr>
            <p:cNvPr id="7" name="组合 6"/>
            <p:cNvGrpSpPr/>
            <p:nvPr/>
          </p:nvGrpSpPr>
          <p:grpSpPr>
            <a:xfrm>
              <a:off x="2140462" y="3135267"/>
              <a:ext cx="3190688" cy="695171"/>
              <a:chOff x="2140462" y="3135267"/>
              <a:chExt cx="3190688" cy="695171"/>
            </a:xfrm>
          </p:grpSpPr>
          <p:sp>
            <p:nvSpPr>
              <p:cNvPr id="8" name="Rectangle 37"/>
              <p:cNvSpPr>
                <a:spLocks noChangeArrowheads="1"/>
              </p:cNvSpPr>
              <p:nvPr/>
            </p:nvSpPr>
            <p:spPr bwMode="auto">
              <a:xfrm>
                <a:off x="2140462" y="3135267"/>
                <a:ext cx="3190688" cy="687802"/>
              </a:xfrm>
              <a:prstGeom prst="rect">
                <a:avLst/>
              </a:prstGeom>
              <a:solidFill>
                <a:srgbClr val="AEDBA9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9" name="Rectangle 25"/>
              <p:cNvSpPr>
                <a:spLocks noChangeArrowheads="1"/>
              </p:cNvSpPr>
              <p:nvPr/>
            </p:nvSpPr>
            <p:spPr bwMode="auto">
              <a:xfrm>
                <a:off x="2447927" y="3141652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0" name="Rectangle 25"/>
              <p:cNvSpPr>
                <a:spLocks noChangeArrowheads="1"/>
              </p:cNvSpPr>
              <p:nvPr/>
            </p:nvSpPr>
            <p:spPr bwMode="auto">
              <a:xfrm>
                <a:off x="2645535" y="3135267"/>
                <a:ext cx="141896" cy="687802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11" name="Rectangle 29"/>
              <p:cNvSpPr>
                <a:spLocks noChangeArrowheads="1"/>
              </p:cNvSpPr>
              <p:nvPr/>
            </p:nvSpPr>
            <p:spPr bwMode="auto">
              <a:xfrm>
                <a:off x="4847031" y="3140668"/>
                <a:ext cx="228608" cy="689770"/>
              </a:xfrm>
              <a:prstGeom prst="rect">
                <a:avLst/>
              </a:pr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12" name="组合 11"/>
            <p:cNvGrpSpPr/>
            <p:nvPr/>
          </p:nvGrpSpPr>
          <p:grpSpPr>
            <a:xfrm>
              <a:off x="2573959" y="1008439"/>
              <a:ext cx="1266731" cy="2222633"/>
              <a:chOff x="2573959" y="1008439"/>
              <a:chExt cx="1266731" cy="2222633"/>
            </a:xfrm>
          </p:grpSpPr>
          <p:grpSp>
            <p:nvGrpSpPr>
              <p:cNvPr id="13" name="组合 12"/>
              <p:cNvGrpSpPr/>
              <p:nvPr/>
            </p:nvGrpSpPr>
            <p:grpSpPr>
              <a:xfrm>
                <a:off x="3452494" y="1343502"/>
                <a:ext cx="344489" cy="1577975"/>
                <a:chOff x="1230312" y="1006476"/>
                <a:chExt cx="344489" cy="1577975"/>
              </a:xfrm>
            </p:grpSpPr>
            <p:sp>
              <p:nvSpPr>
                <p:cNvPr id="48" name="Freeform 114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9" name="Freeform 115"/>
                <p:cNvSpPr/>
                <p:nvPr/>
              </p:nvSpPr>
              <p:spPr bwMode="auto">
                <a:xfrm>
                  <a:off x="1235075" y="2255838"/>
                  <a:ext cx="114300" cy="196850"/>
                </a:xfrm>
                <a:custGeom>
                  <a:avLst/>
                  <a:gdLst>
                    <a:gd name="T0" fmla="*/ 72 w 72"/>
                    <a:gd name="T1" fmla="*/ 11 h 124"/>
                    <a:gd name="T2" fmla="*/ 3 w 72"/>
                    <a:gd name="T3" fmla="*/ 0 h 124"/>
                    <a:gd name="T4" fmla="*/ 0 w 72"/>
                    <a:gd name="T5" fmla="*/ 118 h 124"/>
                    <a:gd name="T6" fmla="*/ 35 w 72"/>
                    <a:gd name="T7" fmla="*/ 124 h 124"/>
                    <a:gd name="T8" fmla="*/ 72 w 72"/>
                    <a:gd name="T9" fmla="*/ 11 h 12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4">
                      <a:moveTo>
                        <a:pt x="72" y="11"/>
                      </a:moveTo>
                      <a:lnTo>
                        <a:pt x="3" y="0"/>
                      </a:lnTo>
                      <a:lnTo>
                        <a:pt x="0" y="118"/>
                      </a:lnTo>
                      <a:lnTo>
                        <a:pt x="35" y="124"/>
                      </a:lnTo>
                      <a:lnTo>
                        <a:pt x="72" y="11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0" name="Freeform 116"/>
                <p:cNvSpPr/>
                <p:nvPr/>
              </p:nvSpPr>
              <p:spPr bwMode="auto">
                <a:xfrm>
                  <a:off x="1230312" y="2443163"/>
                  <a:ext cx="60325" cy="141288"/>
                </a:xfrm>
                <a:custGeom>
                  <a:avLst/>
                  <a:gdLst>
                    <a:gd name="T0" fmla="*/ 1 w 14"/>
                    <a:gd name="T1" fmla="*/ 0 h 33"/>
                    <a:gd name="T2" fmla="*/ 0 w 14"/>
                    <a:gd name="T3" fmla="*/ 26 h 33"/>
                    <a:gd name="T4" fmla="*/ 2 w 14"/>
                    <a:gd name="T5" fmla="*/ 32 h 33"/>
                    <a:gd name="T6" fmla="*/ 6 w 14"/>
                    <a:gd name="T7" fmla="*/ 27 h 33"/>
                    <a:gd name="T8" fmla="*/ 14 w 14"/>
                    <a:gd name="T9" fmla="*/ 2 h 33"/>
                    <a:gd name="T10" fmla="*/ 1 w 14"/>
                    <a:gd name="T11" fmla="*/ 0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4" h="33">
                      <a:moveTo>
                        <a:pt x="1" y="0"/>
                      </a:move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30"/>
                        <a:pt x="1" y="32"/>
                        <a:pt x="2" y="32"/>
                      </a:cubicBezTo>
                      <a:cubicBezTo>
                        <a:pt x="3" y="33"/>
                        <a:pt x="5" y="30"/>
                        <a:pt x="6" y="27"/>
                      </a:cubicBezTo>
                      <a:cubicBezTo>
                        <a:pt x="14" y="2"/>
                        <a:pt x="14" y="2"/>
                        <a:pt x="14" y="2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1" name="Freeform 117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2" name="Freeform 118"/>
                <p:cNvSpPr/>
                <p:nvPr/>
              </p:nvSpPr>
              <p:spPr bwMode="auto">
                <a:xfrm>
                  <a:off x="1239838" y="1138238"/>
                  <a:ext cx="304800" cy="1135063"/>
                </a:xfrm>
                <a:custGeom>
                  <a:avLst/>
                  <a:gdLst>
                    <a:gd name="T0" fmla="*/ 125 w 192"/>
                    <a:gd name="T1" fmla="*/ 0 h 715"/>
                    <a:gd name="T2" fmla="*/ 0 w 192"/>
                    <a:gd name="T3" fmla="*/ 704 h 715"/>
                    <a:gd name="T4" fmla="*/ 26 w 192"/>
                    <a:gd name="T5" fmla="*/ 710 h 715"/>
                    <a:gd name="T6" fmla="*/ 45 w 192"/>
                    <a:gd name="T7" fmla="*/ 713 h 715"/>
                    <a:gd name="T8" fmla="*/ 69 w 192"/>
                    <a:gd name="T9" fmla="*/ 715 h 715"/>
                    <a:gd name="T10" fmla="*/ 192 w 192"/>
                    <a:gd name="T11" fmla="*/ 19 h 715"/>
                    <a:gd name="T12" fmla="*/ 171 w 192"/>
                    <a:gd name="T13" fmla="*/ 16 h 715"/>
                    <a:gd name="T14" fmla="*/ 149 w 192"/>
                    <a:gd name="T15" fmla="*/ 10 h 715"/>
                    <a:gd name="T16" fmla="*/ 149 w 192"/>
                    <a:gd name="T17" fmla="*/ 5 h 715"/>
                    <a:gd name="T18" fmla="*/ 125 w 192"/>
                    <a:gd name="T19" fmla="*/ 0 h 7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2" h="715">
                      <a:moveTo>
                        <a:pt x="125" y="0"/>
                      </a:moveTo>
                      <a:lnTo>
                        <a:pt x="0" y="704"/>
                      </a:lnTo>
                      <a:lnTo>
                        <a:pt x="26" y="710"/>
                      </a:lnTo>
                      <a:lnTo>
                        <a:pt x="45" y="713"/>
                      </a:lnTo>
                      <a:lnTo>
                        <a:pt x="69" y="715"/>
                      </a:lnTo>
                      <a:lnTo>
                        <a:pt x="192" y="19"/>
                      </a:lnTo>
                      <a:lnTo>
                        <a:pt x="171" y="16"/>
                      </a:lnTo>
                      <a:lnTo>
                        <a:pt x="149" y="10"/>
                      </a:lnTo>
                      <a:lnTo>
                        <a:pt x="149" y="5"/>
                      </a:lnTo>
                      <a:lnTo>
                        <a:pt x="125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3" name="Freeform 119"/>
                <p:cNvSpPr/>
                <p:nvPr/>
              </p:nvSpPr>
              <p:spPr bwMode="auto">
                <a:xfrm>
                  <a:off x="1430338" y="1006476"/>
                  <a:ext cx="144463" cy="177800"/>
                </a:xfrm>
                <a:custGeom>
                  <a:avLst/>
                  <a:gdLst>
                    <a:gd name="T0" fmla="*/ 0 w 34"/>
                    <a:gd name="T1" fmla="*/ 36 h 42"/>
                    <a:gd name="T2" fmla="*/ 1 w 34"/>
                    <a:gd name="T3" fmla="*/ 37 h 42"/>
                    <a:gd name="T4" fmla="*/ 27 w 34"/>
                    <a:gd name="T5" fmla="*/ 42 h 42"/>
                    <a:gd name="T6" fmla="*/ 28 w 34"/>
                    <a:gd name="T7" fmla="*/ 42 h 42"/>
                    <a:gd name="T8" fmla="*/ 34 w 34"/>
                    <a:gd name="T9" fmla="*/ 6 h 42"/>
                    <a:gd name="T10" fmla="*/ 33 w 34"/>
                    <a:gd name="T11" fmla="*/ 5 h 42"/>
                    <a:gd name="T12" fmla="*/ 7 w 34"/>
                    <a:gd name="T13" fmla="*/ 0 h 42"/>
                    <a:gd name="T14" fmla="*/ 6 w 34"/>
                    <a:gd name="T15" fmla="*/ 1 h 42"/>
                    <a:gd name="T16" fmla="*/ 0 w 34"/>
                    <a:gd name="T17" fmla="*/ 36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4" h="42">
                      <a:moveTo>
                        <a:pt x="0" y="36"/>
                      </a:move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27" y="42"/>
                        <a:pt x="27" y="42"/>
                        <a:pt x="27" y="42"/>
                      </a:cubicBezTo>
                      <a:cubicBezTo>
                        <a:pt x="27" y="42"/>
                        <a:pt x="28" y="42"/>
                        <a:pt x="28" y="42"/>
                      </a:cubicBezTo>
                      <a:cubicBezTo>
                        <a:pt x="34" y="6"/>
                        <a:pt x="34" y="6"/>
                        <a:pt x="34" y="6"/>
                      </a:cubicBezTo>
                      <a:cubicBezTo>
                        <a:pt x="34" y="6"/>
                        <a:pt x="34" y="5"/>
                        <a:pt x="33" y="5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4" name="Freeform 120"/>
                <p:cNvSpPr>
                  <a:spLocks noEditPoints="1"/>
                </p:cNvSpPr>
                <p:nvPr/>
              </p:nvSpPr>
              <p:spPr bwMode="auto">
                <a:xfrm>
                  <a:off x="1235075" y="1006476"/>
                  <a:ext cx="280988" cy="1492250"/>
                </a:xfrm>
                <a:custGeom>
                  <a:avLst/>
                  <a:gdLst>
                    <a:gd name="T0" fmla="*/ 0 w 66"/>
                    <a:gd name="T1" fmla="*/ 339 h 351"/>
                    <a:gd name="T2" fmla="*/ 0 w 66"/>
                    <a:gd name="T3" fmla="*/ 338 h 351"/>
                    <a:gd name="T4" fmla="*/ 13 w 66"/>
                    <a:gd name="T5" fmla="*/ 296 h 351"/>
                    <a:gd name="T6" fmla="*/ 13 w 66"/>
                    <a:gd name="T7" fmla="*/ 296 h 351"/>
                    <a:gd name="T8" fmla="*/ 13 w 66"/>
                    <a:gd name="T9" fmla="*/ 296 h 351"/>
                    <a:gd name="T10" fmla="*/ 13 w 66"/>
                    <a:gd name="T11" fmla="*/ 296 h 351"/>
                    <a:gd name="T12" fmla="*/ 1 w 66"/>
                    <a:gd name="T13" fmla="*/ 294 h 351"/>
                    <a:gd name="T14" fmla="*/ 1 w 66"/>
                    <a:gd name="T15" fmla="*/ 316 h 351"/>
                    <a:gd name="T16" fmla="*/ 1 w 66"/>
                    <a:gd name="T17" fmla="*/ 294 h 351"/>
                    <a:gd name="T18" fmla="*/ 1 w 66"/>
                    <a:gd name="T19" fmla="*/ 294 h 351"/>
                    <a:gd name="T20" fmla="*/ 1 w 66"/>
                    <a:gd name="T21" fmla="*/ 294 h 351"/>
                    <a:gd name="T22" fmla="*/ 46 w 66"/>
                    <a:gd name="T23" fmla="*/ 36 h 351"/>
                    <a:gd name="T24" fmla="*/ 47 w 66"/>
                    <a:gd name="T25" fmla="*/ 38 h 351"/>
                    <a:gd name="T26" fmla="*/ 47 w 66"/>
                    <a:gd name="T27" fmla="*/ 37 h 351"/>
                    <a:gd name="T28" fmla="*/ 52 w 66"/>
                    <a:gd name="T29" fmla="*/ 1 h 351"/>
                    <a:gd name="T30" fmla="*/ 52 w 66"/>
                    <a:gd name="T31" fmla="*/ 1 h 351"/>
                    <a:gd name="T32" fmla="*/ 52 w 66"/>
                    <a:gd name="T33" fmla="*/ 1 h 351"/>
                    <a:gd name="T34" fmla="*/ 52 w 66"/>
                    <a:gd name="T35" fmla="*/ 1 h 351"/>
                    <a:gd name="T36" fmla="*/ 52 w 66"/>
                    <a:gd name="T37" fmla="*/ 1 h 351"/>
                    <a:gd name="T38" fmla="*/ 52 w 66"/>
                    <a:gd name="T39" fmla="*/ 1 h 351"/>
                    <a:gd name="T40" fmla="*/ 52 w 66"/>
                    <a:gd name="T41" fmla="*/ 1 h 351"/>
                    <a:gd name="T42" fmla="*/ 52 w 66"/>
                    <a:gd name="T43" fmla="*/ 1 h 351"/>
                    <a:gd name="T44" fmla="*/ 52 w 66"/>
                    <a:gd name="T45" fmla="*/ 1 h 351"/>
                    <a:gd name="T46" fmla="*/ 52 w 66"/>
                    <a:gd name="T47" fmla="*/ 1 h 351"/>
                    <a:gd name="T48" fmla="*/ 52 w 66"/>
                    <a:gd name="T49" fmla="*/ 1 h 351"/>
                    <a:gd name="T50" fmla="*/ 52 w 66"/>
                    <a:gd name="T51" fmla="*/ 1 h 351"/>
                    <a:gd name="T52" fmla="*/ 52 w 66"/>
                    <a:gd name="T53" fmla="*/ 1 h 351"/>
                    <a:gd name="T54" fmla="*/ 52 w 66"/>
                    <a:gd name="T55" fmla="*/ 1 h 351"/>
                    <a:gd name="T56" fmla="*/ 52 w 66"/>
                    <a:gd name="T57" fmla="*/ 1 h 351"/>
                    <a:gd name="T58" fmla="*/ 52 w 66"/>
                    <a:gd name="T59" fmla="*/ 1 h 351"/>
                    <a:gd name="T60" fmla="*/ 52 w 66"/>
                    <a:gd name="T61" fmla="*/ 1 h 351"/>
                    <a:gd name="T62" fmla="*/ 52 w 66"/>
                    <a:gd name="T63" fmla="*/ 1 h 351"/>
                    <a:gd name="T64" fmla="*/ 53 w 66"/>
                    <a:gd name="T65" fmla="*/ 0 h 351"/>
                    <a:gd name="T66" fmla="*/ 53 w 66"/>
                    <a:gd name="T67" fmla="*/ 0 h 351"/>
                    <a:gd name="T68" fmla="*/ 66 w 66"/>
                    <a:gd name="T69" fmla="*/ 3 h 351"/>
                    <a:gd name="T70" fmla="*/ 53 w 66"/>
                    <a:gd name="T71" fmla="*/ 0 h 35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</a:cxnLst>
                  <a:rect l="0" t="0" r="r" b="b"/>
                  <a:pathLst>
                    <a:path w="66" h="351">
                      <a:moveTo>
                        <a:pt x="0" y="338"/>
                      </a:moveTo>
                      <a:cubicBezTo>
                        <a:pt x="0" y="339"/>
                        <a:pt x="0" y="339"/>
                        <a:pt x="0" y="339"/>
                      </a:cubicBezTo>
                      <a:cubicBezTo>
                        <a:pt x="0" y="351"/>
                        <a:pt x="0" y="351"/>
                        <a:pt x="0" y="351"/>
                      </a:cubicBezTo>
                      <a:cubicBezTo>
                        <a:pt x="0" y="338"/>
                        <a:pt x="0" y="338"/>
                        <a:pt x="0" y="338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3" y="296"/>
                      </a:move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cubicBezTo>
                        <a:pt x="13" y="296"/>
                        <a:pt x="13" y="296"/>
                        <a:pt x="13" y="296"/>
                      </a:cubicBezTo>
                      <a:moveTo>
                        <a:pt x="1" y="294"/>
                      </a:moveTo>
                      <a:cubicBezTo>
                        <a:pt x="1" y="295"/>
                        <a:pt x="1" y="295"/>
                        <a:pt x="1" y="295"/>
                      </a:cubicBezTo>
                      <a:cubicBezTo>
                        <a:pt x="1" y="316"/>
                        <a:pt x="1" y="316"/>
                        <a:pt x="1" y="316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1" y="294"/>
                      </a:move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5" y="295"/>
                        <a:pt x="5" y="295"/>
                        <a:pt x="5" y="295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cubicBezTo>
                        <a:pt x="1" y="294"/>
                        <a:pt x="1" y="294"/>
                        <a:pt x="1" y="294"/>
                      </a:cubicBezTo>
                      <a:moveTo>
                        <a:pt x="46" y="36"/>
                      </a:moveTo>
                      <a:cubicBezTo>
                        <a:pt x="46" y="37"/>
                        <a:pt x="46" y="37"/>
                        <a:pt x="46" y="37"/>
                      </a:cubicBezTo>
                      <a:cubicBezTo>
                        <a:pt x="46" y="37"/>
                        <a:pt x="47" y="38"/>
                        <a:pt x="47" y="38"/>
                      </a:cubicBezTo>
                      <a:cubicBezTo>
                        <a:pt x="2" y="292"/>
                        <a:pt x="2" y="292"/>
                        <a:pt x="2" y="292"/>
                      </a:cubicBezTo>
                      <a:cubicBezTo>
                        <a:pt x="47" y="37"/>
                        <a:pt x="47" y="37"/>
                        <a:pt x="47" y="37"/>
                      </a:cubicBezTo>
                      <a:cubicBezTo>
                        <a:pt x="46" y="37"/>
                        <a:pt x="46" y="37"/>
                        <a:pt x="46" y="36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2" y="1"/>
                      </a:moveTo>
                      <a:cubicBezTo>
                        <a:pt x="52" y="1"/>
                        <a:pt x="52" y="1"/>
                        <a:pt x="52" y="1"/>
                      </a:cubicBezTo>
                      <a:cubicBezTo>
                        <a:pt x="52" y="1"/>
                        <a:pt x="52" y="1"/>
                        <a:pt x="52" y="1"/>
                      </a:cubicBezTo>
                      <a:moveTo>
                        <a:pt x="53" y="0"/>
                      </a:moveTo>
                      <a:cubicBezTo>
                        <a:pt x="53" y="0"/>
                        <a:pt x="53" y="1"/>
                        <a:pt x="52" y="1"/>
                      </a:cubicBezTo>
                      <a:cubicBezTo>
                        <a:pt x="53" y="1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66" y="3"/>
                        <a:pt x="66" y="3"/>
                        <a:pt x="66" y="3"/>
                      </a:cubicBezTo>
                      <a:cubicBezTo>
                        <a:pt x="53" y="0"/>
                        <a:pt x="53" y="0"/>
                        <a:pt x="53" y="0"/>
                      </a:cubicBezTo>
                      <a:cubicBezTo>
                        <a:pt x="53" y="0"/>
                        <a:pt x="53" y="0"/>
                        <a:pt x="5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5" name="Freeform 121"/>
                <p:cNvSpPr/>
                <p:nvPr/>
              </p:nvSpPr>
              <p:spPr bwMode="auto">
                <a:xfrm>
                  <a:off x="1235075" y="2255838"/>
                  <a:ext cx="58738" cy="192088"/>
                </a:xfrm>
                <a:custGeom>
                  <a:avLst/>
                  <a:gdLst>
                    <a:gd name="T0" fmla="*/ 1 w 14"/>
                    <a:gd name="T1" fmla="*/ 0 h 45"/>
                    <a:gd name="T2" fmla="*/ 1 w 14"/>
                    <a:gd name="T3" fmla="*/ 0 h 45"/>
                    <a:gd name="T4" fmla="*/ 1 w 14"/>
                    <a:gd name="T5" fmla="*/ 22 h 45"/>
                    <a:gd name="T6" fmla="*/ 0 w 14"/>
                    <a:gd name="T7" fmla="*/ 43 h 45"/>
                    <a:gd name="T8" fmla="*/ 0 w 14"/>
                    <a:gd name="T9" fmla="*/ 44 h 45"/>
                    <a:gd name="T10" fmla="*/ 7 w 14"/>
                    <a:gd name="T11" fmla="*/ 45 h 45"/>
                    <a:gd name="T12" fmla="*/ 14 w 14"/>
                    <a:gd name="T13" fmla="*/ 3 h 45"/>
                    <a:gd name="T14" fmla="*/ 13 w 14"/>
                    <a:gd name="T15" fmla="*/ 2 h 45"/>
                    <a:gd name="T16" fmla="*/ 13 w 14"/>
                    <a:gd name="T17" fmla="*/ 2 h 45"/>
                    <a:gd name="T18" fmla="*/ 11 w 14"/>
                    <a:gd name="T19" fmla="*/ 2 h 45"/>
                    <a:gd name="T20" fmla="*/ 5 w 14"/>
                    <a:gd name="T21" fmla="*/ 1 h 45"/>
                    <a:gd name="T22" fmla="*/ 1 w 14"/>
                    <a:gd name="T23" fmla="*/ 0 h 4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4" h="45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22"/>
                        <a:pt x="1" y="22"/>
                        <a:pt x="1" y="22"/>
                      </a:cubicBezTo>
                      <a:cubicBezTo>
                        <a:pt x="0" y="43"/>
                        <a:pt x="0" y="43"/>
                        <a:pt x="0" y="43"/>
                      </a:cubicBezTo>
                      <a:cubicBezTo>
                        <a:pt x="0" y="44"/>
                        <a:pt x="0" y="44"/>
                        <a:pt x="0" y="44"/>
                      </a:cubicBezTo>
                      <a:cubicBezTo>
                        <a:pt x="7" y="45"/>
                        <a:pt x="7" y="45"/>
                        <a:pt x="7" y="45"/>
                      </a:cubicBezTo>
                      <a:cubicBezTo>
                        <a:pt x="14" y="3"/>
                        <a:pt x="14" y="3"/>
                        <a:pt x="14" y="3"/>
                      </a:cubicBezTo>
                      <a:cubicBezTo>
                        <a:pt x="14" y="3"/>
                        <a:pt x="14" y="2"/>
                        <a:pt x="13" y="2"/>
                      </a:cubicBezTo>
                      <a:cubicBezTo>
                        <a:pt x="13" y="2"/>
                        <a:pt x="13" y="2"/>
                        <a:pt x="13" y="2"/>
                      </a:cubicBezTo>
                      <a:cubicBezTo>
                        <a:pt x="11" y="2"/>
                        <a:pt x="11" y="2"/>
                        <a:pt x="11" y="2"/>
                      </a:cubicBezTo>
                      <a:cubicBezTo>
                        <a:pt x="5" y="1"/>
                        <a:pt x="5" y="1"/>
                        <a:pt x="5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59" name="Freeform 122"/>
                <p:cNvSpPr/>
                <p:nvPr/>
              </p:nvSpPr>
              <p:spPr bwMode="auto">
                <a:xfrm>
                  <a:off x="1230312" y="2443163"/>
                  <a:ext cx="34925" cy="136525"/>
                </a:xfrm>
                <a:custGeom>
                  <a:avLst/>
                  <a:gdLst>
                    <a:gd name="T0" fmla="*/ 1 w 8"/>
                    <a:gd name="T1" fmla="*/ 0 h 32"/>
                    <a:gd name="T2" fmla="*/ 1 w 8"/>
                    <a:gd name="T3" fmla="*/ 0 h 32"/>
                    <a:gd name="T4" fmla="*/ 1 w 8"/>
                    <a:gd name="T5" fmla="*/ 13 h 32"/>
                    <a:gd name="T6" fmla="*/ 0 w 8"/>
                    <a:gd name="T7" fmla="*/ 25 h 32"/>
                    <a:gd name="T8" fmla="*/ 0 w 8"/>
                    <a:gd name="T9" fmla="*/ 25 h 32"/>
                    <a:gd name="T10" fmla="*/ 0 w 8"/>
                    <a:gd name="T11" fmla="*/ 26 h 32"/>
                    <a:gd name="T12" fmla="*/ 0 w 8"/>
                    <a:gd name="T13" fmla="*/ 27 h 32"/>
                    <a:gd name="T14" fmla="*/ 1 w 8"/>
                    <a:gd name="T15" fmla="*/ 32 h 32"/>
                    <a:gd name="T16" fmla="*/ 2 w 8"/>
                    <a:gd name="T17" fmla="*/ 32 h 32"/>
                    <a:gd name="T18" fmla="*/ 2 w 8"/>
                    <a:gd name="T19" fmla="*/ 32 h 32"/>
                    <a:gd name="T20" fmla="*/ 2 w 8"/>
                    <a:gd name="T21" fmla="*/ 31 h 32"/>
                    <a:gd name="T22" fmla="*/ 8 w 8"/>
                    <a:gd name="T23" fmla="*/ 1 h 32"/>
                    <a:gd name="T24" fmla="*/ 1 w 8"/>
                    <a:gd name="T25" fmla="*/ 0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8" h="32">
                      <a:moveTo>
                        <a:pt x="1" y="0"/>
                      </a:moveTo>
                      <a:cubicBezTo>
                        <a:pt x="1" y="0"/>
                        <a:pt x="1" y="0"/>
                        <a:pt x="1" y="0"/>
                      </a:cubicBezTo>
                      <a:cubicBezTo>
                        <a:pt x="1" y="13"/>
                        <a:pt x="1" y="13"/>
                        <a:pt x="1" y="13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5"/>
                        <a:pt x="0" y="25"/>
                        <a:pt x="0" y="25"/>
                      </a:cubicBezTo>
                      <a:cubicBezTo>
                        <a:pt x="0" y="26"/>
                        <a:pt x="0" y="26"/>
                        <a:pt x="0" y="26"/>
                      </a:cubicBezTo>
                      <a:cubicBezTo>
                        <a:pt x="0" y="26"/>
                        <a:pt x="0" y="27"/>
                        <a:pt x="0" y="27"/>
                      </a:cubicBezTo>
                      <a:cubicBezTo>
                        <a:pt x="1" y="32"/>
                        <a:pt x="1" y="32"/>
                        <a:pt x="1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2"/>
                      </a:cubicBezTo>
                      <a:cubicBezTo>
                        <a:pt x="2" y="32"/>
                        <a:pt x="2" y="32"/>
                        <a:pt x="2" y="31"/>
                      </a:cubicBezTo>
                      <a:cubicBezTo>
                        <a:pt x="8" y="1"/>
                        <a:pt x="8" y="1"/>
                        <a:pt x="8" y="1"/>
                      </a:cubicBezTo>
                      <a:cubicBezTo>
                        <a:pt x="1" y="0"/>
                        <a:pt x="1" y="0"/>
                        <a:pt x="1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0" name="Freeform 123"/>
                <p:cNvSpPr/>
                <p:nvPr/>
              </p:nvSpPr>
              <p:spPr bwMode="auto">
                <a:xfrm>
                  <a:off x="1239838" y="1163638"/>
                  <a:ext cx="249238" cy="1101725"/>
                </a:xfrm>
                <a:custGeom>
                  <a:avLst/>
                  <a:gdLst>
                    <a:gd name="T0" fmla="*/ 46 w 59"/>
                    <a:gd name="T1" fmla="*/ 0 h 259"/>
                    <a:gd name="T2" fmla="*/ 1 w 59"/>
                    <a:gd name="T3" fmla="*/ 255 h 259"/>
                    <a:gd name="T4" fmla="*/ 0 w 59"/>
                    <a:gd name="T5" fmla="*/ 256 h 259"/>
                    <a:gd name="T6" fmla="*/ 0 w 59"/>
                    <a:gd name="T7" fmla="*/ 257 h 259"/>
                    <a:gd name="T8" fmla="*/ 0 w 59"/>
                    <a:gd name="T9" fmla="*/ 257 h 259"/>
                    <a:gd name="T10" fmla="*/ 4 w 59"/>
                    <a:gd name="T11" fmla="*/ 258 h 259"/>
                    <a:gd name="T12" fmla="*/ 10 w 59"/>
                    <a:gd name="T13" fmla="*/ 259 h 259"/>
                    <a:gd name="T14" fmla="*/ 12 w 59"/>
                    <a:gd name="T15" fmla="*/ 259 h 259"/>
                    <a:gd name="T16" fmla="*/ 12 w 59"/>
                    <a:gd name="T17" fmla="*/ 259 h 259"/>
                    <a:gd name="T18" fmla="*/ 12 w 59"/>
                    <a:gd name="T19" fmla="*/ 259 h 259"/>
                    <a:gd name="T20" fmla="*/ 12 w 59"/>
                    <a:gd name="T21" fmla="*/ 259 h 259"/>
                    <a:gd name="T22" fmla="*/ 12 w 59"/>
                    <a:gd name="T23" fmla="*/ 259 h 259"/>
                    <a:gd name="T24" fmla="*/ 12 w 59"/>
                    <a:gd name="T25" fmla="*/ 259 h 259"/>
                    <a:gd name="T26" fmla="*/ 12 w 59"/>
                    <a:gd name="T27" fmla="*/ 259 h 259"/>
                    <a:gd name="T28" fmla="*/ 12 w 59"/>
                    <a:gd name="T29" fmla="*/ 259 h 259"/>
                    <a:gd name="T30" fmla="*/ 13 w 59"/>
                    <a:gd name="T31" fmla="*/ 258 h 259"/>
                    <a:gd name="T32" fmla="*/ 59 w 59"/>
                    <a:gd name="T33" fmla="*/ 3 h 259"/>
                    <a:gd name="T34" fmla="*/ 46 w 59"/>
                    <a:gd name="T35" fmla="*/ 0 h 259"/>
                    <a:gd name="T36" fmla="*/ 46 w 59"/>
                    <a:gd name="T37" fmla="*/ 0 h 25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</a:cxnLst>
                  <a:rect l="0" t="0" r="r" b="b"/>
                  <a:pathLst>
                    <a:path w="59" h="259">
                      <a:moveTo>
                        <a:pt x="46" y="0"/>
                      </a:moveTo>
                      <a:cubicBezTo>
                        <a:pt x="1" y="255"/>
                        <a:pt x="1" y="255"/>
                        <a:pt x="1" y="255"/>
                      </a:cubicBezTo>
                      <a:cubicBezTo>
                        <a:pt x="0" y="256"/>
                        <a:pt x="0" y="256"/>
                        <a:pt x="0" y="256"/>
                      </a:cubicBezTo>
                      <a:cubicBezTo>
                        <a:pt x="0" y="256"/>
                        <a:pt x="0" y="257"/>
                        <a:pt x="0" y="257"/>
                      </a:cubicBezTo>
                      <a:cubicBezTo>
                        <a:pt x="0" y="257"/>
                        <a:pt x="0" y="257"/>
                        <a:pt x="0" y="257"/>
                      </a:cubicBezTo>
                      <a:cubicBezTo>
                        <a:pt x="4" y="258"/>
                        <a:pt x="4" y="258"/>
                        <a:pt x="4" y="258"/>
                      </a:cubicBezTo>
                      <a:cubicBezTo>
                        <a:pt x="10" y="259"/>
                        <a:pt x="10" y="259"/>
                        <a:pt x="10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2" y="259"/>
                        <a:pt x="12" y="259"/>
                        <a:pt x="12" y="259"/>
                      </a:cubicBezTo>
                      <a:cubicBezTo>
                        <a:pt x="13" y="259"/>
                        <a:pt x="13" y="259"/>
                        <a:pt x="13" y="258"/>
                      </a:cubicBezTo>
                      <a:cubicBezTo>
                        <a:pt x="59" y="3"/>
                        <a:pt x="59" y="3"/>
                        <a:pt x="59" y="3"/>
                      </a:cubicBezTo>
                      <a:cubicBezTo>
                        <a:pt x="46" y="0"/>
                        <a:pt x="46" y="0"/>
                        <a:pt x="46" y="0"/>
                      </a:cubicBezTo>
                      <a:cubicBezTo>
                        <a:pt x="46" y="0"/>
                        <a:pt x="46" y="0"/>
                        <a:pt x="46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61" name="Freeform 124"/>
                <p:cNvSpPr/>
                <p:nvPr/>
              </p:nvSpPr>
              <p:spPr bwMode="auto">
                <a:xfrm>
                  <a:off x="1430338" y="1006476"/>
                  <a:ext cx="88900" cy="169863"/>
                </a:xfrm>
                <a:custGeom>
                  <a:avLst/>
                  <a:gdLst>
                    <a:gd name="T0" fmla="*/ 7 w 21"/>
                    <a:gd name="T1" fmla="*/ 0 h 40"/>
                    <a:gd name="T2" fmla="*/ 6 w 21"/>
                    <a:gd name="T3" fmla="*/ 1 h 40"/>
                    <a:gd name="T4" fmla="*/ 6 w 21"/>
                    <a:gd name="T5" fmla="*/ 1 h 40"/>
                    <a:gd name="T6" fmla="*/ 6 w 21"/>
                    <a:gd name="T7" fmla="*/ 1 h 40"/>
                    <a:gd name="T8" fmla="*/ 6 w 21"/>
                    <a:gd name="T9" fmla="*/ 1 h 40"/>
                    <a:gd name="T10" fmla="*/ 6 w 21"/>
                    <a:gd name="T11" fmla="*/ 1 h 40"/>
                    <a:gd name="T12" fmla="*/ 6 w 21"/>
                    <a:gd name="T13" fmla="*/ 1 h 40"/>
                    <a:gd name="T14" fmla="*/ 6 w 21"/>
                    <a:gd name="T15" fmla="*/ 1 h 40"/>
                    <a:gd name="T16" fmla="*/ 6 w 21"/>
                    <a:gd name="T17" fmla="*/ 1 h 40"/>
                    <a:gd name="T18" fmla="*/ 6 w 21"/>
                    <a:gd name="T19" fmla="*/ 1 h 40"/>
                    <a:gd name="T20" fmla="*/ 6 w 21"/>
                    <a:gd name="T21" fmla="*/ 1 h 40"/>
                    <a:gd name="T22" fmla="*/ 6 w 21"/>
                    <a:gd name="T23" fmla="*/ 1 h 40"/>
                    <a:gd name="T24" fmla="*/ 6 w 21"/>
                    <a:gd name="T25" fmla="*/ 1 h 40"/>
                    <a:gd name="T26" fmla="*/ 6 w 21"/>
                    <a:gd name="T27" fmla="*/ 1 h 40"/>
                    <a:gd name="T28" fmla="*/ 6 w 21"/>
                    <a:gd name="T29" fmla="*/ 1 h 40"/>
                    <a:gd name="T30" fmla="*/ 6 w 21"/>
                    <a:gd name="T31" fmla="*/ 1 h 40"/>
                    <a:gd name="T32" fmla="*/ 6 w 21"/>
                    <a:gd name="T33" fmla="*/ 1 h 40"/>
                    <a:gd name="T34" fmla="*/ 6 w 21"/>
                    <a:gd name="T35" fmla="*/ 1 h 40"/>
                    <a:gd name="T36" fmla="*/ 6 w 21"/>
                    <a:gd name="T37" fmla="*/ 1 h 40"/>
                    <a:gd name="T38" fmla="*/ 6 w 21"/>
                    <a:gd name="T39" fmla="*/ 1 h 40"/>
                    <a:gd name="T40" fmla="*/ 6 w 21"/>
                    <a:gd name="T41" fmla="*/ 1 h 40"/>
                    <a:gd name="T42" fmla="*/ 6 w 21"/>
                    <a:gd name="T43" fmla="*/ 1 h 40"/>
                    <a:gd name="T44" fmla="*/ 6 w 21"/>
                    <a:gd name="T45" fmla="*/ 1 h 40"/>
                    <a:gd name="T46" fmla="*/ 6 w 21"/>
                    <a:gd name="T47" fmla="*/ 1 h 40"/>
                    <a:gd name="T48" fmla="*/ 6 w 21"/>
                    <a:gd name="T49" fmla="*/ 1 h 40"/>
                    <a:gd name="T50" fmla="*/ 6 w 21"/>
                    <a:gd name="T51" fmla="*/ 1 h 40"/>
                    <a:gd name="T52" fmla="*/ 6 w 21"/>
                    <a:gd name="T53" fmla="*/ 1 h 40"/>
                    <a:gd name="T54" fmla="*/ 6 w 21"/>
                    <a:gd name="T55" fmla="*/ 1 h 40"/>
                    <a:gd name="T56" fmla="*/ 0 w 21"/>
                    <a:gd name="T57" fmla="*/ 36 h 40"/>
                    <a:gd name="T58" fmla="*/ 0 w 21"/>
                    <a:gd name="T59" fmla="*/ 36 h 40"/>
                    <a:gd name="T60" fmla="*/ 0 w 21"/>
                    <a:gd name="T61" fmla="*/ 36 h 40"/>
                    <a:gd name="T62" fmla="*/ 1 w 21"/>
                    <a:gd name="T63" fmla="*/ 37 h 40"/>
                    <a:gd name="T64" fmla="*/ 1 w 21"/>
                    <a:gd name="T65" fmla="*/ 37 h 40"/>
                    <a:gd name="T66" fmla="*/ 14 w 21"/>
                    <a:gd name="T67" fmla="*/ 40 h 40"/>
                    <a:gd name="T68" fmla="*/ 21 w 21"/>
                    <a:gd name="T69" fmla="*/ 4 h 40"/>
                    <a:gd name="T70" fmla="*/ 20 w 21"/>
                    <a:gd name="T71" fmla="*/ 3 h 40"/>
                    <a:gd name="T72" fmla="*/ 7 w 21"/>
                    <a:gd name="T73" fmla="*/ 0 h 40"/>
                    <a:gd name="T74" fmla="*/ 7 w 21"/>
                    <a:gd name="T75" fmla="*/ 0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</a:cxnLst>
                  <a:rect l="0" t="0" r="r" b="b"/>
                  <a:pathLst>
                    <a:path w="21" h="40">
                      <a:moveTo>
                        <a:pt x="7" y="0"/>
                      </a:moveTo>
                      <a:cubicBezTo>
                        <a:pt x="7" y="0"/>
                        <a:pt x="7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6"/>
                        <a:pt x="0" y="36"/>
                        <a:pt x="0" y="36"/>
                      </a:cubicBezTo>
                      <a:cubicBezTo>
                        <a:pt x="0" y="37"/>
                        <a:pt x="0" y="37"/>
                        <a:pt x="1" y="37"/>
                      </a:cubicBezTo>
                      <a:cubicBezTo>
                        <a:pt x="1" y="37"/>
                        <a:pt x="1" y="37"/>
                        <a:pt x="1" y="37"/>
                      </a:cubicBezTo>
                      <a:cubicBezTo>
                        <a:pt x="14" y="40"/>
                        <a:pt x="14" y="40"/>
                        <a:pt x="14" y="40"/>
                      </a:cubicBezTo>
                      <a:cubicBezTo>
                        <a:pt x="21" y="4"/>
                        <a:pt x="21" y="4"/>
                        <a:pt x="21" y="4"/>
                      </a:cubicBezTo>
                      <a:cubicBezTo>
                        <a:pt x="21" y="3"/>
                        <a:pt x="20" y="3"/>
                        <a:pt x="20" y="3"/>
                      </a:cubicBezTo>
                      <a:cubicBezTo>
                        <a:pt x="7" y="0"/>
                        <a:pt x="7" y="0"/>
                        <a:pt x="7" y="0"/>
                      </a:cubicBezTo>
                      <a:cubicBezTo>
                        <a:pt x="7" y="0"/>
                        <a:pt x="7" y="0"/>
                        <a:pt x="7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grpSp>
            <p:nvGrpSpPr>
              <p:cNvPr id="14" name="组合 13"/>
              <p:cNvGrpSpPr/>
              <p:nvPr/>
            </p:nvGrpSpPr>
            <p:grpSpPr>
              <a:xfrm>
                <a:off x="2573959" y="1008439"/>
                <a:ext cx="1266731" cy="2222633"/>
                <a:chOff x="2022380" y="1257933"/>
                <a:chExt cx="944563" cy="1657350"/>
              </a:xfrm>
            </p:grpSpPr>
            <p:sp>
              <p:nvSpPr>
                <p:cNvPr id="15" name="Freeform 5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6" name="Freeform 6"/>
                <p:cNvSpPr/>
                <p:nvPr/>
              </p:nvSpPr>
              <p:spPr bwMode="auto">
                <a:xfrm>
                  <a:off x="2306543" y="2516820"/>
                  <a:ext cx="122238" cy="200025"/>
                </a:xfrm>
                <a:custGeom>
                  <a:avLst/>
                  <a:gdLst>
                    <a:gd name="T0" fmla="*/ 69 w 77"/>
                    <a:gd name="T1" fmla="*/ 0 h 126"/>
                    <a:gd name="T2" fmla="*/ 0 w 77"/>
                    <a:gd name="T3" fmla="*/ 16 h 126"/>
                    <a:gd name="T4" fmla="*/ 42 w 77"/>
                    <a:gd name="T5" fmla="*/ 126 h 126"/>
                    <a:gd name="T6" fmla="*/ 77 w 77"/>
                    <a:gd name="T7" fmla="*/ 118 h 126"/>
                    <a:gd name="T8" fmla="*/ 69 w 77"/>
                    <a:gd name="T9" fmla="*/ 0 h 12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7" h="126">
                      <a:moveTo>
                        <a:pt x="69" y="0"/>
                      </a:moveTo>
                      <a:lnTo>
                        <a:pt x="0" y="16"/>
                      </a:lnTo>
                      <a:lnTo>
                        <a:pt x="42" y="126"/>
                      </a:lnTo>
                      <a:lnTo>
                        <a:pt x="77" y="118"/>
                      </a:lnTo>
                      <a:lnTo>
                        <a:pt x="69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7" name="Freeform 7"/>
                <p:cNvSpPr/>
                <p:nvPr/>
              </p:nvSpPr>
              <p:spPr bwMode="auto">
                <a:xfrm>
                  <a:off x="2373218" y="2704145"/>
                  <a:ext cx="63500" cy="139700"/>
                </a:xfrm>
                <a:custGeom>
                  <a:avLst/>
                  <a:gdLst>
                    <a:gd name="T0" fmla="*/ 0 w 15"/>
                    <a:gd name="T1" fmla="*/ 3 h 33"/>
                    <a:gd name="T2" fmla="*/ 10 w 15"/>
                    <a:gd name="T3" fmla="*/ 27 h 33"/>
                    <a:gd name="T4" fmla="*/ 14 w 15"/>
                    <a:gd name="T5" fmla="*/ 32 h 33"/>
                    <a:gd name="T6" fmla="*/ 15 w 15"/>
                    <a:gd name="T7" fmla="*/ 26 h 33"/>
                    <a:gd name="T8" fmla="*/ 13 w 15"/>
                    <a:gd name="T9" fmla="*/ 0 h 33"/>
                    <a:gd name="T10" fmla="*/ 0 w 15"/>
                    <a:gd name="T11" fmla="*/ 3 h 3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5" h="33">
                      <a:moveTo>
                        <a:pt x="0" y="3"/>
                      </a:moveTo>
                      <a:cubicBezTo>
                        <a:pt x="10" y="27"/>
                        <a:pt x="10" y="27"/>
                        <a:pt x="10" y="27"/>
                      </a:cubicBezTo>
                      <a:cubicBezTo>
                        <a:pt x="11" y="31"/>
                        <a:pt x="13" y="33"/>
                        <a:pt x="14" y="32"/>
                      </a:cubicBezTo>
                      <a:cubicBezTo>
                        <a:pt x="15" y="32"/>
                        <a:pt x="15" y="30"/>
                        <a:pt x="15" y="26"/>
                      </a:cubicBez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0" y="3"/>
                        <a:pt x="0" y="3"/>
                        <a:pt x="0" y="3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8" name="Freeform 8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19" name="Freeform 9"/>
                <p:cNvSpPr/>
                <p:nvPr/>
              </p:nvSpPr>
              <p:spPr bwMode="auto">
                <a:xfrm>
                  <a:off x="2055718" y="1424620"/>
                  <a:ext cx="360363" cy="1117600"/>
                </a:xfrm>
                <a:custGeom>
                  <a:avLst/>
                  <a:gdLst>
                    <a:gd name="T0" fmla="*/ 0 w 227"/>
                    <a:gd name="T1" fmla="*/ 10 h 704"/>
                    <a:gd name="T2" fmla="*/ 158 w 227"/>
                    <a:gd name="T3" fmla="*/ 704 h 704"/>
                    <a:gd name="T4" fmla="*/ 182 w 227"/>
                    <a:gd name="T5" fmla="*/ 699 h 704"/>
                    <a:gd name="T6" fmla="*/ 203 w 227"/>
                    <a:gd name="T7" fmla="*/ 694 h 704"/>
                    <a:gd name="T8" fmla="*/ 227 w 227"/>
                    <a:gd name="T9" fmla="*/ 688 h 704"/>
                    <a:gd name="T10" fmla="*/ 69 w 227"/>
                    <a:gd name="T11" fmla="*/ 0 h 704"/>
                    <a:gd name="T12" fmla="*/ 45 w 227"/>
                    <a:gd name="T13" fmla="*/ 5 h 704"/>
                    <a:gd name="T14" fmla="*/ 24 w 227"/>
                    <a:gd name="T15" fmla="*/ 10 h 704"/>
                    <a:gd name="T16" fmla="*/ 24 w 227"/>
                    <a:gd name="T17" fmla="*/ 5 h 704"/>
                    <a:gd name="T18" fmla="*/ 0 w 227"/>
                    <a:gd name="T19" fmla="*/ 10 h 70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227" h="704">
                      <a:moveTo>
                        <a:pt x="0" y="10"/>
                      </a:moveTo>
                      <a:lnTo>
                        <a:pt x="158" y="704"/>
                      </a:lnTo>
                      <a:lnTo>
                        <a:pt x="182" y="699"/>
                      </a:lnTo>
                      <a:lnTo>
                        <a:pt x="203" y="694"/>
                      </a:lnTo>
                      <a:lnTo>
                        <a:pt x="227" y="688"/>
                      </a:lnTo>
                      <a:lnTo>
                        <a:pt x="69" y="0"/>
                      </a:lnTo>
                      <a:lnTo>
                        <a:pt x="45" y="5"/>
                      </a:lnTo>
                      <a:lnTo>
                        <a:pt x="24" y="10"/>
                      </a:lnTo>
                      <a:lnTo>
                        <a:pt x="24" y="5"/>
                      </a:lnTo>
                      <a:lnTo>
                        <a:pt x="0" y="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0" name="Freeform 10"/>
                <p:cNvSpPr/>
                <p:nvPr/>
              </p:nvSpPr>
              <p:spPr bwMode="auto">
                <a:xfrm>
                  <a:off x="2022380" y="1288095"/>
                  <a:ext cx="152400" cy="177800"/>
                </a:xfrm>
                <a:custGeom>
                  <a:avLst/>
                  <a:gdLst>
                    <a:gd name="T0" fmla="*/ 8 w 36"/>
                    <a:gd name="T1" fmla="*/ 41 h 42"/>
                    <a:gd name="T2" fmla="*/ 9 w 36"/>
                    <a:gd name="T3" fmla="*/ 42 h 42"/>
                    <a:gd name="T4" fmla="*/ 35 w 36"/>
                    <a:gd name="T5" fmla="*/ 36 h 42"/>
                    <a:gd name="T6" fmla="*/ 36 w 36"/>
                    <a:gd name="T7" fmla="*/ 35 h 42"/>
                    <a:gd name="T8" fmla="*/ 28 w 36"/>
                    <a:gd name="T9" fmla="*/ 0 h 42"/>
                    <a:gd name="T10" fmla="*/ 27 w 36"/>
                    <a:gd name="T11" fmla="*/ 0 h 42"/>
                    <a:gd name="T12" fmla="*/ 1 w 36"/>
                    <a:gd name="T13" fmla="*/ 5 h 42"/>
                    <a:gd name="T14" fmla="*/ 0 w 36"/>
                    <a:gd name="T15" fmla="*/ 6 h 42"/>
                    <a:gd name="T16" fmla="*/ 8 w 36"/>
                    <a:gd name="T17" fmla="*/ 41 h 4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6" h="42">
                      <a:moveTo>
                        <a:pt x="8" y="41"/>
                      </a:moveTo>
                      <a:cubicBezTo>
                        <a:pt x="8" y="41"/>
                        <a:pt x="8" y="42"/>
                        <a:pt x="9" y="42"/>
                      </a:cubicBezTo>
                      <a:cubicBezTo>
                        <a:pt x="35" y="36"/>
                        <a:pt x="35" y="36"/>
                        <a:pt x="35" y="36"/>
                      </a:cubicBezTo>
                      <a:cubicBezTo>
                        <a:pt x="35" y="36"/>
                        <a:pt x="36" y="36"/>
                        <a:pt x="36" y="35"/>
                      </a:cubicBezTo>
                      <a:cubicBezTo>
                        <a:pt x="28" y="0"/>
                        <a:pt x="28" y="0"/>
                        <a:pt x="28" y="0"/>
                      </a:cubicBezTo>
                      <a:cubicBezTo>
                        <a:pt x="28" y="0"/>
                        <a:pt x="27" y="0"/>
                        <a:pt x="27" y="0"/>
                      </a:cubicBezTo>
                      <a:cubicBezTo>
                        <a:pt x="1" y="5"/>
                        <a:pt x="1" y="5"/>
                        <a:pt x="1" y="5"/>
                      </a:cubicBezTo>
                      <a:cubicBezTo>
                        <a:pt x="0" y="5"/>
                        <a:pt x="0" y="6"/>
                        <a:pt x="0" y="6"/>
                      </a:cubicBezTo>
                      <a:cubicBezTo>
                        <a:pt x="8" y="41"/>
                        <a:pt x="8" y="41"/>
                        <a:pt x="8" y="4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1" name="Freeform 11"/>
                <p:cNvSpPr>
                  <a:spLocks noEditPoints="1"/>
                </p:cNvSpPr>
                <p:nvPr/>
              </p:nvSpPr>
              <p:spPr bwMode="auto">
                <a:xfrm>
                  <a:off x="2022380" y="1300795"/>
                  <a:ext cx="160338" cy="695325"/>
                </a:xfrm>
                <a:custGeom>
                  <a:avLst/>
                  <a:gdLst>
                    <a:gd name="T0" fmla="*/ 8 w 38"/>
                    <a:gd name="T1" fmla="*/ 38 h 164"/>
                    <a:gd name="T2" fmla="*/ 8 w 38"/>
                    <a:gd name="T3" fmla="*/ 39 h 164"/>
                    <a:gd name="T4" fmla="*/ 8 w 38"/>
                    <a:gd name="T5" fmla="*/ 39 h 164"/>
                    <a:gd name="T6" fmla="*/ 9 w 38"/>
                    <a:gd name="T7" fmla="*/ 39 h 164"/>
                    <a:gd name="T8" fmla="*/ 9 w 38"/>
                    <a:gd name="T9" fmla="*/ 40 h 164"/>
                    <a:gd name="T10" fmla="*/ 38 w 38"/>
                    <a:gd name="T11" fmla="*/ 164 h 164"/>
                    <a:gd name="T12" fmla="*/ 38 w 38"/>
                    <a:gd name="T13" fmla="*/ 164 h 164"/>
                    <a:gd name="T14" fmla="*/ 9 w 38"/>
                    <a:gd name="T15" fmla="*/ 39 h 164"/>
                    <a:gd name="T16" fmla="*/ 9 w 38"/>
                    <a:gd name="T17" fmla="*/ 39 h 164"/>
                    <a:gd name="T18" fmla="*/ 8 w 38"/>
                    <a:gd name="T19" fmla="*/ 38 h 164"/>
                    <a:gd name="T20" fmla="*/ 13 w 38"/>
                    <a:gd name="T21" fmla="*/ 0 h 164"/>
                    <a:gd name="T22" fmla="*/ 13 w 38"/>
                    <a:gd name="T23" fmla="*/ 0 h 164"/>
                    <a:gd name="T24" fmla="*/ 1 w 38"/>
                    <a:gd name="T25" fmla="*/ 2 h 164"/>
                    <a:gd name="T26" fmla="*/ 0 w 38"/>
                    <a:gd name="T27" fmla="*/ 3 h 164"/>
                    <a:gd name="T28" fmla="*/ 0 w 38"/>
                    <a:gd name="T29" fmla="*/ 3 h 164"/>
                    <a:gd name="T30" fmla="*/ 1 w 38"/>
                    <a:gd name="T31" fmla="*/ 2 h 164"/>
                    <a:gd name="T32" fmla="*/ 13 w 38"/>
                    <a:gd name="T33" fmla="*/ 0 h 16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</a:cxnLst>
                  <a:rect l="0" t="0" r="r" b="b"/>
                  <a:pathLst>
                    <a:path w="38" h="164">
                      <a:moveTo>
                        <a:pt x="8" y="38"/>
                      </a:moveTo>
                      <a:cubicBezTo>
                        <a:pt x="8" y="38"/>
                        <a:pt x="8" y="39"/>
                        <a:pt x="8" y="39"/>
                      </a:cubicBezTo>
                      <a:cubicBezTo>
                        <a:pt x="8" y="39"/>
                        <a:pt x="8" y="39"/>
                        <a:pt x="8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40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38" y="164"/>
                        <a:pt x="38" y="164"/>
                        <a:pt x="38" y="164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8" y="39"/>
                        <a:pt x="8" y="38"/>
                        <a:pt x="8" y="38"/>
                      </a:cubicBezTo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2"/>
                        <a:pt x="1" y="2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2" name="Freeform 12"/>
                <p:cNvSpPr/>
                <p:nvPr/>
              </p:nvSpPr>
              <p:spPr bwMode="auto">
                <a:xfrm>
                  <a:off x="2060480" y="1453195"/>
                  <a:ext cx="177800" cy="542925"/>
                </a:xfrm>
                <a:custGeom>
                  <a:avLst/>
                  <a:gdLst>
                    <a:gd name="T0" fmla="*/ 13 w 42"/>
                    <a:gd name="T1" fmla="*/ 0 h 128"/>
                    <a:gd name="T2" fmla="*/ 0 w 42"/>
                    <a:gd name="T3" fmla="*/ 3 h 128"/>
                    <a:gd name="T4" fmla="*/ 0 w 42"/>
                    <a:gd name="T5" fmla="*/ 3 h 128"/>
                    <a:gd name="T6" fmla="*/ 29 w 42"/>
                    <a:gd name="T7" fmla="*/ 128 h 128"/>
                    <a:gd name="T8" fmla="*/ 42 w 42"/>
                    <a:gd name="T9" fmla="*/ 128 h 128"/>
                    <a:gd name="T10" fmla="*/ 13 w 42"/>
                    <a:gd name="T11" fmla="*/ 0 h 12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42" h="128">
                      <a:moveTo>
                        <a:pt x="13" y="0"/>
                      </a:move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29" y="128"/>
                        <a:pt x="29" y="128"/>
                        <a:pt x="29" y="128"/>
                      </a:cubicBezTo>
                      <a:cubicBezTo>
                        <a:pt x="42" y="128"/>
                        <a:pt x="42" y="128"/>
                        <a:pt x="42" y="128"/>
                      </a:cubicBezTo>
                      <a:cubicBezTo>
                        <a:pt x="13" y="0"/>
                        <a:pt x="13" y="0"/>
                        <a:pt x="13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3" name="Freeform 13"/>
                <p:cNvSpPr/>
                <p:nvPr/>
              </p:nvSpPr>
              <p:spPr bwMode="auto">
                <a:xfrm>
                  <a:off x="2022380" y="1300795"/>
                  <a:ext cx="92075" cy="165100"/>
                </a:xfrm>
                <a:custGeom>
                  <a:avLst/>
                  <a:gdLst>
                    <a:gd name="T0" fmla="*/ 13 w 22"/>
                    <a:gd name="T1" fmla="*/ 0 h 39"/>
                    <a:gd name="T2" fmla="*/ 13 w 22"/>
                    <a:gd name="T3" fmla="*/ 0 h 39"/>
                    <a:gd name="T4" fmla="*/ 1 w 22"/>
                    <a:gd name="T5" fmla="*/ 2 h 39"/>
                    <a:gd name="T6" fmla="*/ 0 w 22"/>
                    <a:gd name="T7" fmla="*/ 3 h 39"/>
                    <a:gd name="T8" fmla="*/ 0 w 22"/>
                    <a:gd name="T9" fmla="*/ 3 h 39"/>
                    <a:gd name="T10" fmla="*/ 0 w 22"/>
                    <a:gd name="T11" fmla="*/ 3 h 39"/>
                    <a:gd name="T12" fmla="*/ 8 w 22"/>
                    <a:gd name="T13" fmla="*/ 38 h 39"/>
                    <a:gd name="T14" fmla="*/ 8 w 22"/>
                    <a:gd name="T15" fmla="*/ 38 h 39"/>
                    <a:gd name="T16" fmla="*/ 9 w 22"/>
                    <a:gd name="T17" fmla="*/ 39 h 39"/>
                    <a:gd name="T18" fmla="*/ 9 w 22"/>
                    <a:gd name="T19" fmla="*/ 39 h 39"/>
                    <a:gd name="T20" fmla="*/ 9 w 22"/>
                    <a:gd name="T21" fmla="*/ 39 h 39"/>
                    <a:gd name="T22" fmla="*/ 22 w 22"/>
                    <a:gd name="T23" fmla="*/ 36 h 39"/>
                    <a:gd name="T24" fmla="*/ 14 w 22"/>
                    <a:gd name="T25" fmla="*/ 0 h 39"/>
                    <a:gd name="T26" fmla="*/ 13 w 22"/>
                    <a:gd name="T27" fmla="*/ 0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</a:cxnLst>
                  <a:rect l="0" t="0" r="r" b="b"/>
                  <a:pathLst>
                    <a:path w="22" h="39">
                      <a:moveTo>
                        <a:pt x="13" y="0"/>
                      </a:moveTo>
                      <a:cubicBezTo>
                        <a:pt x="13" y="0"/>
                        <a:pt x="13" y="0"/>
                        <a:pt x="13" y="0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0" y="2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0" y="3"/>
                        <a:pt x="0" y="3"/>
                        <a:pt x="0" y="3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8"/>
                        <a:pt x="8" y="38"/>
                      </a:cubicBezTo>
                      <a:cubicBezTo>
                        <a:pt x="8" y="38"/>
                        <a:pt x="8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9" y="39"/>
                        <a:pt x="9" y="39"/>
                        <a:pt x="9" y="39"/>
                      </a:cubicBezTo>
                      <a:cubicBezTo>
                        <a:pt x="22" y="36"/>
                        <a:pt x="22" y="36"/>
                        <a:pt x="22" y="36"/>
                      </a:cubicBezTo>
                      <a:cubicBezTo>
                        <a:pt x="14" y="0"/>
                        <a:pt x="14" y="0"/>
                        <a:pt x="14" y="0"/>
                      </a:cubicBezTo>
                      <a:cubicBezTo>
                        <a:pt x="14" y="0"/>
                        <a:pt x="14" y="0"/>
                        <a:pt x="13" y="0"/>
                      </a:cubicBezTo>
                    </a:path>
                  </a:pathLst>
                </a:custGeom>
                <a:solidFill>
                  <a:srgbClr val="234053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4" name="Freeform 14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  <a:close/>
                    </a:path>
                  </a:pathLst>
                </a:custGeom>
                <a:solidFill>
                  <a:srgbClr val="FF9C8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5" name="Freeform 15"/>
                <p:cNvSpPr/>
                <p:nvPr/>
              </p:nvSpPr>
              <p:spPr bwMode="auto">
                <a:xfrm>
                  <a:off x="2319243" y="1389695"/>
                  <a:ext cx="114300" cy="190500"/>
                </a:xfrm>
                <a:custGeom>
                  <a:avLst/>
                  <a:gdLst>
                    <a:gd name="T0" fmla="*/ 0 w 72"/>
                    <a:gd name="T1" fmla="*/ 120 h 120"/>
                    <a:gd name="T2" fmla="*/ 72 w 72"/>
                    <a:gd name="T3" fmla="*/ 115 h 120"/>
                    <a:gd name="T4" fmla="*/ 45 w 72"/>
                    <a:gd name="T5" fmla="*/ 0 h 120"/>
                    <a:gd name="T6" fmla="*/ 10 w 72"/>
                    <a:gd name="T7" fmla="*/ 3 h 120"/>
                    <a:gd name="T8" fmla="*/ 0 w 72"/>
                    <a:gd name="T9" fmla="*/ 120 h 12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2" h="120">
                      <a:moveTo>
                        <a:pt x="0" y="120"/>
                      </a:moveTo>
                      <a:lnTo>
                        <a:pt x="72" y="115"/>
                      </a:lnTo>
                      <a:lnTo>
                        <a:pt x="45" y="0"/>
                      </a:lnTo>
                      <a:lnTo>
                        <a:pt x="10" y="3"/>
                      </a:lnTo>
                      <a:lnTo>
                        <a:pt x="0" y="12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6" name="Freeform 16"/>
                <p:cNvSpPr/>
                <p:nvPr/>
              </p:nvSpPr>
              <p:spPr bwMode="auto">
                <a:xfrm>
                  <a:off x="2335118" y="1257933"/>
                  <a:ext cx="55563" cy="136525"/>
                </a:xfrm>
                <a:custGeom>
                  <a:avLst/>
                  <a:gdLst>
                    <a:gd name="T0" fmla="*/ 13 w 13"/>
                    <a:gd name="T1" fmla="*/ 31 h 32"/>
                    <a:gd name="T2" fmla="*/ 8 w 13"/>
                    <a:gd name="T3" fmla="*/ 6 h 32"/>
                    <a:gd name="T4" fmla="*/ 4 w 13"/>
                    <a:gd name="T5" fmla="*/ 0 h 32"/>
                    <a:gd name="T6" fmla="*/ 2 w 13"/>
                    <a:gd name="T7" fmla="*/ 6 h 32"/>
                    <a:gd name="T8" fmla="*/ 0 w 13"/>
                    <a:gd name="T9" fmla="*/ 32 h 32"/>
                    <a:gd name="T10" fmla="*/ 13 w 13"/>
                    <a:gd name="T11" fmla="*/ 31 h 3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13" h="32">
                      <a:moveTo>
                        <a:pt x="13" y="31"/>
                      </a:moveTo>
                      <a:cubicBezTo>
                        <a:pt x="8" y="6"/>
                        <a:pt x="8" y="6"/>
                        <a:pt x="8" y="6"/>
                      </a:cubicBezTo>
                      <a:cubicBezTo>
                        <a:pt x="7" y="2"/>
                        <a:pt x="6" y="0"/>
                        <a:pt x="4" y="0"/>
                      </a:cubicBezTo>
                      <a:cubicBezTo>
                        <a:pt x="3" y="0"/>
                        <a:pt x="2" y="2"/>
                        <a:pt x="2" y="6"/>
                      </a:cubicBezTo>
                      <a:cubicBezTo>
                        <a:pt x="0" y="32"/>
                        <a:pt x="0" y="32"/>
                        <a:pt x="0" y="32"/>
                      </a:cubicBezTo>
                      <a:cubicBezTo>
                        <a:pt x="13" y="31"/>
                        <a:pt x="13" y="31"/>
                        <a:pt x="13" y="31"/>
                      </a:cubicBezTo>
                    </a:path>
                  </a:pathLst>
                </a:custGeom>
                <a:solidFill>
                  <a:srgbClr val="50504E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7" name="Freeform 17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  <a:close/>
                    </a:path>
                  </a:pathLst>
                </a:custGeom>
                <a:solidFill>
                  <a:srgbClr val="F49B17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8" name="Freeform 18"/>
                <p:cNvSpPr/>
                <p:nvPr/>
              </p:nvSpPr>
              <p:spPr bwMode="auto">
                <a:xfrm>
                  <a:off x="2319243" y="1572258"/>
                  <a:ext cx="185738" cy="1131888"/>
                </a:xfrm>
                <a:custGeom>
                  <a:avLst/>
                  <a:gdLst>
                    <a:gd name="T0" fmla="*/ 117 w 117"/>
                    <a:gd name="T1" fmla="*/ 710 h 713"/>
                    <a:gd name="T2" fmla="*/ 72 w 117"/>
                    <a:gd name="T3" fmla="*/ 0 h 713"/>
                    <a:gd name="T4" fmla="*/ 45 w 117"/>
                    <a:gd name="T5" fmla="*/ 3 h 713"/>
                    <a:gd name="T6" fmla="*/ 24 w 117"/>
                    <a:gd name="T7" fmla="*/ 3 h 713"/>
                    <a:gd name="T8" fmla="*/ 0 w 117"/>
                    <a:gd name="T9" fmla="*/ 5 h 713"/>
                    <a:gd name="T10" fmla="*/ 48 w 117"/>
                    <a:gd name="T11" fmla="*/ 710 h 713"/>
                    <a:gd name="T12" fmla="*/ 69 w 117"/>
                    <a:gd name="T13" fmla="*/ 708 h 713"/>
                    <a:gd name="T14" fmla="*/ 90 w 117"/>
                    <a:gd name="T15" fmla="*/ 705 h 713"/>
                    <a:gd name="T16" fmla="*/ 93 w 117"/>
                    <a:gd name="T17" fmla="*/ 713 h 713"/>
                    <a:gd name="T18" fmla="*/ 117 w 117"/>
                    <a:gd name="T19" fmla="*/ 710 h 71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17" h="713">
                      <a:moveTo>
                        <a:pt x="117" y="710"/>
                      </a:moveTo>
                      <a:lnTo>
                        <a:pt x="72" y="0"/>
                      </a:lnTo>
                      <a:lnTo>
                        <a:pt x="45" y="3"/>
                      </a:lnTo>
                      <a:lnTo>
                        <a:pt x="24" y="3"/>
                      </a:lnTo>
                      <a:lnTo>
                        <a:pt x="0" y="5"/>
                      </a:lnTo>
                      <a:lnTo>
                        <a:pt x="48" y="710"/>
                      </a:lnTo>
                      <a:lnTo>
                        <a:pt x="69" y="708"/>
                      </a:lnTo>
                      <a:lnTo>
                        <a:pt x="90" y="705"/>
                      </a:lnTo>
                      <a:lnTo>
                        <a:pt x="93" y="713"/>
                      </a:lnTo>
                      <a:lnTo>
                        <a:pt x="117" y="71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29" name="Freeform 19"/>
                <p:cNvSpPr/>
                <p:nvPr/>
              </p:nvSpPr>
              <p:spPr bwMode="auto">
                <a:xfrm>
                  <a:off x="2385918" y="2673983"/>
                  <a:ext cx="131763" cy="165100"/>
                </a:xfrm>
                <a:custGeom>
                  <a:avLst/>
                  <a:gdLst>
                    <a:gd name="T0" fmla="*/ 29 w 31"/>
                    <a:gd name="T1" fmla="*/ 1 h 39"/>
                    <a:gd name="T2" fmla="*/ 28 w 31"/>
                    <a:gd name="T3" fmla="*/ 0 h 39"/>
                    <a:gd name="T4" fmla="*/ 1 w 31"/>
                    <a:gd name="T5" fmla="*/ 1 h 39"/>
                    <a:gd name="T6" fmla="*/ 0 w 31"/>
                    <a:gd name="T7" fmla="*/ 2 h 39"/>
                    <a:gd name="T8" fmla="*/ 3 w 31"/>
                    <a:gd name="T9" fmla="*/ 38 h 39"/>
                    <a:gd name="T10" fmla="*/ 4 w 31"/>
                    <a:gd name="T11" fmla="*/ 39 h 39"/>
                    <a:gd name="T12" fmla="*/ 30 w 31"/>
                    <a:gd name="T13" fmla="*/ 38 h 39"/>
                    <a:gd name="T14" fmla="*/ 31 w 31"/>
                    <a:gd name="T15" fmla="*/ 37 h 39"/>
                    <a:gd name="T16" fmla="*/ 29 w 31"/>
                    <a:gd name="T17" fmla="*/ 1 h 3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31" h="39">
                      <a:moveTo>
                        <a:pt x="29" y="1"/>
                      </a:moveTo>
                      <a:cubicBezTo>
                        <a:pt x="29" y="1"/>
                        <a:pt x="28" y="0"/>
                        <a:pt x="28" y="0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2"/>
                        <a:pt x="0" y="2"/>
                        <a:pt x="0" y="2"/>
                      </a:cubicBezTo>
                      <a:cubicBezTo>
                        <a:pt x="3" y="38"/>
                        <a:pt x="3" y="38"/>
                        <a:pt x="3" y="38"/>
                      </a:cubicBezTo>
                      <a:cubicBezTo>
                        <a:pt x="3" y="39"/>
                        <a:pt x="3" y="39"/>
                        <a:pt x="4" y="39"/>
                      </a:cubicBezTo>
                      <a:cubicBezTo>
                        <a:pt x="30" y="38"/>
                        <a:pt x="30" y="38"/>
                        <a:pt x="30" y="38"/>
                      </a:cubicBezTo>
                      <a:cubicBezTo>
                        <a:pt x="31" y="38"/>
                        <a:pt x="31" y="37"/>
                        <a:pt x="31" y="37"/>
                      </a:cubicBezTo>
                      <a:cubicBezTo>
                        <a:pt x="29" y="1"/>
                        <a:pt x="29" y="1"/>
                        <a:pt x="29" y="1"/>
                      </a:cubicBezTo>
                    </a:path>
                  </a:pathLst>
                </a:custGeom>
                <a:solidFill>
                  <a:srgbClr val="2F556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0" name="Freeform 20"/>
                <p:cNvSpPr>
                  <a:spLocks noEditPoints="1"/>
                </p:cNvSpPr>
                <p:nvPr/>
              </p:nvSpPr>
              <p:spPr bwMode="auto">
                <a:xfrm>
                  <a:off x="2365280" y="1338895"/>
                  <a:ext cx="93663" cy="657225"/>
                </a:xfrm>
                <a:custGeom>
                  <a:avLst/>
                  <a:gdLst>
                    <a:gd name="T0" fmla="*/ 17 w 22"/>
                    <a:gd name="T1" fmla="*/ 76 h 155"/>
                    <a:gd name="T2" fmla="*/ 22 w 22"/>
                    <a:gd name="T3" fmla="*/ 155 h 155"/>
                    <a:gd name="T4" fmla="*/ 22 w 22"/>
                    <a:gd name="T5" fmla="*/ 155 h 155"/>
                    <a:gd name="T6" fmla="*/ 17 w 22"/>
                    <a:gd name="T7" fmla="*/ 76 h 155"/>
                    <a:gd name="T8" fmla="*/ 4 w 22"/>
                    <a:gd name="T9" fmla="*/ 56 h 155"/>
                    <a:gd name="T10" fmla="*/ 3 w 22"/>
                    <a:gd name="T11" fmla="*/ 56 h 155"/>
                    <a:gd name="T12" fmla="*/ 3 w 22"/>
                    <a:gd name="T13" fmla="*/ 56 h 155"/>
                    <a:gd name="T14" fmla="*/ 3 w 22"/>
                    <a:gd name="T15" fmla="*/ 56 h 155"/>
                    <a:gd name="T16" fmla="*/ 4 w 22"/>
                    <a:gd name="T17" fmla="*/ 56 h 155"/>
                    <a:gd name="T18" fmla="*/ 16 w 22"/>
                    <a:gd name="T19" fmla="*/ 55 h 155"/>
                    <a:gd name="T20" fmla="*/ 13 w 22"/>
                    <a:gd name="T21" fmla="*/ 55 h 155"/>
                    <a:gd name="T22" fmla="*/ 16 w 22"/>
                    <a:gd name="T23" fmla="*/ 55 h 155"/>
                    <a:gd name="T24" fmla="*/ 16 w 22"/>
                    <a:gd name="T25" fmla="*/ 56 h 155"/>
                    <a:gd name="T26" fmla="*/ 16 w 22"/>
                    <a:gd name="T27" fmla="*/ 55 h 155"/>
                    <a:gd name="T28" fmla="*/ 6 w 22"/>
                    <a:gd name="T29" fmla="*/ 12 h 155"/>
                    <a:gd name="T30" fmla="*/ 0 w 22"/>
                    <a:gd name="T31" fmla="*/ 12 h 155"/>
                    <a:gd name="T32" fmla="*/ 0 w 22"/>
                    <a:gd name="T33" fmla="*/ 12 h 155"/>
                    <a:gd name="T34" fmla="*/ 6 w 22"/>
                    <a:gd name="T35" fmla="*/ 12 h 155"/>
                    <a:gd name="T36" fmla="*/ 6 w 22"/>
                    <a:gd name="T37" fmla="*/ 12 h 155"/>
                    <a:gd name="T38" fmla="*/ 4 w 22"/>
                    <a:gd name="T39" fmla="*/ 0 h 155"/>
                    <a:gd name="T40" fmla="*/ 6 w 22"/>
                    <a:gd name="T41" fmla="*/ 12 h 155"/>
                    <a:gd name="T42" fmla="*/ 6 w 22"/>
                    <a:gd name="T43" fmla="*/ 11 h 155"/>
                    <a:gd name="T44" fmla="*/ 4 w 22"/>
                    <a:gd name="T45" fmla="*/ 0 h 15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</a:cxnLst>
                  <a:rect l="0" t="0" r="r" b="b"/>
                  <a:pathLst>
                    <a:path w="22" h="155">
                      <a:moveTo>
                        <a:pt x="17" y="76"/>
                      </a:move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22" y="155"/>
                        <a:pt x="22" y="155"/>
                        <a:pt x="22" y="155"/>
                      </a:cubicBezTo>
                      <a:cubicBezTo>
                        <a:pt x="17" y="76"/>
                        <a:pt x="17" y="76"/>
                        <a:pt x="17" y="76"/>
                      </a:cubicBezTo>
                      <a:moveTo>
                        <a:pt x="4" y="56"/>
                      </a:move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3" y="56"/>
                        <a:pt x="3" y="56"/>
                        <a:pt x="3" y="56"/>
                      </a:cubicBezTo>
                      <a:cubicBezTo>
                        <a:pt x="4" y="56"/>
                        <a:pt x="4" y="56"/>
                        <a:pt x="4" y="56"/>
                      </a:cubicBezTo>
                      <a:moveTo>
                        <a:pt x="16" y="55"/>
                      </a:moveTo>
                      <a:cubicBezTo>
                        <a:pt x="13" y="55"/>
                        <a:pt x="13" y="55"/>
                        <a:pt x="13" y="55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cubicBezTo>
                        <a:pt x="16" y="56"/>
                        <a:pt x="16" y="56"/>
                        <a:pt x="16" y="56"/>
                      </a:cubicBezTo>
                      <a:cubicBezTo>
                        <a:pt x="16" y="55"/>
                        <a:pt x="16" y="55"/>
                        <a:pt x="16" y="55"/>
                      </a:cubicBezTo>
                      <a:moveTo>
                        <a:pt x="6" y="12"/>
                      </a:move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0" y="12"/>
                        <a:pt x="0" y="12"/>
                        <a:pt x="0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2"/>
                        <a:pt x="6" y="12"/>
                        <a:pt x="6" y="12"/>
                      </a:cubicBezTo>
                      <a:moveTo>
                        <a:pt x="4" y="0"/>
                      </a:moveTo>
                      <a:cubicBezTo>
                        <a:pt x="6" y="12"/>
                        <a:pt x="6" y="12"/>
                        <a:pt x="6" y="12"/>
                      </a:cubicBezTo>
                      <a:cubicBezTo>
                        <a:pt x="6" y="11"/>
                        <a:pt x="6" y="11"/>
                        <a:pt x="6" y="11"/>
                      </a:cubicBezTo>
                      <a:cubicBezTo>
                        <a:pt x="4" y="0"/>
                        <a:pt x="4" y="0"/>
                        <a:pt x="4" y="0"/>
                      </a:cubicBezTo>
                    </a:path>
                  </a:pathLst>
                </a:custGeom>
                <a:solidFill>
                  <a:srgbClr val="BFBFBF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1" name="Freeform 21"/>
                <p:cNvSpPr/>
                <p:nvPr/>
              </p:nvSpPr>
              <p:spPr bwMode="auto">
                <a:xfrm>
                  <a:off x="2365280" y="1389695"/>
                  <a:ext cx="68263" cy="187325"/>
                </a:xfrm>
                <a:custGeom>
                  <a:avLst/>
                  <a:gdLst>
                    <a:gd name="T0" fmla="*/ 6 w 16"/>
                    <a:gd name="T1" fmla="*/ 0 h 44"/>
                    <a:gd name="T2" fmla="*/ 0 w 16"/>
                    <a:gd name="T3" fmla="*/ 0 h 44"/>
                    <a:gd name="T4" fmla="*/ 2 w 16"/>
                    <a:gd name="T5" fmla="*/ 43 h 44"/>
                    <a:gd name="T6" fmla="*/ 3 w 16"/>
                    <a:gd name="T7" fmla="*/ 44 h 44"/>
                    <a:gd name="T8" fmla="*/ 4 w 16"/>
                    <a:gd name="T9" fmla="*/ 44 h 44"/>
                    <a:gd name="T10" fmla="*/ 6 w 16"/>
                    <a:gd name="T11" fmla="*/ 44 h 44"/>
                    <a:gd name="T12" fmla="*/ 13 w 16"/>
                    <a:gd name="T13" fmla="*/ 43 h 44"/>
                    <a:gd name="T14" fmla="*/ 16 w 16"/>
                    <a:gd name="T15" fmla="*/ 43 h 44"/>
                    <a:gd name="T16" fmla="*/ 16 w 16"/>
                    <a:gd name="T17" fmla="*/ 43 h 44"/>
                    <a:gd name="T18" fmla="*/ 15 w 16"/>
                    <a:gd name="T19" fmla="*/ 42 h 44"/>
                    <a:gd name="T20" fmla="*/ 6 w 16"/>
                    <a:gd name="T21" fmla="*/ 1 h 44"/>
                    <a:gd name="T22" fmla="*/ 6 w 16"/>
                    <a:gd name="T23" fmla="*/ 0 h 4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</a:cxnLst>
                  <a:rect l="0" t="0" r="r" b="b"/>
                  <a:pathLst>
                    <a:path w="16" h="44">
                      <a:moveTo>
                        <a:pt x="6" y="0"/>
                      </a:moveTo>
                      <a:cubicBezTo>
                        <a:pt x="0" y="0"/>
                        <a:pt x="0" y="0"/>
                        <a:pt x="0" y="0"/>
                      </a:cubicBezTo>
                      <a:cubicBezTo>
                        <a:pt x="2" y="43"/>
                        <a:pt x="2" y="43"/>
                        <a:pt x="2" y="43"/>
                      </a:cubicBezTo>
                      <a:cubicBezTo>
                        <a:pt x="2" y="43"/>
                        <a:pt x="3" y="44"/>
                        <a:pt x="3" y="44"/>
                      </a:cubicBezTo>
                      <a:cubicBezTo>
                        <a:pt x="4" y="44"/>
                        <a:pt x="4" y="44"/>
                        <a:pt x="4" y="44"/>
                      </a:cubicBezTo>
                      <a:cubicBezTo>
                        <a:pt x="6" y="44"/>
                        <a:pt x="6" y="44"/>
                        <a:pt x="6" y="44"/>
                      </a:cubicBezTo>
                      <a:cubicBezTo>
                        <a:pt x="13" y="43"/>
                        <a:pt x="13" y="43"/>
                        <a:pt x="13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6" y="43"/>
                        <a:pt x="16" y="43"/>
                      </a:cubicBezTo>
                      <a:cubicBezTo>
                        <a:pt x="16" y="43"/>
                        <a:pt x="15" y="42"/>
                        <a:pt x="15" y="42"/>
                      </a:cubicBezTo>
                      <a:cubicBezTo>
                        <a:pt x="6" y="1"/>
                        <a:pt x="6" y="1"/>
                        <a:pt x="6" y="1"/>
                      </a:cubicBezTo>
                      <a:cubicBezTo>
                        <a:pt x="6" y="0"/>
                        <a:pt x="6" y="0"/>
                        <a:pt x="6" y="0"/>
                      </a:cubicBezTo>
                    </a:path>
                  </a:pathLst>
                </a:custGeom>
                <a:solidFill>
                  <a:srgbClr val="BF756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2" name="Freeform 22"/>
                <p:cNvSpPr/>
                <p:nvPr/>
              </p:nvSpPr>
              <p:spPr bwMode="auto">
                <a:xfrm>
                  <a:off x="2357343" y="1257933"/>
                  <a:ext cx="33338" cy="131763"/>
                </a:xfrm>
                <a:custGeom>
                  <a:avLst/>
                  <a:gdLst>
                    <a:gd name="T0" fmla="*/ 0 w 8"/>
                    <a:gd name="T1" fmla="*/ 0 h 31"/>
                    <a:gd name="T2" fmla="*/ 0 w 8"/>
                    <a:gd name="T3" fmla="*/ 1 h 31"/>
                    <a:gd name="T4" fmla="*/ 2 w 8"/>
                    <a:gd name="T5" fmla="*/ 31 h 31"/>
                    <a:gd name="T6" fmla="*/ 8 w 8"/>
                    <a:gd name="T7" fmla="*/ 31 h 31"/>
                    <a:gd name="T8" fmla="*/ 8 w 8"/>
                    <a:gd name="T9" fmla="*/ 31 h 31"/>
                    <a:gd name="T10" fmla="*/ 6 w 8"/>
                    <a:gd name="T11" fmla="*/ 19 h 31"/>
                    <a:gd name="T12" fmla="*/ 3 w 8"/>
                    <a:gd name="T13" fmla="*/ 6 h 31"/>
                    <a:gd name="T14" fmla="*/ 2 w 8"/>
                    <a:gd name="T15" fmla="*/ 5 h 31"/>
                    <a:gd name="T16" fmla="*/ 0 w 8"/>
                    <a:gd name="T17" fmla="*/ 1 h 31"/>
                    <a:gd name="T18" fmla="*/ 0 w 8"/>
                    <a:gd name="T19" fmla="*/ 0 h 3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8" h="31">
                      <a:moveTo>
                        <a:pt x="0" y="0"/>
                      </a:moveTo>
                      <a:cubicBezTo>
                        <a:pt x="0" y="0"/>
                        <a:pt x="0" y="0"/>
                        <a:pt x="0" y="1"/>
                      </a:cubicBezTo>
                      <a:cubicBezTo>
                        <a:pt x="2" y="31"/>
                        <a:pt x="2" y="31"/>
                        <a:pt x="2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8" y="31"/>
                        <a:pt x="8" y="31"/>
                        <a:pt x="8" y="31"/>
                      </a:cubicBezTo>
                      <a:cubicBezTo>
                        <a:pt x="6" y="19"/>
                        <a:pt x="6" y="19"/>
                        <a:pt x="6" y="19"/>
                      </a:cubicBezTo>
                      <a:cubicBezTo>
                        <a:pt x="3" y="6"/>
                        <a:pt x="3" y="6"/>
                        <a:pt x="3" y="6"/>
                      </a:cubicBezTo>
                      <a:cubicBezTo>
                        <a:pt x="3" y="6"/>
                        <a:pt x="2" y="5"/>
                        <a:pt x="2" y="5"/>
                      </a:cubicBezTo>
                      <a:cubicBezTo>
                        <a:pt x="0" y="1"/>
                        <a:pt x="0" y="1"/>
                        <a:pt x="0" y="1"/>
                      </a:cubicBezTo>
                      <a:cubicBezTo>
                        <a:pt x="0" y="0"/>
                        <a:pt x="0" y="0"/>
                        <a:pt x="0" y="0"/>
                      </a:cubicBezTo>
                    </a:path>
                  </a:pathLst>
                </a:custGeom>
                <a:solidFill>
                  <a:srgbClr val="3C3C3A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3" name="Freeform 23"/>
                <p:cNvSpPr/>
                <p:nvPr/>
              </p:nvSpPr>
              <p:spPr bwMode="auto">
                <a:xfrm>
                  <a:off x="2373218" y="1572258"/>
                  <a:ext cx="85725" cy="423863"/>
                </a:xfrm>
                <a:custGeom>
                  <a:avLst/>
                  <a:gdLst>
                    <a:gd name="T0" fmla="*/ 14 w 20"/>
                    <a:gd name="T1" fmla="*/ 0 h 100"/>
                    <a:gd name="T2" fmla="*/ 11 w 20"/>
                    <a:gd name="T3" fmla="*/ 0 h 100"/>
                    <a:gd name="T4" fmla="*/ 4 w 20"/>
                    <a:gd name="T5" fmla="*/ 1 h 100"/>
                    <a:gd name="T6" fmla="*/ 2 w 20"/>
                    <a:gd name="T7" fmla="*/ 1 h 100"/>
                    <a:gd name="T8" fmla="*/ 1 w 20"/>
                    <a:gd name="T9" fmla="*/ 1 h 100"/>
                    <a:gd name="T10" fmla="*/ 1 w 20"/>
                    <a:gd name="T11" fmla="*/ 1 h 100"/>
                    <a:gd name="T12" fmla="*/ 0 w 20"/>
                    <a:gd name="T13" fmla="*/ 2 h 100"/>
                    <a:gd name="T14" fmla="*/ 7 w 20"/>
                    <a:gd name="T15" fmla="*/ 100 h 100"/>
                    <a:gd name="T16" fmla="*/ 20 w 20"/>
                    <a:gd name="T17" fmla="*/ 100 h 100"/>
                    <a:gd name="T18" fmla="*/ 15 w 20"/>
                    <a:gd name="T19" fmla="*/ 21 h 100"/>
                    <a:gd name="T20" fmla="*/ 14 w 20"/>
                    <a:gd name="T21" fmla="*/ 1 h 100"/>
                    <a:gd name="T22" fmla="*/ 14 w 20"/>
                    <a:gd name="T23" fmla="*/ 1 h 100"/>
                    <a:gd name="T24" fmla="*/ 14 w 20"/>
                    <a:gd name="T25" fmla="*/ 0 h 10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</a:cxnLst>
                  <a:rect l="0" t="0" r="r" b="b"/>
                  <a:pathLst>
                    <a:path w="20" h="100">
                      <a:moveTo>
                        <a:pt x="14" y="0"/>
                      </a:moveTo>
                      <a:cubicBezTo>
                        <a:pt x="11" y="0"/>
                        <a:pt x="11" y="0"/>
                        <a:pt x="11" y="0"/>
                      </a:cubicBezTo>
                      <a:cubicBezTo>
                        <a:pt x="4" y="1"/>
                        <a:pt x="4" y="1"/>
                        <a:pt x="4" y="1"/>
                      </a:cubicBezTo>
                      <a:cubicBezTo>
                        <a:pt x="2" y="1"/>
                        <a:pt x="2" y="1"/>
                        <a:pt x="2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0" y="1"/>
                        <a:pt x="0" y="2"/>
                      </a:cubicBezTo>
                      <a:cubicBezTo>
                        <a:pt x="7" y="100"/>
                        <a:pt x="7" y="100"/>
                        <a:pt x="7" y="100"/>
                      </a:cubicBezTo>
                      <a:cubicBezTo>
                        <a:pt x="20" y="100"/>
                        <a:pt x="20" y="100"/>
                        <a:pt x="20" y="100"/>
                      </a:cubicBezTo>
                      <a:cubicBezTo>
                        <a:pt x="15" y="21"/>
                        <a:pt x="15" y="21"/>
                        <a:pt x="15" y="2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1"/>
                        <a:pt x="14" y="1"/>
                        <a:pt x="14" y="1"/>
                      </a:cubicBezTo>
                      <a:cubicBezTo>
                        <a:pt x="14" y="0"/>
                        <a:pt x="14" y="0"/>
                        <a:pt x="14" y="0"/>
                      </a:cubicBezTo>
                    </a:path>
                  </a:pathLst>
                </a:custGeom>
                <a:solidFill>
                  <a:srgbClr val="B7741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4" name="Freeform 24"/>
                <p:cNvSpPr/>
                <p:nvPr/>
              </p:nvSpPr>
              <p:spPr bwMode="auto">
                <a:xfrm>
                  <a:off x="2535143" y="1529395"/>
                  <a:ext cx="215900" cy="923925"/>
                </a:xfrm>
                <a:custGeom>
                  <a:avLst/>
                  <a:gdLst>
                    <a:gd name="T0" fmla="*/ 35 w 51"/>
                    <a:gd name="T1" fmla="*/ 174 h 218"/>
                    <a:gd name="T2" fmla="*/ 50 w 51"/>
                    <a:gd name="T3" fmla="*/ 11 h 218"/>
                    <a:gd name="T4" fmla="*/ 22 w 51"/>
                    <a:gd name="T5" fmla="*/ 8 h 218"/>
                    <a:gd name="T6" fmla="*/ 0 w 51"/>
                    <a:gd name="T7" fmla="*/ 170 h 218"/>
                    <a:gd name="T8" fmla="*/ 35 w 51"/>
                    <a:gd name="T9" fmla="*/ 174 h 21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1" h="218">
                      <a:moveTo>
                        <a:pt x="35" y="174"/>
                      </a:moveTo>
                      <a:cubicBezTo>
                        <a:pt x="48" y="104"/>
                        <a:pt x="47" y="90"/>
                        <a:pt x="50" y="11"/>
                      </a:cubicBezTo>
                      <a:cubicBezTo>
                        <a:pt x="51" y="3"/>
                        <a:pt x="24" y="0"/>
                        <a:pt x="22" y="8"/>
                      </a:cubicBezTo>
                      <a:cubicBezTo>
                        <a:pt x="8" y="85"/>
                        <a:pt x="4" y="99"/>
                        <a:pt x="0" y="170"/>
                      </a:cubicBezTo>
                      <a:cubicBezTo>
                        <a:pt x="6" y="217"/>
                        <a:pt x="18" y="218"/>
                        <a:pt x="35" y="17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5" name="Freeform 25"/>
                <p:cNvSpPr/>
                <p:nvPr/>
              </p:nvSpPr>
              <p:spPr bwMode="auto">
                <a:xfrm>
                  <a:off x="2497043" y="1983420"/>
                  <a:ext cx="236538" cy="520700"/>
                </a:xfrm>
                <a:custGeom>
                  <a:avLst/>
                  <a:gdLst>
                    <a:gd name="T0" fmla="*/ 42 w 56"/>
                    <a:gd name="T1" fmla="*/ 114 h 123"/>
                    <a:gd name="T2" fmla="*/ 56 w 56"/>
                    <a:gd name="T3" fmla="*/ 10 h 123"/>
                    <a:gd name="T4" fmla="*/ 52 w 56"/>
                    <a:gd name="T5" fmla="*/ 7 h 123"/>
                    <a:gd name="T6" fmla="*/ 32 w 56"/>
                    <a:gd name="T7" fmla="*/ 14 h 123"/>
                    <a:gd name="T8" fmla="*/ 15 w 56"/>
                    <a:gd name="T9" fmla="*/ 3 h 123"/>
                    <a:gd name="T10" fmla="*/ 11 w 56"/>
                    <a:gd name="T11" fmla="*/ 5 h 123"/>
                    <a:gd name="T12" fmla="*/ 0 w 56"/>
                    <a:gd name="T13" fmla="*/ 110 h 123"/>
                    <a:gd name="T14" fmla="*/ 5 w 56"/>
                    <a:gd name="T15" fmla="*/ 118 h 123"/>
                    <a:gd name="T16" fmla="*/ 35 w 56"/>
                    <a:gd name="T17" fmla="*/ 123 h 123"/>
                    <a:gd name="T18" fmla="*/ 42 w 56"/>
                    <a:gd name="T19" fmla="*/ 114 h 12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56" h="123">
                      <a:moveTo>
                        <a:pt x="42" y="114"/>
                      </a:moveTo>
                      <a:cubicBezTo>
                        <a:pt x="56" y="10"/>
                        <a:pt x="56" y="10"/>
                        <a:pt x="56" y="10"/>
                      </a:cubicBezTo>
                      <a:cubicBezTo>
                        <a:pt x="56" y="6"/>
                        <a:pt x="54" y="5"/>
                        <a:pt x="52" y="7"/>
                      </a:cubicBezTo>
                      <a:cubicBezTo>
                        <a:pt x="52" y="7"/>
                        <a:pt x="42" y="15"/>
                        <a:pt x="32" y="14"/>
                      </a:cubicBezTo>
                      <a:cubicBezTo>
                        <a:pt x="23" y="13"/>
                        <a:pt x="15" y="3"/>
                        <a:pt x="15" y="3"/>
                      </a:cubicBezTo>
                      <a:cubicBezTo>
                        <a:pt x="13" y="0"/>
                        <a:pt x="11" y="1"/>
                        <a:pt x="11" y="5"/>
                      </a:cubicBezTo>
                      <a:cubicBezTo>
                        <a:pt x="0" y="110"/>
                        <a:pt x="0" y="110"/>
                        <a:pt x="0" y="110"/>
                      </a:cubicBezTo>
                      <a:cubicBezTo>
                        <a:pt x="0" y="113"/>
                        <a:pt x="2" y="117"/>
                        <a:pt x="5" y="118"/>
                      </a:cubicBezTo>
                      <a:cubicBezTo>
                        <a:pt x="35" y="123"/>
                        <a:pt x="35" y="123"/>
                        <a:pt x="35" y="123"/>
                      </a:cubicBezTo>
                      <a:cubicBezTo>
                        <a:pt x="38" y="122"/>
                        <a:pt x="41" y="118"/>
                        <a:pt x="42" y="114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6" name="Freeform 26"/>
                <p:cNvSpPr/>
                <p:nvPr/>
              </p:nvSpPr>
              <p:spPr bwMode="auto">
                <a:xfrm>
                  <a:off x="2543080" y="1983420"/>
                  <a:ext cx="190500" cy="80963"/>
                </a:xfrm>
                <a:custGeom>
                  <a:avLst/>
                  <a:gdLst>
                    <a:gd name="T0" fmla="*/ 43 w 45"/>
                    <a:gd name="T1" fmla="*/ 10 h 19"/>
                    <a:gd name="T2" fmla="*/ 45 w 45"/>
                    <a:gd name="T3" fmla="*/ 9 h 19"/>
                    <a:gd name="T4" fmla="*/ 41 w 45"/>
                    <a:gd name="T5" fmla="*/ 7 h 19"/>
                    <a:gd name="T6" fmla="*/ 21 w 45"/>
                    <a:gd name="T7" fmla="*/ 14 h 19"/>
                    <a:gd name="T8" fmla="*/ 4 w 45"/>
                    <a:gd name="T9" fmla="*/ 3 h 19"/>
                    <a:gd name="T10" fmla="*/ 0 w 45"/>
                    <a:gd name="T11" fmla="*/ 4 h 19"/>
                    <a:gd name="T12" fmla="*/ 2 w 45"/>
                    <a:gd name="T13" fmla="*/ 6 h 19"/>
                    <a:gd name="T14" fmla="*/ 21 w 45"/>
                    <a:gd name="T15" fmla="*/ 18 h 19"/>
                    <a:gd name="T16" fmla="*/ 43 w 45"/>
                    <a:gd name="T17" fmla="*/ 10 h 1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5" h="19">
                      <a:moveTo>
                        <a:pt x="43" y="10"/>
                      </a:moveTo>
                      <a:cubicBezTo>
                        <a:pt x="43" y="10"/>
                        <a:pt x="44" y="9"/>
                        <a:pt x="45" y="9"/>
                      </a:cubicBezTo>
                      <a:cubicBezTo>
                        <a:pt x="45" y="6"/>
                        <a:pt x="43" y="5"/>
                        <a:pt x="41" y="7"/>
                      </a:cubicBezTo>
                      <a:cubicBezTo>
                        <a:pt x="41" y="7"/>
                        <a:pt x="31" y="15"/>
                        <a:pt x="21" y="14"/>
                      </a:cubicBezTo>
                      <a:cubicBezTo>
                        <a:pt x="12" y="13"/>
                        <a:pt x="4" y="3"/>
                        <a:pt x="4" y="3"/>
                      </a:cubicBezTo>
                      <a:cubicBezTo>
                        <a:pt x="2" y="0"/>
                        <a:pt x="0" y="1"/>
                        <a:pt x="0" y="4"/>
                      </a:cubicBezTo>
                      <a:cubicBezTo>
                        <a:pt x="0" y="4"/>
                        <a:pt x="1" y="5"/>
                        <a:pt x="2" y="6"/>
                      </a:cubicBezTo>
                      <a:cubicBezTo>
                        <a:pt x="2" y="6"/>
                        <a:pt x="11" y="17"/>
                        <a:pt x="21" y="18"/>
                      </a:cubicBezTo>
                      <a:cubicBezTo>
                        <a:pt x="31" y="19"/>
                        <a:pt x="43" y="10"/>
                        <a:pt x="43" y="10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7" name="Freeform 27"/>
                <p:cNvSpPr/>
                <p:nvPr/>
              </p:nvSpPr>
              <p:spPr bwMode="auto">
                <a:xfrm>
                  <a:off x="2509743" y="2483483"/>
                  <a:ext cx="147638" cy="169863"/>
                </a:xfrm>
                <a:custGeom>
                  <a:avLst/>
                  <a:gdLst>
                    <a:gd name="T0" fmla="*/ 35 w 35"/>
                    <a:gd name="T1" fmla="*/ 4 h 40"/>
                    <a:gd name="T2" fmla="*/ 16 w 35"/>
                    <a:gd name="T3" fmla="*/ 9 h 40"/>
                    <a:gd name="T4" fmla="*/ 0 w 35"/>
                    <a:gd name="T5" fmla="*/ 0 h 40"/>
                    <a:gd name="T6" fmla="*/ 35 w 35"/>
                    <a:gd name="T7" fmla="*/ 4 h 4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5" h="40">
                      <a:moveTo>
                        <a:pt x="35" y="4"/>
                      </a:moveTo>
                      <a:cubicBezTo>
                        <a:pt x="29" y="8"/>
                        <a:pt x="23" y="10"/>
                        <a:pt x="16" y="9"/>
                      </a:cubicBezTo>
                      <a:cubicBezTo>
                        <a:pt x="10" y="8"/>
                        <a:pt x="4" y="5"/>
                        <a:pt x="0" y="0"/>
                      </a:cubicBezTo>
                      <a:cubicBezTo>
                        <a:pt x="3" y="39"/>
                        <a:pt x="23" y="40"/>
                        <a:pt x="35" y="4"/>
                      </a:cubicBezTo>
                    </a:path>
                  </a:pathLst>
                </a:custGeom>
                <a:solidFill>
                  <a:srgbClr val="666666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8" name="Freeform 28"/>
                <p:cNvSpPr/>
                <p:nvPr/>
              </p:nvSpPr>
              <p:spPr bwMode="auto">
                <a:xfrm>
                  <a:off x="2492280" y="2437445"/>
                  <a:ext cx="185738" cy="92075"/>
                </a:xfrm>
                <a:custGeom>
                  <a:avLst/>
                  <a:gdLst>
                    <a:gd name="T0" fmla="*/ 39 w 44"/>
                    <a:gd name="T1" fmla="*/ 16 h 22"/>
                    <a:gd name="T2" fmla="*/ 44 w 44"/>
                    <a:gd name="T3" fmla="*/ 10 h 22"/>
                    <a:gd name="T4" fmla="*/ 40 w 44"/>
                    <a:gd name="T5" fmla="*/ 7 h 22"/>
                    <a:gd name="T6" fmla="*/ 21 w 44"/>
                    <a:gd name="T7" fmla="*/ 13 h 22"/>
                    <a:gd name="T8" fmla="*/ 4 w 44"/>
                    <a:gd name="T9" fmla="*/ 3 h 22"/>
                    <a:gd name="T10" fmla="*/ 0 w 44"/>
                    <a:gd name="T11" fmla="*/ 2 h 22"/>
                    <a:gd name="T12" fmla="*/ 3 w 44"/>
                    <a:gd name="T13" fmla="*/ 12 h 22"/>
                    <a:gd name="T14" fmla="*/ 20 w 44"/>
                    <a:gd name="T15" fmla="*/ 21 h 22"/>
                    <a:gd name="T16" fmla="*/ 39 w 44"/>
                    <a:gd name="T17" fmla="*/ 16 h 2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44" h="22">
                      <a:moveTo>
                        <a:pt x="39" y="16"/>
                      </a:moveTo>
                      <a:cubicBezTo>
                        <a:pt x="42" y="14"/>
                        <a:pt x="44" y="11"/>
                        <a:pt x="44" y="10"/>
                      </a:cubicBezTo>
                      <a:cubicBezTo>
                        <a:pt x="44" y="8"/>
                        <a:pt x="43" y="5"/>
                        <a:pt x="40" y="7"/>
                      </a:cubicBezTo>
                      <a:cubicBezTo>
                        <a:pt x="40" y="7"/>
                        <a:pt x="30" y="14"/>
                        <a:pt x="21" y="13"/>
                      </a:cubicBezTo>
                      <a:cubicBezTo>
                        <a:pt x="12" y="12"/>
                        <a:pt x="4" y="3"/>
                        <a:pt x="4" y="3"/>
                      </a:cubicBezTo>
                      <a:cubicBezTo>
                        <a:pt x="2" y="1"/>
                        <a:pt x="0" y="0"/>
                        <a:pt x="0" y="2"/>
                      </a:cubicBezTo>
                      <a:cubicBezTo>
                        <a:pt x="0" y="4"/>
                        <a:pt x="1" y="10"/>
                        <a:pt x="3" y="12"/>
                      </a:cubicBezTo>
                      <a:cubicBezTo>
                        <a:pt x="3" y="12"/>
                        <a:pt x="12" y="20"/>
                        <a:pt x="20" y="21"/>
                      </a:cubicBezTo>
                      <a:cubicBezTo>
                        <a:pt x="29" y="22"/>
                        <a:pt x="39" y="16"/>
                        <a:pt x="39" y="16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39" name="Freeform 30"/>
                <p:cNvSpPr/>
                <p:nvPr/>
              </p:nvSpPr>
              <p:spPr bwMode="auto">
                <a:xfrm>
                  <a:off x="2624043" y="1508758"/>
                  <a:ext cx="122238" cy="114300"/>
                </a:xfrm>
                <a:custGeom>
                  <a:avLst/>
                  <a:gdLst>
                    <a:gd name="T0" fmla="*/ 1 w 29"/>
                    <a:gd name="T1" fmla="*/ 17 h 27"/>
                    <a:gd name="T2" fmla="*/ 13 w 29"/>
                    <a:gd name="T3" fmla="*/ 1 h 27"/>
                    <a:gd name="T4" fmla="*/ 29 w 29"/>
                    <a:gd name="T5" fmla="*/ 15 h 27"/>
                    <a:gd name="T6" fmla="*/ 29 w 29"/>
                    <a:gd name="T7" fmla="*/ 20 h 27"/>
                    <a:gd name="T8" fmla="*/ 14 w 29"/>
                    <a:gd name="T9" fmla="*/ 26 h 27"/>
                    <a:gd name="T10" fmla="*/ 1 w 29"/>
                    <a:gd name="T11" fmla="*/ 1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29" h="27">
                      <a:moveTo>
                        <a:pt x="1" y="17"/>
                      </a:moveTo>
                      <a:cubicBezTo>
                        <a:pt x="1" y="12"/>
                        <a:pt x="5" y="0"/>
                        <a:pt x="13" y="1"/>
                      </a:cubicBezTo>
                      <a:cubicBezTo>
                        <a:pt x="20" y="2"/>
                        <a:pt x="28" y="11"/>
                        <a:pt x="29" y="15"/>
                      </a:cubicBezTo>
                      <a:cubicBezTo>
                        <a:pt x="29" y="16"/>
                        <a:pt x="29" y="19"/>
                        <a:pt x="29" y="20"/>
                      </a:cubicBezTo>
                      <a:cubicBezTo>
                        <a:pt x="29" y="24"/>
                        <a:pt x="22" y="27"/>
                        <a:pt x="14" y="26"/>
                      </a:cubicBezTo>
                      <a:cubicBezTo>
                        <a:pt x="6" y="25"/>
                        <a:pt x="0" y="21"/>
                        <a:pt x="1" y="17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0" name="Freeform 32"/>
                <p:cNvSpPr/>
                <p:nvPr/>
              </p:nvSpPr>
              <p:spPr bwMode="auto">
                <a:xfrm>
                  <a:off x="2627218" y="1369058"/>
                  <a:ext cx="123825" cy="236538"/>
                </a:xfrm>
                <a:custGeom>
                  <a:avLst/>
                  <a:gdLst>
                    <a:gd name="T0" fmla="*/ 1 w 29"/>
                    <a:gd name="T1" fmla="*/ 43 h 56"/>
                    <a:gd name="T2" fmla="*/ 0 w 29"/>
                    <a:gd name="T3" fmla="*/ 46 h 56"/>
                    <a:gd name="T4" fmla="*/ 13 w 29"/>
                    <a:gd name="T5" fmla="*/ 55 h 56"/>
                    <a:gd name="T6" fmla="*/ 28 w 29"/>
                    <a:gd name="T7" fmla="*/ 49 h 56"/>
                    <a:gd name="T8" fmla="*/ 28 w 29"/>
                    <a:gd name="T9" fmla="*/ 46 h 56"/>
                    <a:gd name="T10" fmla="*/ 20 w 29"/>
                    <a:gd name="T11" fmla="*/ 0 h 56"/>
                    <a:gd name="T12" fmla="*/ 1 w 29"/>
                    <a:gd name="T13" fmla="*/ 43 h 5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29" h="56">
                      <a:moveTo>
                        <a:pt x="1" y="43"/>
                      </a:moveTo>
                      <a:cubicBezTo>
                        <a:pt x="1" y="44"/>
                        <a:pt x="0" y="45"/>
                        <a:pt x="0" y="46"/>
                      </a:cubicBezTo>
                      <a:cubicBezTo>
                        <a:pt x="0" y="50"/>
                        <a:pt x="6" y="54"/>
                        <a:pt x="13" y="55"/>
                      </a:cubicBezTo>
                      <a:cubicBezTo>
                        <a:pt x="21" y="56"/>
                        <a:pt x="28" y="53"/>
                        <a:pt x="28" y="49"/>
                      </a:cubicBezTo>
                      <a:cubicBezTo>
                        <a:pt x="29" y="48"/>
                        <a:pt x="28" y="47"/>
                        <a:pt x="28" y="46"/>
                      </a:cubicBezTo>
                      <a:cubicBezTo>
                        <a:pt x="20" y="0"/>
                        <a:pt x="20" y="0"/>
                        <a:pt x="20" y="0"/>
                      </a:cubicBezTo>
                      <a:lnTo>
                        <a:pt x="1" y="4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1" name="Freeform 33"/>
                <p:cNvSpPr/>
                <p:nvPr/>
              </p:nvSpPr>
              <p:spPr bwMode="auto">
                <a:xfrm>
                  <a:off x="2695480" y="1364295"/>
                  <a:ext cx="25400" cy="50800"/>
                </a:xfrm>
                <a:custGeom>
                  <a:avLst/>
                  <a:gdLst>
                    <a:gd name="T0" fmla="*/ 3 w 6"/>
                    <a:gd name="T1" fmla="*/ 12 h 12"/>
                    <a:gd name="T2" fmla="*/ 6 w 6"/>
                    <a:gd name="T3" fmla="*/ 11 h 12"/>
                    <a:gd name="T4" fmla="*/ 4 w 6"/>
                    <a:gd name="T5" fmla="*/ 1 h 12"/>
                    <a:gd name="T6" fmla="*/ 0 w 6"/>
                    <a:gd name="T7" fmla="*/ 11 h 12"/>
                    <a:gd name="T8" fmla="*/ 3 w 6"/>
                    <a:gd name="T9" fmla="*/ 12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" h="12">
                      <a:moveTo>
                        <a:pt x="3" y="12"/>
                      </a:moveTo>
                      <a:cubicBezTo>
                        <a:pt x="4" y="12"/>
                        <a:pt x="5" y="12"/>
                        <a:pt x="6" y="11"/>
                      </a:cubicBezTo>
                      <a:cubicBezTo>
                        <a:pt x="6" y="11"/>
                        <a:pt x="6" y="1"/>
                        <a:pt x="4" y="1"/>
                      </a:cubicBezTo>
                      <a:cubicBezTo>
                        <a:pt x="2" y="0"/>
                        <a:pt x="0" y="11"/>
                        <a:pt x="0" y="11"/>
                      </a:cubicBezTo>
                      <a:cubicBezTo>
                        <a:pt x="1" y="11"/>
                        <a:pt x="1" y="11"/>
                        <a:pt x="3" y="12"/>
                      </a:cubicBezTo>
                    </a:path>
                  </a:pathLst>
                </a:custGeom>
                <a:solidFill>
                  <a:srgbClr val="41414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2" name="Freeform 34"/>
                <p:cNvSpPr/>
                <p:nvPr/>
              </p:nvSpPr>
              <p:spPr bwMode="auto">
                <a:xfrm>
                  <a:off x="2165255" y="2016758"/>
                  <a:ext cx="781050" cy="877888"/>
                </a:xfrm>
                <a:custGeom>
                  <a:avLst/>
                  <a:gdLst>
                    <a:gd name="T0" fmla="*/ 123 w 492"/>
                    <a:gd name="T1" fmla="*/ 553 h 553"/>
                    <a:gd name="T2" fmla="*/ 0 w 492"/>
                    <a:gd name="T3" fmla="*/ 0 h 553"/>
                    <a:gd name="T4" fmla="*/ 492 w 492"/>
                    <a:gd name="T5" fmla="*/ 0 h 553"/>
                    <a:gd name="T6" fmla="*/ 377 w 492"/>
                    <a:gd name="T7" fmla="*/ 550 h 553"/>
                    <a:gd name="T8" fmla="*/ 123 w 492"/>
                    <a:gd name="T9" fmla="*/ 553 h 55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92" h="553">
                      <a:moveTo>
                        <a:pt x="123" y="553"/>
                      </a:moveTo>
                      <a:lnTo>
                        <a:pt x="0" y="0"/>
                      </a:lnTo>
                      <a:lnTo>
                        <a:pt x="492" y="0"/>
                      </a:lnTo>
                      <a:lnTo>
                        <a:pt x="377" y="550"/>
                      </a:lnTo>
                      <a:lnTo>
                        <a:pt x="123" y="553"/>
                      </a:lnTo>
                      <a:close/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3" name="Freeform 36"/>
                <p:cNvSpPr/>
                <p:nvPr/>
              </p:nvSpPr>
              <p:spPr bwMode="auto">
                <a:xfrm>
                  <a:off x="2144618" y="1996120"/>
                  <a:ext cx="822325" cy="919163"/>
                </a:xfrm>
                <a:custGeom>
                  <a:avLst/>
                  <a:gdLst>
                    <a:gd name="T0" fmla="*/ 51 w 194"/>
                    <a:gd name="T1" fmla="*/ 212 h 217"/>
                    <a:gd name="T2" fmla="*/ 55 w 194"/>
                    <a:gd name="T3" fmla="*/ 211 h 217"/>
                    <a:gd name="T4" fmla="*/ 11 w 194"/>
                    <a:gd name="T5" fmla="*/ 9 h 217"/>
                    <a:gd name="T6" fmla="*/ 183 w 194"/>
                    <a:gd name="T7" fmla="*/ 9 h 217"/>
                    <a:gd name="T8" fmla="*/ 143 w 194"/>
                    <a:gd name="T9" fmla="*/ 206 h 217"/>
                    <a:gd name="T10" fmla="*/ 51 w 194"/>
                    <a:gd name="T11" fmla="*/ 207 h 217"/>
                    <a:gd name="T12" fmla="*/ 51 w 194"/>
                    <a:gd name="T13" fmla="*/ 212 h 217"/>
                    <a:gd name="T14" fmla="*/ 55 w 194"/>
                    <a:gd name="T15" fmla="*/ 211 h 217"/>
                    <a:gd name="T16" fmla="*/ 51 w 194"/>
                    <a:gd name="T17" fmla="*/ 212 h 217"/>
                    <a:gd name="T18" fmla="*/ 51 w 194"/>
                    <a:gd name="T19" fmla="*/ 217 h 217"/>
                    <a:gd name="T20" fmla="*/ 147 w 194"/>
                    <a:gd name="T21" fmla="*/ 216 h 217"/>
                    <a:gd name="T22" fmla="*/ 151 w 194"/>
                    <a:gd name="T23" fmla="*/ 212 h 217"/>
                    <a:gd name="T24" fmla="*/ 193 w 194"/>
                    <a:gd name="T25" fmla="*/ 6 h 217"/>
                    <a:gd name="T26" fmla="*/ 192 w 194"/>
                    <a:gd name="T27" fmla="*/ 2 h 217"/>
                    <a:gd name="T28" fmla="*/ 189 w 194"/>
                    <a:gd name="T29" fmla="*/ 0 h 217"/>
                    <a:gd name="T30" fmla="*/ 5 w 194"/>
                    <a:gd name="T31" fmla="*/ 0 h 217"/>
                    <a:gd name="T32" fmla="*/ 1 w 194"/>
                    <a:gd name="T33" fmla="*/ 2 h 217"/>
                    <a:gd name="T34" fmla="*/ 0 w 194"/>
                    <a:gd name="T35" fmla="*/ 6 h 217"/>
                    <a:gd name="T36" fmla="*/ 46 w 194"/>
                    <a:gd name="T37" fmla="*/ 213 h 217"/>
                    <a:gd name="T38" fmla="*/ 51 w 194"/>
                    <a:gd name="T39" fmla="*/ 217 h 217"/>
                    <a:gd name="T40" fmla="*/ 51 w 194"/>
                    <a:gd name="T41" fmla="*/ 212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</a:cxnLst>
                  <a:rect l="0" t="0" r="r" b="b"/>
                  <a:pathLst>
                    <a:path w="194" h="217">
                      <a:moveTo>
                        <a:pt x="51" y="212"/>
                      </a:move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183" y="9"/>
                        <a:pt x="183" y="9"/>
                        <a:pt x="183" y="9"/>
                      </a:cubicBezTo>
                      <a:cubicBezTo>
                        <a:pt x="143" y="206"/>
                        <a:pt x="143" y="206"/>
                        <a:pt x="143" y="206"/>
                      </a:cubicBezTo>
                      <a:cubicBezTo>
                        <a:pt x="51" y="207"/>
                        <a:pt x="51" y="207"/>
                        <a:pt x="51" y="207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5" y="211"/>
                        <a:pt x="55" y="211"/>
                        <a:pt x="55" y="211"/>
                      </a:cubicBezTo>
                      <a:cubicBezTo>
                        <a:pt x="51" y="212"/>
                        <a:pt x="51" y="212"/>
                        <a:pt x="51" y="212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147" y="216"/>
                        <a:pt x="147" y="216"/>
                        <a:pt x="147" y="216"/>
                      </a:cubicBezTo>
                      <a:cubicBezTo>
                        <a:pt x="149" y="216"/>
                        <a:pt x="151" y="214"/>
                        <a:pt x="151" y="212"/>
                      </a:cubicBezTo>
                      <a:cubicBezTo>
                        <a:pt x="193" y="6"/>
                        <a:pt x="193" y="6"/>
                        <a:pt x="193" y="6"/>
                      </a:cubicBezTo>
                      <a:cubicBezTo>
                        <a:pt x="194" y="4"/>
                        <a:pt x="193" y="3"/>
                        <a:pt x="192" y="2"/>
                      </a:cubicBezTo>
                      <a:cubicBezTo>
                        <a:pt x="191" y="0"/>
                        <a:pt x="190" y="0"/>
                        <a:pt x="189" y="0"/>
                      </a:cubicBez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1" y="2"/>
                      </a:cubicBezTo>
                      <a:cubicBezTo>
                        <a:pt x="1" y="3"/>
                        <a:pt x="0" y="4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7" y="215"/>
                        <a:pt x="48" y="217"/>
                        <a:pt x="51" y="217"/>
                      </a:cubicBezTo>
                      <a:cubicBezTo>
                        <a:pt x="51" y="212"/>
                        <a:pt x="51" y="212"/>
                        <a:pt x="51" y="212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4" name="Freeform 37"/>
                <p:cNvSpPr>
                  <a:spLocks noEditPoints="1"/>
                </p:cNvSpPr>
                <p:nvPr/>
              </p:nvSpPr>
              <p:spPr bwMode="auto">
                <a:xfrm>
                  <a:off x="2144618" y="2000883"/>
                  <a:ext cx="411163" cy="911225"/>
                </a:xfrm>
                <a:custGeom>
                  <a:avLst/>
                  <a:gdLst>
                    <a:gd name="T0" fmla="*/ 97 w 97"/>
                    <a:gd name="T1" fmla="*/ 215 h 215"/>
                    <a:gd name="T2" fmla="*/ 70 w 97"/>
                    <a:gd name="T3" fmla="*/ 215 h 215"/>
                    <a:gd name="T4" fmla="*/ 97 w 97"/>
                    <a:gd name="T5" fmla="*/ 215 h 215"/>
                    <a:gd name="T6" fmla="*/ 97 w 97"/>
                    <a:gd name="T7" fmla="*/ 215 h 215"/>
                    <a:gd name="T8" fmla="*/ 0 w 97"/>
                    <a:gd name="T9" fmla="*/ 3 h 215"/>
                    <a:gd name="T10" fmla="*/ 0 w 97"/>
                    <a:gd name="T11" fmla="*/ 5 h 215"/>
                    <a:gd name="T12" fmla="*/ 46 w 97"/>
                    <a:gd name="T13" fmla="*/ 212 h 215"/>
                    <a:gd name="T14" fmla="*/ 46 w 97"/>
                    <a:gd name="T15" fmla="*/ 213 h 215"/>
                    <a:gd name="T16" fmla="*/ 46 w 97"/>
                    <a:gd name="T17" fmla="*/ 212 h 215"/>
                    <a:gd name="T18" fmla="*/ 0 w 97"/>
                    <a:gd name="T19" fmla="*/ 5 h 215"/>
                    <a:gd name="T20" fmla="*/ 0 w 97"/>
                    <a:gd name="T21" fmla="*/ 3 h 215"/>
                    <a:gd name="T22" fmla="*/ 2 w 97"/>
                    <a:gd name="T23" fmla="*/ 0 h 215"/>
                    <a:gd name="T24" fmla="*/ 1 w 97"/>
                    <a:gd name="T25" fmla="*/ 1 h 215"/>
                    <a:gd name="T26" fmla="*/ 1 w 97"/>
                    <a:gd name="T27" fmla="*/ 1 h 215"/>
                    <a:gd name="T28" fmla="*/ 1 w 97"/>
                    <a:gd name="T29" fmla="*/ 1 h 215"/>
                    <a:gd name="T30" fmla="*/ 2 w 97"/>
                    <a:gd name="T31" fmla="*/ 0 h 21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</a:cxnLst>
                  <a:rect l="0" t="0" r="r" b="b"/>
                  <a:pathLst>
                    <a:path w="97" h="215">
                      <a:moveTo>
                        <a:pt x="97" y="215"/>
                      </a:moveTo>
                      <a:cubicBezTo>
                        <a:pt x="70" y="215"/>
                        <a:pt x="70" y="215"/>
                        <a:pt x="70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cubicBezTo>
                        <a:pt x="97" y="215"/>
                        <a:pt x="97" y="215"/>
                        <a:pt x="97" y="215"/>
                      </a:cubicBezTo>
                      <a:moveTo>
                        <a:pt x="0" y="3"/>
                      </a:moveTo>
                      <a:cubicBezTo>
                        <a:pt x="0" y="4"/>
                        <a:pt x="0" y="4"/>
                        <a:pt x="0" y="5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46" y="212"/>
                        <a:pt x="46" y="212"/>
                        <a:pt x="46" y="213"/>
                      </a:cubicBezTo>
                      <a:cubicBezTo>
                        <a:pt x="46" y="212"/>
                        <a:pt x="46" y="212"/>
                        <a:pt x="46" y="212"/>
                      </a:cubicBezTo>
                      <a:cubicBezTo>
                        <a:pt x="0" y="5"/>
                        <a:pt x="0" y="5"/>
                        <a:pt x="0" y="5"/>
                      </a:cubicBezTo>
                      <a:cubicBezTo>
                        <a:pt x="0" y="4"/>
                        <a:pt x="0" y="4"/>
                        <a:pt x="0" y="3"/>
                      </a:cubicBezTo>
                      <a:moveTo>
                        <a:pt x="2" y="0"/>
                      </a:move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1" y="1"/>
                      </a:cubicBezTo>
                      <a:cubicBezTo>
                        <a:pt x="1" y="1"/>
                        <a:pt x="1" y="1"/>
                        <a:pt x="2" y="0"/>
                      </a:cubicBezTo>
                    </a:path>
                  </a:pathLst>
                </a:custGeom>
                <a:solidFill>
                  <a:srgbClr val="E5E5E5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5" name="Freeform 38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  <a:close/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6" name="Freeform 39"/>
                <p:cNvSpPr/>
                <p:nvPr/>
              </p:nvSpPr>
              <p:spPr bwMode="auto">
                <a:xfrm>
                  <a:off x="2190655" y="2034220"/>
                  <a:ext cx="365125" cy="839788"/>
                </a:xfrm>
                <a:custGeom>
                  <a:avLst/>
                  <a:gdLst>
                    <a:gd name="T0" fmla="*/ 230 w 230"/>
                    <a:gd name="T1" fmla="*/ 0 h 529"/>
                    <a:gd name="T2" fmla="*/ 0 w 230"/>
                    <a:gd name="T3" fmla="*/ 0 h 529"/>
                    <a:gd name="T4" fmla="*/ 118 w 230"/>
                    <a:gd name="T5" fmla="*/ 529 h 529"/>
                    <a:gd name="T6" fmla="*/ 230 w 230"/>
                    <a:gd name="T7" fmla="*/ 529 h 529"/>
                    <a:gd name="T8" fmla="*/ 230 w 230"/>
                    <a:gd name="T9" fmla="*/ 0 h 52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30" h="529">
                      <a:moveTo>
                        <a:pt x="230" y="0"/>
                      </a:moveTo>
                      <a:lnTo>
                        <a:pt x="0" y="0"/>
                      </a:lnTo>
                      <a:lnTo>
                        <a:pt x="118" y="529"/>
                      </a:lnTo>
                      <a:lnTo>
                        <a:pt x="230" y="529"/>
                      </a:lnTo>
                      <a:lnTo>
                        <a:pt x="230" y="0"/>
                      </a:lnTo>
                    </a:path>
                  </a:pathLst>
                </a:custGeom>
                <a:noFill/>
                <a:ln>
                  <a:noFill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47" name="Freeform 40"/>
                <p:cNvSpPr/>
                <p:nvPr/>
              </p:nvSpPr>
              <p:spPr bwMode="auto">
                <a:xfrm>
                  <a:off x="2144618" y="1996120"/>
                  <a:ext cx="411163" cy="919163"/>
                </a:xfrm>
                <a:custGeom>
                  <a:avLst/>
                  <a:gdLst>
                    <a:gd name="T0" fmla="*/ 97 w 97"/>
                    <a:gd name="T1" fmla="*/ 0 h 217"/>
                    <a:gd name="T2" fmla="*/ 5 w 97"/>
                    <a:gd name="T3" fmla="*/ 0 h 217"/>
                    <a:gd name="T4" fmla="*/ 2 w 97"/>
                    <a:gd name="T5" fmla="*/ 1 h 217"/>
                    <a:gd name="T6" fmla="*/ 1 w 97"/>
                    <a:gd name="T7" fmla="*/ 2 h 217"/>
                    <a:gd name="T8" fmla="*/ 1 w 97"/>
                    <a:gd name="T9" fmla="*/ 2 h 217"/>
                    <a:gd name="T10" fmla="*/ 0 w 97"/>
                    <a:gd name="T11" fmla="*/ 4 h 217"/>
                    <a:gd name="T12" fmla="*/ 0 w 97"/>
                    <a:gd name="T13" fmla="*/ 6 h 217"/>
                    <a:gd name="T14" fmla="*/ 46 w 97"/>
                    <a:gd name="T15" fmla="*/ 213 h 217"/>
                    <a:gd name="T16" fmla="*/ 46 w 97"/>
                    <a:gd name="T17" fmla="*/ 214 h 217"/>
                    <a:gd name="T18" fmla="*/ 51 w 97"/>
                    <a:gd name="T19" fmla="*/ 217 h 217"/>
                    <a:gd name="T20" fmla="*/ 51 w 97"/>
                    <a:gd name="T21" fmla="*/ 217 h 217"/>
                    <a:gd name="T22" fmla="*/ 70 w 97"/>
                    <a:gd name="T23" fmla="*/ 216 h 217"/>
                    <a:gd name="T24" fmla="*/ 97 w 97"/>
                    <a:gd name="T25" fmla="*/ 216 h 217"/>
                    <a:gd name="T26" fmla="*/ 97 w 97"/>
                    <a:gd name="T27" fmla="*/ 207 h 217"/>
                    <a:gd name="T28" fmla="*/ 55 w 97"/>
                    <a:gd name="T29" fmla="*/ 207 h 217"/>
                    <a:gd name="T30" fmla="*/ 11 w 97"/>
                    <a:gd name="T31" fmla="*/ 9 h 217"/>
                    <a:gd name="T32" fmla="*/ 97 w 97"/>
                    <a:gd name="T33" fmla="*/ 9 h 217"/>
                    <a:gd name="T34" fmla="*/ 97 w 97"/>
                    <a:gd name="T35" fmla="*/ 0 h 2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97" h="217">
                      <a:moveTo>
                        <a:pt x="97" y="0"/>
                      </a:moveTo>
                      <a:cubicBezTo>
                        <a:pt x="5" y="0"/>
                        <a:pt x="5" y="0"/>
                        <a:pt x="5" y="0"/>
                      </a:cubicBezTo>
                      <a:cubicBezTo>
                        <a:pt x="4" y="0"/>
                        <a:pt x="2" y="0"/>
                        <a:pt x="2" y="1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1" y="2"/>
                        <a:pt x="1" y="2"/>
                      </a:cubicBezTo>
                      <a:cubicBezTo>
                        <a:pt x="1" y="2"/>
                        <a:pt x="0" y="3"/>
                        <a:pt x="0" y="4"/>
                      </a:cubicBezTo>
                      <a:cubicBezTo>
                        <a:pt x="0" y="5"/>
                        <a:pt x="0" y="5"/>
                        <a:pt x="0" y="6"/>
                      </a:cubicBezTo>
                      <a:cubicBezTo>
                        <a:pt x="46" y="213"/>
                        <a:pt x="46" y="213"/>
                        <a:pt x="46" y="213"/>
                      </a:cubicBezTo>
                      <a:cubicBezTo>
                        <a:pt x="46" y="213"/>
                        <a:pt x="46" y="213"/>
                        <a:pt x="46" y="214"/>
                      </a:cubicBezTo>
                      <a:cubicBezTo>
                        <a:pt x="47" y="215"/>
                        <a:pt x="49" y="217"/>
                        <a:pt x="51" y="217"/>
                      </a:cubicBezTo>
                      <a:cubicBezTo>
                        <a:pt x="51" y="217"/>
                        <a:pt x="51" y="217"/>
                        <a:pt x="51" y="217"/>
                      </a:cubicBezTo>
                      <a:cubicBezTo>
                        <a:pt x="70" y="216"/>
                        <a:pt x="70" y="216"/>
                        <a:pt x="70" y="216"/>
                      </a:cubicBezTo>
                      <a:cubicBezTo>
                        <a:pt x="97" y="216"/>
                        <a:pt x="97" y="216"/>
                        <a:pt x="97" y="216"/>
                      </a:cubicBezTo>
                      <a:cubicBezTo>
                        <a:pt x="97" y="207"/>
                        <a:pt x="97" y="207"/>
                        <a:pt x="97" y="207"/>
                      </a:cubicBezTo>
                      <a:cubicBezTo>
                        <a:pt x="55" y="207"/>
                        <a:pt x="55" y="207"/>
                        <a:pt x="55" y="207"/>
                      </a:cubicBezTo>
                      <a:cubicBezTo>
                        <a:pt x="11" y="9"/>
                        <a:pt x="11" y="9"/>
                        <a:pt x="11" y="9"/>
                      </a:cubicBezTo>
                      <a:cubicBezTo>
                        <a:pt x="97" y="9"/>
                        <a:pt x="97" y="9"/>
                        <a:pt x="97" y="9"/>
                      </a:cubicBezTo>
                      <a:cubicBezTo>
                        <a:pt x="97" y="0"/>
                        <a:pt x="97" y="0"/>
                        <a:pt x="97" y="0"/>
                      </a:cubicBezTo>
                    </a:path>
                  </a:pathLst>
                </a:custGeom>
                <a:solidFill>
                  <a:srgbClr val="D0CFD0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</p:grpSp>
      </p:grpSp>
      <p:grpSp>
        <p:nvGrpSpPr>
          <p:cNvPr id="4" name="组合 3"/>
          <p:cNvGrpSpPr/>
          <p:nvPr/>
        </p:nvGrpSpPr>
        <p:grpSpPr>
          <a:xfrm>
            <a:off x="10212743" y="0"/>
            <a:ext cx="1533833" cy="1253724"/>
            <a:chOff x="7061527" y="1250214"/>
            <a:chExt cx="3136462" cy="2563681"/>
          </a:xfrm>
        </p:grpSpPr>
        <p:grpSp>
          <p:nvGrpSpPr>
            <p:cNvPr id="62" name="组合 61"/>
            <p:cNvGrpSpPr/>
            <p:nvPr/>
          </p:nvGrpSpPr>
          <p:grpSpPr>
            <a:xfrm>
              <a:off x="7103695" y="3022397"/>
              <a:ext cx="2870657" cy="791498"/>
              <a:chOff x="4938713" y="3109913"/>
              <a:chExt cx="2314575" cy="638175"/>
            </a:xfrm>
          </p:grpSpPr>
          <p:sp>
            <p:nvSpPr>
              <p:cNvPr id="63" name="Freeform 13"/>
              <p:cNvSpPr/>
              <p:nvPr/>
            </p:nvSpPr>
            <p:spPr bwMode="auto">
              <a:xfrm>
                <a:off x="4972050" y="3144838"/>
                <a:ext cx="2230438" cy="569913"/>
              </a:xfrm>
              <a:custGeom>
                <a:avLst/>
                <a:gdLst>
                  <a:gd name="T0" fmla="*/ 524 w 524"/>
                  <a:gd name="T1" fmla="*/ 132 h 132"/>
                  <a:gd name="T2" fmla="*/ 64 w 524"/>
                  <a:gd name="T3" fmla="*/ 132 h 132"/>
                  <a:gd name="T4" fmla="*/ 0 w 524"/>
                  <a:gd name="T5" fmla="*/ 67 h 132"/>
                  <a:gd name="T6" fmla="*/ 0 w 524"/>
                  <a:gd name="T7" fmla="*/ 57 h 132"/>
                  <a:gd name="T8" fmla="*/ 64 w 524"/>
                  <a:gd name="T9" fmla="*/ 0 h 132"/>
                  <a:gd name="T10" fmla="*/ 524 w 524"/>
                  <a:gd name="T11" fmla="*/ 0 h 132"/>
                  <a:gd name="T12" fmla="*/ 509 w 524"/>
                  <a:gd name="T13" fmla="*/ 63 h 132"/>
                  <a:gd name="T14" fmla="*/ 524 w 524"/>
                  <a:gd name="T15" fmla="*/ 132 h 132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</a:cxnLst>
                <a:rect l="0" t="0" r="r" b="b"/>
                <a:pathLst>
                  <a:path w="524" h="132">
                    <a:moveTo>
                      <a:pt x="524" y="132"/>
                    </a:moveTo>
                    <a:cubicBezTo>
                      <a:pt x="64" y="132"/>
                      <a:pt x="64" y="132"/>
                      <a:pt x="64" y="132"/>
                    </a:cubicBezTo>
                    <a:cubicBezTo>
                      <a:pt x="29" y="132"/>
                      <a:pt x="0" y="101"/>
                      <a:pt x="0" y="67"/>
                    </a:cubicBezTo>
                    <a:cubicBezTo>
                      <a:pt x="0" y="57"/>
                      <a:pt x="0" y="57"/>
                      <a:pt x="0" y="57"/>
                    </a:cubicBezTo>
                    <a:cubicBezTo>
                      <a:pt x="0" y="23"/>
                      <a:pt x="29" y="0"/>
                      <a:pt x="64" y="0"/>
                    </a:cubicBezTo>
                    <a:cubicBezTo>
                      <a:pt x="524" y="0"/>
                      <a:pt x="524" y="0"/>
                      <a:pt x="524" y="0"/>
                    </a:cubicBezTo>
                    <a:cubicBezTo>
                      <a:pt x="524" y="0"/>
                      <a:pt x="509" y="21"/>
                      <a:pt x="509" y="63"/>
                    </a:cubicBezTo>
                    <a:cubicBezTo>
                      <a:pt x="509" y="111"/>
                      <a:pt x="524" y="132"/>
                      <a:pt x="524" y="132"/>
                    </a:cubicBezTo>
                  </a:path>
                </a:pathLst>
              </a:custGeom>
              <a:solidFill>
                <a:srgbClr val="FCF6EA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4" name="Freeform 14"/>
              <p:cNvSpPr/>
              <p:nvPr/>
            </p:nvSpPr>
            <p:spPr bwMode="auto">
              <a:xfrm>
                <a:off x="4989513" y="3109913"/>
                <a:ext cx="319088" cy="630238"/>
              </a:xfrm>
              <a:custGeom>
                <a:avLst/>
                <a:gdLst>
                  <a:gd name="T0" fmla="*/ 67 w 75"/>
                  <a:gd name="T1" fmla="*/ 146 h 146"/>
                  <a:gd name="T2" fmla="*/ 0 w 75"/>
                  <a:gd name="T3" fmla="*/ 76 h 146"/>
                  <a:gd name="T4" fmla="*/ 0 w 75"/>
                  <a:gd name="T5" fmla="*/ 67 h 146"/>
                  <a:gd name="T6" fmla="*/ 69 w 75"/>
                  <a:gd name="T7" fmla="*/ 0 h 146"/>
                  <a:gd name="T8" fmla="*/ 75 w 75"/>
                  <a:gd name="T9" fmla="*/ 6 h 146"/>
                  <a:gd name="T10" fmla="*/ 69 w 75"/>
                  <a:gd name="T11" fmla="*/ 12 h 146"/>
                  <a:gd name="T12" fmla="*/ 12 w 75"/>
                  <a:gd name="T13" fmla="*/ 67 h 146"/>
                  <a:gd name="T14" fmla="*/ 12 w 75"/>
                  <a:gd name="T15" fmla="*/ 76 h 146"/>
                  <a:gd name="T16" fmla="*/ 67 w 75"/>
                  <a:gd name="T17" fmla="*/ 133 h 146"/>
                  <a:gd name="T18" fmla="*/ 73 w 75"/>
                  <a:gd name="T19" fmla="*/ 140 h 146"/>
                  <a:gd name="T20" fmla="*/ 67 w 75"/>
                  <a:gd name="T21" fmla="*/ 146 h 146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5" h="146">
                    <a:moveTo>
                      <a:pt x="67" y="146"/>
                    </a:moveTo>
                    <a:cubicBezTo>
                      <a:pt x="30" y="146"/>
                      <a:pt x="0" y="115"/>
                      <a:pt x="0" y="76"/>
                    </a:cubicBezTo>
                    <a:cubicBezTo>
                      <a:pt x="0" y="67"/>
                      <a:pt x="0" y="67"/>
                      <a:pt x="0" y="67"/>
                    </a:cubicBezTo>
                    <a:cubicBezTo>
                      <a:pt x="0" y="30"/>
                      <a:pt x="31" y="0"/>
                      <a:pt x="69" y="0"/>
                    </a:cubicBezTo>
                    <a:cubicBezTo>
                      <a:pt x="72" y="0"/>
                      <a:pt x="75" y="2"/>
                      <a:pt x="75" y="6"/>
                    </a:cubicBezTo>
                    <a:cubicBezTo>
                      <a:pt x="75" y="9"/>
                      <a:pt x="72" y="12"/>
                      <a:pt x="69" y="12"/>
                    </a:cubicBezTo>
                    <a:cubicBezTo>
                      <a:pt x="37" y="12"/>
                      <a:pt x="12" y="36"/>
                      <a:pt x="12" y="67"/>
                    </a:cubicBezTo>
                    <a:cubicBezTo>
                      <a:pt x="12" y="76"/>
                      <a:pt x="12" y="76"/>
                      <a:pt x="12" y="76"/>
                    </a:cubicBezTo>
                    <a:cubicBezTo>
                      <a:pt x="12" y="108"/>
                      <a:pt x="37" y="133"/>
                      <a:pt x="67" y="133"/>
                    </a:cubicBezTo>
                    <a:cubicBezTo>
                      <a:pt x="70" y="133"/>
                      <a:pt x="73" y="136"/>
                      <a:pt x="73" y="140"/>
                    </a:cubicBezTo>
                    <a:cubicBezTo>
                      <a:pt x="73" y="143"/>
                      <a:pt x="70" y="146"/>
                      <a:pt x="67" y="146"/>
                    </a:cubicBezTo>
                  </a:path>
                </a:pathLst>
              </a:custGeom>
              <a:solidFill>
                <a:srgbClr val="8C8C8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5" name="Freeform 15"/>
              <p:cNvSpPr/>
              <p:nvPr/>
            </p:nvSpPr>
            <p:spPr bwMode="auto">
              <a:xfrm>
                <a:off x="4938713" y="3109913"/>
                <a:ext cx="2314575" cy="638175"/>
              </a:xfrm>
              <a:custGeom>
                <a:avLst/>
                <a:gdLst>
                  <a:gd name="T0" fmla="*/ 544 w 544"/>
                  <a:gd name="T1" fmla="*/ 148 h 148"/>
                  <a:gd name="T2" fmla="*/ 70 w 544"/>
                  <a:gd name="T3" fmla="*/ 148 h 148"/>
                  <a:gd name="T4" fmla="*/ 0 w 544"/>
                  <a:gd name="T5" fmla="*/ 75 h 148"/>
                  <a:gd name="T6" fmla="*/ 0 w 544"/>
                  <a:gd name="T7" fmla="*/ 65 h 148"/>
                  <a:gd name="T8" fmla="*/ 70 w 544"/>
                  <a:gd name="T9" fmla="*/ 0 h 148"/>
                  <a:gd name="T10" fmla="*/ 544 w 544"/>
                  <a:gd name="T11" fmla="*/ 0 h 148"/>
                  <a:gd name="T12" fmla="*/ 544 w 544"/>
                  <a:gd name="T13" fmla="*/ 12 h 148"/>
                  <a:gd name="T14" fmla="*/ 70 w 544"/>
                  <a:gd name="T15" fmla="*/ 12 h 148"/>
                  <a:gd name="T16" fmla="*/ 12 w 544"/>
                  <a:gd name="T17" fmla="*/ 65 h 148"/>
                  <a:gd name="T18" fmla="*/ 12 w 544"/>
                  <a:gd name="T19" fmla="*/ 75 h 148"/>
                  <a:gd name="T20" fmla="*/ 70 w 544"/>
                  <a:gd name="T21" fmla="*/ 132 h 148"/>
                  <a:gd name="T22" fmla="*/ 544 w 544"/>
                  <a:gd name="T23" fmla="*/ 132 h 148"/>
                  <a:gd name="T24" fmla="*/ 544 w 544"/>
                  <a:gd name="T25" fmla="*/ 148 h 14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  <a:cxn ang="0">
                    <a:pos x="T22" y="T23"/>
                  </a:cxn>
                  <a:cxn ang="0">
                    <a:pos x="T24" y="T25"/>
                  </a:cxn>
                </a:cxnLst>
                <a:rect l="0" t="0" r="r" b="b"/>
                <a:pathLst>
                  <a:path w="544" h="148">
                    <a:moveTo>
                      <a:pt x="544" y="148"/>
                    </a:moveTo>
                    <a:cubicBezTo>
                      <a:pt x="70" y="148"/>
                      <a:pt x="70" y="148"/>
                      <a:pt x="70" y="148"/>
                    </a:cubicBezTo>
                    <a:cubicBezTo>
                      <a:pt x="33" y="148"/>
                      <a:pt x="0" y="114"/>
                      <a:pt x="0" y="75"/>
                    </a:cubicBezTo>
                    <a:cubicBezTo>
                      <a:pt x="0" y="65"/>
                      <a:pt x="0" y="65"/>
                      <a:pt x="0" y="65"/>
                    </a:cubicBezTo>
                    <a:cubicBezTo>
                      <a:pt x="0" y="28"/>
                      <a:pt x="31" y="0"/>
                      <a:pt x="70" y="0"/>
                    </a:cubicBezTo>
                    <a:cubicBezTo>
                      <a:pt x="544" y="0"/>
                      <a:pt x="544" y="0"/>
                      <a:pt x="544" y="0"/>
                    </a:cubicBezTo>
                    <a:cubicBezTo>
                      <a:pt x="544" y="12"/>
                      <a:pt x="544" y="12"/>
                      <a:pt x="544" y="12"/>
                    </a:cubicBezTo>
                    <a:cubicBezTo>
                      <a:pt x="70" y="12"/>
                      <a:pt x="70" y="12"/>
                      <a:pt x="70" y="12"/>
                    </a:cubicBezTo>
                    <a:cubicBezTo>
                      <a:pt x="38" y="12"/>
                      <a:pt x="12" y="36"/>
                      <a:pt x="12" y="65"/>
                    </a:cubicBezTo>
                    <a:cubicBezTo>
                      <a:pt x="12" y="75"/>
                      <a:pt x="12" y="75"/>
                      <a:pt x="12" y="75"/>
                    </a:cubicBezTo>
                    <a:cubicBezTo>
                      <a:pt x="12" y="106"/>
                      <a:pt x="40" y="132"/>
                      <a:pt x="70" y="132"/>
                    </a:cubicBezTo>
                    <a:cubicBezTo>
                      <a:pt x="544" y="132"/>
                      <a:pt x="544" y="132"/>
                      <a:pt x="544" y="132"/>
                    </a:cubicBezTo>
                    <a:lnTo>
                      <a:pt x="544" y="148"/>
                    </a:lnTo>
                    <a:close/>
                  </a:path>
                </a:pathLst>
              </a:custGeom>
              <a:solidFill>
                <a:srgbClr val="F1654C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rou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6" name="Line 16"/>
              <p:cNvSpPr>
                <a:spLocks noChangeShapeType="1"/>
              </p:cNvSpPr>
              <p:nvPr/>
            </p:nvSpPr>
            <p:spPr bwMode="auto">
              <a:xfrm>
                <a:off x="5270500" y="3562350"/>
                <a:ext cx="1830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7" name="Line 17"/>
              <p:cNvSpPr>
                <a:spLocks noChangeShapeType="1"/>
              </p:cNvSpPr>
              <p:nvPr/>
            </p:nvSpPr>
            <p:spPr bwMode="auto">
              <a:xfrm>
                <a:off x="5245100" y="3614738"/>
                <a:ext cx="17399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8" name="Line 18"/>
              <p:cNvSpPr>
                <a:spLocks noChangeShapeType="1"/>
              </p:cNvSpPr>
              <p:nvPr/>
            </p:nvSpPr>
            <p:spPr bwMode="auto">
              <a:xfrm>
                <a:off x="5440363" y="3498850"/>
                <a:ext cx="1638300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69" name="Line 19"/>
              <p:cNvSpPr>
                <a:spLocks noChangeShapeType="1"/>
              </p:cNvSpPr>
              <p:nvPr/>
            </p:nvSpPr>
            <p:spPr bwMode="auto">
              <a:xfrm>
                <a:off x="5381625" y="3363913"/>
                <a:ext cx="13223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0" name="Line 20"/>
              <p:cNvSpPr>
                <a:spLocks noChangeShapeType="1"/>
              </p:cNvSpPr>
              <p:nvPr/>
            </p:nvSpPr>
            <p:spPr bwMode="auto">
              <a:xfrm>
                <a:off x="5184775" y="3286125"/>
                <a:ext cx="1893888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1" name="Line 21"/>
              <p:cNvSpPr>
                <a:spLocks noChangeShapeType="1"/>
              </p:cNvSpPr>
              <p:nvPr/>
            </p:nvSpPr>
            <p:spPr bwMode="auto">
              <a:xfrm>
                <a:off x="5354638" y="3225800"/>
                <a:ext cx="1724025" cy="0"/>
              </a:xfrm>
              <a:prstGeom prst="line">
                <a:avLst/>
              </a:prstGeom>
              <a:noFill/>
              <a:ln w="17463" cap="rnd">
                <a:solidFill>
                  <a:srgbClr val="C5C5CC"/>
                </a:solidFill>
                <a:prstDash val="solid"/>
                <a:round/>
              </a:ln>
              <a:extLst>
                <a:ext uri="{909E8E84-426E-40DD-AFC4-6F175D3DCCD1}">
                  <a14:hiddenFill xmlns:a14="http://schemas.microsoft.com/office/drawing/2010/main">
                    <a:noFill/>
                  </a14:hiddenFill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2" name="组合 71"/>
            <p:cNvGrpSpPr/>
            <p:nvPr/>
          </p:nvGrpSpPr>
          <p:grpSpPr>
            <a:xfrm>
              <a:off x="7061527" y="2558004"/>
              <a:ext cx="3136462" cy="480110"/>
              <a:chOff x="7061527" y="2558004"/>
              <a:chExt cx="3136462" cy="480110"/>
            </a:xfrm>
          </p:grpSpPr>
          <p:sp>
            <p:nvSpPr>
              <p:cNvPr id="73" name="Rectangle 112"/>
              <p:cNvSpPr>
                <a:spLocks noChangeArrowheads="1"/>
              </p:cNvSpPr>
              <p:nvPr/>
            </p:nvSpPr>
            <p:spPr bwMode="auto">
              <a:xfrm>
                <a:off x="7061527" y="2558671"/>
                <a:ext cx="3136462" cy="464661"/>
              </a:xfrm>
              <a:prstGeom prst="rect">
                <a:avLst/>
              </a:prstGeom>
              <a:solidFill>
                <a:srgbClr val="F5D983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4" name="Rectangle 113"/>
              <p:cNvSpPr>
                <a:spLocks noChangeArrowheads="1"/>
              </p:cNvSpPr>
              <p:nvPr/>
            </p:nvSpPr>
            <p:spPr bwMode="auto">
              <a:xfrm>
                <a:off x="7238024" y="2558004"/>
                <a:ext cx="145699" cy="464661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  <p:sp>
            <p:nvSpPr>
              <p:cNvPr id="75" name="Rectangle 33"/>
              <p:cNvSpPr>
                <a:spLocks noChangeArrowheads="1"/>
              </p:cNvSpPr>
              <p:nvPr/>
            </p:nvSpPr>
            <p:spPr bwMode="auto">
              <a:xfrm>
                <a:off x="9892642" y="2559671"/>
                <a:ext cx="163419" cy="478443"/>
              </a:xfrm>
              <a:prstGeom prst="rect">
                <a:avLst/>
              </a:prstGeom>
              <a:solidFill>
                <a:srgbClr val="FBB03B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  <p:grpSp>
          <p:nvGrpSpPr>
            <p:cNvPr id="76" name="组合 75"/>
            <p:cNvGrpSpPr/>
            <p:nvPr/>
          </p:nvGrpSpPr>
          <p:grpSpPr>
            <a:xfrm>
              <a:off x="8613367" y="1250214"/>
              <a:ext cx="1135916" cy="1341139"/>
              <a:chOff x="7698578" y="210044"/>
              <a:chExt cx="1135916" cy="1341139"/>
            </a:xfrm>
          </p:grpSpPr>
          <p:grpSp>
            <p:nvGrpSpPr>
              <p:cNvPr id="77" name="组合 76"/>
              <p:cNvGrpSpPr/>
              <p:nvPr/>
            </p:nvGrpSpPr>
            <p:grpSpPr>
              <a:xfrm>
                <a:off x="7698578" y="210044"/>
                <a:ext cx="1135916" cy="1332246"/>
                <a:chOff x="5419725" y="908051"/>
                <a:chExt cx="900113" cy="1055687"/>
              </a:xfrm>
            </p:grpSpPr>
            <p:sp>
              <p:nvSpPr>
                <p:cNvPr id="79" name="Freeform 125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0" name="Freeform 126"/>
                <p:cNvSpPr/>
                <p:nvPr/>
              </p:nvSpPr>
              <p:spPr bwMode="auto">
                <a:xfrm>
                  <a:off x="5419725" y="1325563"/>
                  <a:ext cx="628650" cy="638175"/>
                </a:xfrm>
                <a:custGeom>
                  <a:avLst/>
                  <a:gdLst>
                    <a:gd name="T0" fmla="*/ 9 w 148"/>
                    <a:gd name="T1" fmla="*/ 0 h 150"/>
                    <a:gd name="T2" fmla="*/ 0 w 148"/>
                    <a:gd name="T3" fmla="*/ 13 h 150"/>
                    <a:gd name="T4" fmla="*/ 0 w 148"/>
                    <a:gd name="T5" fmla="*/ 117 h 150"/>
                    <a:gd name="T6" fmla="*/ 30 w 148"/>
                    <a:gd name="T7" fmla="*/ 150 h 150"/>
                    <a:gd name="T8" fmla="*/ 123 w 148"/>
                    <a:gd name="T9" fmla="*/ 150 h 150"/>
                    <a:gd name="T10" fmla="*/ 148 w 148"/>
                    <a:gd name="T11" fmla="*/ 114 h 150"/>
                    <a:gd name="T12" fmla="*/ 148 w 148"/>
                    <a:gd name="T13" fmla="*/ 11 h 150"/>
                    <a:gd name="T14" fmla="*/ 140 w 148"/>
                    <a:gd name="T15" fmla="*/ 0 h 150"/>
                    <a:gd name="T16" fmla="*/ 9 w 148"/>
                    <a:gd name="T17" fmla="*/ 0 h 15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</a:cxnLst>
                  <a:rect l="0" t="0" r="r" b="b"/>
                  <a:pathLst>
                    <a:path w="148" h="150">
                      <a:moveTo>
                        <a:pt x="9" y="0"/>
                      </a:moveTo>
                      <a:cubicBezTo>
                        <a:pt x="9" y="0"/>
                        <a:pt x="2" y="2"/>
                        <a:pt x="0" y="13"/>
                      </a:cubicBezTo>
                      <a:cubicBezTo>
                        <a:pt x="0" y="117"/>
                        <a:pt x="0" y="117"/>
                        <a:pt x="0" y="117"/>
                      </a:cubicBezTo>
                      <a:cubicBezTo>
                        <a:pt x="0" y="117"/>
                        <a:pt x="12" y="143"/>
                        <a:pt x="30" y="150"/>
                      </a:cubicBezTo>
                      <a:cubicBezTo>
                        <a:pt x="123" y="150"/>
                        <a:pt x="123" y="150"/>
                        <a:pt x="123" y="150"/>
                      </a:cubicBezTo>
                      <a:cubicBezTo>
                        <a:pt x="123" y="150"/>
                        <a:pt x="141" y="140"/>
                        <a:pt x="148" y="114"/>
                      </a:cubicBezTo>
                      <a:cubicBezTo>
                        <a:pt x="148" y="11"/>
                        <a:pt x="148" y="11"/>
                        <a:pt x="148" y="11"/>
                      </a:cubicBezTo>
                      <a:cubicBezTo>
                        <a:pt x="148" y="11"/>
                        <a:pt x="146" y="5"/>
                        <a:pt x="140" y="0"/>
                      </a:cubicBezTo>
                      <a:lnTo>
                        <a:pt x="9" y="0"/>
                      </a:lnTo>
                      <a:close/>
                    </a:path>
                  </a:pathLst>
                </a:custGeom>
                <a:noFill/>
                <a:ln w="33338" cap="rnd">
                  <a:solidFill>
                    <a:srgbClr val="3E4651"/>
                  </a:solidFill>
                  <a:prstDash val="solid"/>
                  <a:round/>
                </a:ln>
                <a:extLst>
                  <a:ext uri="{909E8E84-426E-40DD-AFC4-6F175D3DCCD1}">
                    <a14:hiddenFill xmlns:a14="http://schemas.microsoft.com/office/drawing/2010/main">
                      <a:solidFill>
                        <a:srgbClr val="FFFFFF"/>
                      </a:solidFill>
                    </a14:hiddenFill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1" name="Freeform 127"/>
                <p:cNvSpPr/>
                <p:nvPr/>
              </p:nvSpPr>
              <p:spPr bwMode="auto">
                <a:xfrm>
                  <a:off x="5992813" y="1312863"/>
                  <a:ext cx="327025" cy="514350"/>
                </a:xfrm>
                <a:custGeom>
                  <a:avLst/>
                  <a:gdLst>
                    <a:gd name="T0" fmla="*/ 6 w 77"/>
                    <a:gd name="T1" fmla="*/ 29 h 121"/>
                    <a:gd name="T2" fmla="*/ 60 w 77"/>
                    <a:gd name="T3" fmla="*/ 27 h 121"/>
                    <a:gd name="T4" fmla="*/ 57 w 77"/>
                    <a:gd name="T5" fmla="*/ 93 h 121"/>
                    <a:gd name="T6" fmla="*/ 0 w 77"/>
                    <a:gd name="T7" fmla="*/ 95 h 121"/>
                    <a:gd name="T8" fmla="*/ 9 w 77"/>
                    <a:gd name="T9" fmla="*/ 91 h 121"/>
                    <a:gd name="T10" fmla="*/ 59 w 77"/>
                    <a:gd name="T11" fmla="*/ 56 h 121"/>
                    <a:gd name="T12" fmla="*/ 36 w 77"/>
                    <a:gd name="T13" fmla="*/ 31 h 121"/>
                    <a:gd name="T14" fmla="*/ 5 w 77"/>
                    <a:gd name="T15" fmla="*/ 51 h 12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77" h="121">
                      <a:moveTo>
                        <a:pt x="6" y="29"/>
                      </a:moveTo>
                      <a:cubicBezTo>
                        <a:pt x="33" y="0"/>
                        <a:pt x="60" y="27"/>
                        <a:pt x="60" y="27"/>
                      </a:cubicBezTo>
                      <a:cubicBezTo>
                        <a:pt x="77" y="43"/>
                        <a:pt x="71" y="77"/>
                        <a:pt x="57" y="93"/>
                      </a:cubicBezTo>
                      <a:cubicBezTo>
                        <a:pt x="47" y="109"/>
                        <a:pt x="5" y="121"/>
                        <a:pt x="0" y="95"/>
                      </a:cubicBezTo>
                      <a:cubicBezTo>
                        <a:pt x="4" y="94"/>
                        <a:pt x="6" y="92"/>
                        <a:pt x="9" y="91"/>
                      </a:cubicBezTo>
                      <a:cubicBezTo>
                        <a:pt x="50" y="105"/>
                        <a:pt x="58" y="67"/>
                        <a:pt x="59" y="56"/>
                      </a:cubicBezTo>
                      <a:cubicBezTo>
                        <a:pt x="59" y="43"/>
                        <a:pt x="49" y="30"/>
                        <a:pt x="36" y="31"/>
                      </a:cubicBezTo>
                      <a:cubicBezTo>
                        <a:pt x="36" y="31"/>
                        <a:pt x="11" y="27"/>
                        <a:pt x="5" y="51"/>
                      </a:cubicBezTo>
                    </a:path>
                  </a:pathLst>
                </a:custGeom>
                <a:solidFill>
                  <a:srgbClr val="3E4651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2" name="Freeform 128"/>
                <p:cNvSpPr/>
                <p:nvPr/>
              </p:nvSpPr>
              <p:spPr bwMode="auto">
                <a:xfrm>
                  <a:off x="5508625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2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8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3" name="Freeform 129"/>
                <p:cNvSpPr/>
                <p:nvPr/>
              </p:nvSpPr>
              <p:spPr bwMode="auto">
                <a:xfrm>
                  <a:off x="5670550" y="908051"/>
                  <a:ext cx="122238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4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5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4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  <p:sp>
              <p:nvSpPr>
                <p:cNvPr id="84" name="Freeform 130"/>
                <p:cNvSpPr/>
                <p:nvPr/>
              </p:nvSpPr>
              <p:spPr bwMode="auto">
                <a:xfrm>
                  <a:off x="5830888" y="908051"/>
                  <a:ext cx="123825" cy="344488"/>
                </a:xfrm>
                <a:custGeom>
                  <a:avLst/>
                  <a:gdLst>
                    <a:gd name="T0" fmla="*/ 12 w 29"/>
                    <a:gd name="T1" fmla="*/ 81 h 81"/>
                    <a:gd name="T2" fmla="*/ 9 w 29"/>
                    <a:gd name="T3" fmla="*/ 79 h 81"/>
                    <a:gd name="T4" fmla="*/ 2 w 29"/>
                    <a:gd name="T5" fmla="*/ 70 h 81"/>
                    <a:gd name="T6" fmla="*/ 0 w 29"/>
                    <a:gd name="T7" fmla="*/ 63 h 81"/>
                    <a:gd name="T8" fmla="*/ 0 w 29"/>
                    <a:gd name="T9" fmla="*/ 55 h 81"/>
                    <a:gd name="T10" fmla="*/ 3 w 29"/>
                    <a:gd name="T11" fmla="*/ 47 h 81"/>
                    <a:gd name="T12" fmla="*/ 5 w 29"/>
                    <a:gd name="T13" fmla="*/ 43 h 81"/>
                    <a:gd name="T14" fmla="*/ 7 w 29"/>
                    <a:gd name="T15" fmla="*/ 39 h 81"/>
                    <a:gd name="T16" fmla="*/ 17 w 29"/>
                    <a:gd name="T17" fmla="*/ 25 h 81"/>
                    <a:gd name="T18" fmla="*/ 22 w 29"/>
                    <a:gd name="T19" fmla="*/ 19 h 81"/>
                    <a:gd name="T20" fmla="*/ 24 w 29"/>
                    <a:gd name="T21" fmla="*/ 16 h 81"/>
                    <a:gd name="T22" fmla="*/ 25 w 29"/>
                    <a:gd name="T23" fmla="*/ 13 h 81"/>
                    <a:gd name="T24" fmla="*/ 26 w 29"/>
                    <a:gd name="T25" fmla="*/ 11 h 81"/>
                    <a:gd name="T26" fmla="*/ 27 w 29"/>
                    <a:gd name="T27" fmla="*/ 8 h 81"/>
                    <a:gd name="T28" fmla="*/ 28 w 29"/>
                    <a:gd name="T29" fmla="*/ 4 h 81"/>
                    <a:gd name="T30" fmla="*/ 29 w 29"/>
                    <a:gd name="T31" fmla="*/ 0 h 81"/>
                    <a:gd name="T32" fmla="*/ 29 w 29"/>
                    <a:gd name="T33" fmla="*/ 4 h 81"/>
                    <a:gd name="T34" fmla="*/ 29 w 29"/>
                    <a:gd name="T35" fmla="*/ 8 h 81"/>
                    <a:gd name="T36" fmla="*/ 28 w 29"/>
                    <a:gd name="T37" fmla="*/ 11 h 81"/>
                    <a:gd name="T38" fmla="*/ 27 w 29"/>
                    <a:gd name="T39" fmla="*/ 14 h 81"/>
                    <a:gd name="T40" fmla="*/ 26 w 29"/>
                    <a:gd name="T41" fmla="*/ 17 h 81"/>
                    <a:gd name="T42" fmla="*/ 24 w 29"/>
                    <a:gd name="T43" fmla="*/ 21 h 81"/>
                    <a:gd name="T44" fmla="*/ 20 w 29"/>
                    <a:gd name="T45" fmla="*/ 27 h 81"/>
                    <a:gd name="T46" fmla="*/ 15 w 29"/>
                    <a:gd name="T47" fmla="*/ 34 h 81"/>
                    <a:gd name="T48" fmla="*/ 10 w 29"/>
                    <a:gd name="T49" fmla="*/ 41 h 81"/>
                    <a:gd name="T50" fmla="*/ 8 w 29"/>
                    <a:gd name="T51" fmla="*/ 45 h 81"/>
                    <a:gd name="T52" fmla="*/ 6 w 29"/>
                    <a:gd name="T53" fmla="*/ 48 h 81"/>
                    <a:gd name="T54" fmla="*/ 4 w 29"/>
                    <a:gd name="T55" fmla="*/ 56 h 81"/>
                    <a:gd name="T56" fmla="*/ 3 w 29"/>
                    <a:gd name="T57" fmla="*/ 63 h 81"/>
                    <a:gd name="T58" fmla="*/ 4 w 29"/>
                    <a:gd name="T59" fmla="*/ 66 h 81"/>
                    <a:gd name="T60" fmla="*/ 5 w 29"/>
                    <a:gd name="T61" fmla="*/ 69 h 81"/>
                    <a:gd name="T62" fmla="*/ 9 w 29"/>
                    <a:gd name="T63" fmla="*/ 78 h 81"/>
                    <a:gd name="T64" fmla="*/ 12 w 29"/>
                    <a:gd name="T65" fmla="*/ 81 h 8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</a:cxnLst>
                  <a:rect l="0" t="0" r="r" b="b"/>
                  <a:pathLst>
                    <a:path w="29" h="81">
                      <a:moveTo>
                        <a:pt x="12" y="81"/>
                      </a:moveTo>
                      <a:cubicBezTo>
                        <a:pt x="12" y="81"/>
                        <a:pt x="11" y="81"/>
                        <a:pt x="9" y="79"/>
                      </a:cubicBezTo>
                      <a:cubicBezTo>
                        <a:pt x="7" y="77"/>
                        <a:pt x="4" y="74"/>
                        <a:pt x="2" y="70"/>
                      </a:cubicBezTo>
                      <a:cubicBezTo>
                        <a:pt x="1" y="68"/>
                        <a:pt x="1" y="66"/>
                        <a:pt x="0" y="63"/>
                      </a:cubicBezTo>
                      <a:cubicBezTo>
                        <a:pt x="0" y="61"/>
                        <a:pt x="0" y="58"/>
                        <a:pt x="0" y="55"/>
                      </a:cubicBezTo>
                      <a:cubicBezTo>
                        <a:pt x="1" y="52"/>
                        <a:pt x="1" y="49"/>
                        <a:pt x="3" y="47"/>
                      </a:cubicBezTo>
                      <a:cubicBezTo>
                        <a:pt x="3" y="45"/>
                        <a:pt x="4" y="44"/>
                        <a:pt x="5" y="43"/>
                      </a:cubicBezTo>
                      <a:cubicBezTo>
                        <a:pt x="5" y="41"/>
                        <a:pt x="6" y="40"/>
                        <a:pt x="7" y="39"/>
                      </a:cubicBezTo>
                      <a:cubicBezTo>
                        <a:pt x="10" y="34"/>
                        <a:pt x="14" y="29"/>
                        <a:pt x="17" y="25"/>
                      </a:cubicBezTo>
                      <a:cubicBezTo>
                        <a:pt x="19" y="23"/>
                        <a:pt x="20" y="21"/>
                        <a:pt x="22" y="19"/>
                      </a:cubicBezTo>
                      <a:cubicBezTo>
                        <a:pt x="23" y="18"/>
                        <a:pt x="23" y="17"/>
                        <a:pt x="24" y="16"/>
                      </a:cubicBezTo>
                      <a:cubicBezTo>
                        <a:pt x="24" y="15"/>
                        <a:pt x="25" y="14"/>
                        <a:pt x="25" y="13"/>
                      </a:cubicBezTo>
                      <a:cubicBezTo>
                        <a:pt x="26" y="12"/>
                        <a:pt x="26" y="12"/>
                        <a:pt x="26" y="11"/>
                      </a:cubicBezTo>
                      <a:cubicBezTo>
                        <a:pt x="27" y="10"/>
                        <a:pt x="27" y="9"/>
                        <a:pt x="27" y="8"/>
                      </a:cubicBezTo>
                      <a:cubicBezTo>
                        <a:pt x="28" y="6"/>
                        <a:pt x="28" y="5"/>
                        <a:pt x="28" y="4"/>
                      </a:cubicBezTo>
                      <a:cubicBezTo>
                        <a:pt x="28" y="1"/>
                        <a:pt x="29" y="0"/>
                        <a:pt x="29" y="0"/>
                      </a:cubicBezTo>
                      <a:cubicBezTo>
                        <a:pt x="29" y="0"/>
                        <a:pt x="29" y="1"/>
                        <a:pt x="29" y="4"/>
                      </a:cubicBezTo>
                      <a:cubicBezTo>
                        <a:pt x="29" y="5"/>
                        <a:pt x="29" y="6"/>
                        <a:pt x="29" y="8"/>
                      </a:cubicBezTo>
                      <a:cubicBezTo>
                        <a:pt x="29" y="9"/>
                        <a:pt x="28" y="10"/>
                        <a:pt x="28" y="11"/>
                      </a:cubicBezTo>
                      <a:cubicBezTo>
                        <a:pt x="28" y="12"/>
                        <a:pt x="28" y="13"/>
                        <a:pt x="27" y="14"/>
                      </a:cubicBezTo>
                      <a:cubicBezTo>
                        <a:pt x="27" y="15"/>
                        <a:pt x="27" y="16"/>
                        <a:pt x="26" y="17"/>
                      </a:cubicBezTo>
                      <a:cubicBezTo>
                        <a:pt x="26" y="19"/>
                        <a:pt x="25" y="20"/>
                        <a:pt x="24" y="21"/>
                      </a:cubicBezTo>
                      <a:cubicBezTo>
                        <a:pt x="23" y="23"/>
                        <a:pt x="21" y="25"/>
                        <a:pt x="20" y="27"/>
                      </a:cubicBezTo>
                      <a:cubicBezTo>
                        <a:pt x="18" y="29"/>
                        <a:pt x="17" y="32"/>
                        <a:pt x="15" y="34"/>
                      </a:cubicBezTo>
                      <a:cubicBezTo>
                        <a:pt x="13" y="36"/>
                        <a:pt x="12" y="39"/>
                        <a:pt x="10" y="41"/>
                      </a:cubicBezTo>
                      <a:cubicBezTo>
                        <a:pt x="9" y="42"/>
                        <a:pt x="9" y="43"/>
                        <a:pt x="8" y="45"/>
                      </a:cubicBezTo>
                      <a:cubicBezTo>
                        <a:pt x="7" y="46"/>
                        <a:pt x="7" y="47"/>
                        <a:pt x="6" y="48"/>
                      </a:cubicBezTo>
                      <a:cubicBezTo>
                        <a:pt x="5" y="51"/>
                        <a:pt x="4" y="53"/>
                        <a:pt x="4" y="56"/>
                      </a:cubicBezTo>
                      <a:cubicBezTo>
                        <a:pt x="3" y="58"/>
                        <a:pt x="3" y="61"/>
                        <a:pt x="3" y="63"/>
                      </a:cubicBezTo>
                      <a:cubicBezTo>
                        <a:pt x="3" y="64"/>
                        <a:pt x="3" y="65"/>
                        <a:pt x="4" y="66"/>
                      </a:cubicBezTo>
                      <a:cubicBezTo>
                        <a:pt x="4" y="67"/>
                        <a:pt x="4" y="68"/>
                        <a:pt x="5" y="69"/>
                      </a:cubicBezTo>
                      <a:cubicBezTo>
                        <a:pt x="6" y="73"/>
                        <a:pt x="8" y="76"/>
                        <a:pt x="9" y="78"/>
                      </a:cubicBezTo>
                      <a:cubicBezTo>
                        <a:pt x="11" y="80"/>
                        <a:pt x="12" y="81"/>
                        <a:pt x="12" y="81"/>
                      </a:cubicBezTo>
                    </a:path>
                  </a:pathLst>
                </a:custGeom>
                <a:solidFill>
                  <a:srgbClr val="E8E7E8"/>
                </a:solidFill>
                <a:ln>
                  <a:noFill/>
                </a:ln>
                <a:extLst>
                  <a:ext uri="{91240B29-F687-4F45-9708-019B960494DF}">
                    <a14:hiddenLine xmlns:a14="http://schemas.microsoft.com/office/drawing/2010/main" w="9525">
                      <a:solidFill>
                        <a:srgbClr val="000000"/>
                      </a:solidFill>
                      <a:round/>
                    </a14:hiddenLine>
                  </a:ext>
                </a:extLst>
              </p:spPr>
              <p:txBody>
                <a:bodyPr vert="horz" wrap="square" lIns="91440" tIns="45720" rIns="91440" bIns="45720" numCol="1" anchor="t" anchorCtr="0" compatLnSpc="1"/>
                <a:lstStyle/>
                <a:p>
                  <a:endParaRPr lang="zh-CN" altLang="en-US"/>
                </a:p>
              </p:txBody>
            </p:sp>
          </p:grpSp>
          <p:sp>
            <p:nvSpPr>
              <p:cNvPr id="78" name="Freeform 9"/>
              <p:cNvSpPr/>
              <p:nvPr/>
            </p:nvSpPr>
            <p:spPr bwMode="auto">
              <a:xfrm flipH="1">
                <a:off x="8093519" y="717064"/>
                <a:ext cx="419018" cy="834119"/>
              </a:xfrm>
              <a:custGeom>
                <a:avLst/>
                <a:gdLst>
                  <a:gd name="T0" fmla="*/ 79 w 79"/>
                  <a:gd name="T1" fmla="*/ 0 h 158"/>
                  <a:gd name="T2" fmla="*/ 13 w 79"/>
                  <a:gd name="T3" fmla="*/ 0 h 158"/>
                  <a:gd name="T4" fmla="*/ 12 w 79"/>
                  <a:gd name="T5" fmla="*/ 0 h 158"/>
                  <a:gd name="T6" fmla="*/ 0 w 79"/>
                  <a:gd name="T7" fmla="*/ 17 h 158"/>
                  <a:gd name="T8" fmla="*/ 0 w 79"/>
                  <a:gd name="T9" fmla="*/ 17 h 158"/>
                  <a:gd name="T10" fmla="*/ 0 w 79"/>
                  <a:gd name="T11" fmla="*/ 121 h 158"/>
                  <a:gd name="T12" fmla="*/ 1 w 79"/>
                  <a:gd name="T13" fmla="*/ 123 h 158"/>
                  <a:gd name="T14" fmla="*/ 32 w 79"/>
                  <a:gd name="T15" fmla="*/ 157 h 158"/>
                  <a:gd name="T16" fmla="*/ 34 w 79"/>
                  <a:gd name="T17" fmla="*/ 158 h 158"/>
                  <a:gd name="T18" fmla="*/ 79 w 79"/>
                  <a:gd name="T19" fmla="*/ 158 h 158"/>
                  <a:gd name="T20" fmla="*/ 79 w 79"/>
                  <a:gd name="T21" fmla="*/ 0 h 158"/>
                </a:gdLst>
                <a:ahLst/>
                <a:cxnLst>
                  <a:cxn ang="0">
                    <a:pos x="T0" y="T1"/>
                  </a:cxn>
                  <a:cxn ang="0">
                    <a:pos x="T2" y="T3"/>
                  </a:cxn>
                  <a:cxn ang="0">
                    <a:pos x="T4" y="T5"/>
                  </a:cxn>
                  <a:cxn ang="0">
                    <a:pos x="T6" y="T7"/>
                  </a:cxn>
                  <a:cxn ang="0">
                    <a:pos x="T8" y="T9"/>
                  </a:cxn>
                  <a:cxn ang="0">
                    <a:pos x="T10" y="T11"/>
                  </a:cxn>
                  <a:cxn ang="0">
                    <a:pos x="T12" y="T13"/>
                  </a:cxn>
                  <a:cxn ang="0">
                    <a:pos x="T14" y="T15"/>
                  </a:cxn>
                  <a:cxn ang="0">
                    <a:pos x="T16" y="T17"/>
                  </a:cxn>
                  <a:cxn ang="0">
                    <a:pos x="T18" y="T19"/>
                  </a:cxn>
                  <a:cxn ang="0">
                    <a:pos x="T20" y="T21"/>
                  </a:cxn>
                </a:cxnLst>
                <a:rect l="0" t="0" r="r" b="b"/>
                <a:pathLst>
                  <a:path w="79" h="158">
                    <a:moveTo>
                      <a:pt x="79" y="0"/>
                    </a:moveTo>
                    <a:cubicBezTo>
                      <a:pt x="13" y="0"/>
                      <a:pt x="13" y="0"/>
                      <a:pt x="13" y="0"/>
                    </a:cubicBezTo>
                    <a:cubicBezTo>
                      <a:pt x="12" y="0"/>
                      <a:pt x="12" y="0"/>
                      <a:pt x="12" y="0"/>
                    </a:cubicBezTo>
                    <a:cubicBezTo>
                      <a:pt x="12" y="1"/>
                      <a:pt x="2" y="3"/>
                      <a:pt x="0" y="17"/>
                    </a:cubicBezTo>
                    <a:cubicBezTo>
                      <a:pt x="0" y="17"/>
                      <a:pt x="0" y="17"/>
                      <a:pt x="0" y="17"/>
                    </a:cubicBezTo>
                    <a:cubicBezTo>
                      <a:pt x="0" y="121"/>
                      <a:pt x="0" y="121"/>
                      <a:pt x="0" y="121"/>
                    </a:cubicBezTo>
                    <a:cubicBezTo>
                      <a:pt x="0" y="122"/>
                      <a:pt x="0" y="122"/>
                      <a:pt x="1" y="123"/>
                    </a:cubicBezTo>
                    <a:cubicBezTo>
                      <a:pt x="1" y="124"/>
                      <a:pt x="13" y="150"/>
                      <a:pt x="32" y="157"/>
                    </a:cubicBezTo>
                    <a:cubicBezTo>
                      <a:pt x="33" y="158"/>
                      <a:pt x="33" y="158"/>
                      <a:pt x="34" y="158"/>
                    </a:cubicBezTo>
                    <a:cubicBezTo>
                      <a:pt x="79" y="158"/>
                      <a:pt x="79" y="158"/>
                      <a:pt x="79" y="158"/>
                    </a:cubicBezTo>
                    <a:cubicBezTo>
                      <a:pt x="79" y="0"/>
                      <a:pt x="79" y="0"/>
                      <a:pt x="79" y="0"/>
                    </a:cubicBezTo>
                  </a:path>
                </a:pathLst>
              </a:custGeom>
              <a:solidFill>
                <a:srgbClr val="E5E5E5">
                  <a:alpha val="10000"/>
                </a:srgbClr>
              </a:solidFill>
              <a:ln>
                <a:noFill/>
              </a:ln>
            </p:spPr>
            <p:txBody>
              <a:bodyPr vert="horz" wrap="square" lIns="91440" tIns="45720" rIns="91440" bIns="45720" numCol="1" anchor="t" anchorCtr="0" compatLnSpc="1"/>
              <a:lstStyle/>
              <a:p>
                <a:endParaRPr lang="zh-CN" altLang="en-US"/>
              </a:p>
            </p:txBody>
          </p:sp>
        </p:grpSp>
      </p:grpSp>
      <p:sp>
        <p:nvSpPr>
          <p:cNvPr id="85" name="文本框 84"/>
          <p:cNvSpPr txBox="1"/>
          <p:nvPr/>
        </p:nvSpPr>
        <p:spPr>
          <a:xfrm>
            <a:off x="3246520" y="193229"/>
            <a:ext cx="5753498" cy="830997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48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请在这里输入小标题</a:t>
            </a:r>
          </a:p>
        </p:txBody>
      </p:sp>
      <p:sp>
        <p:nvSpPr>
          <p:cNvPr id="86" name="Freeform 22"/>
          <p:cNvSpPr>
            <a:spLocks noEditPoints="1"/>
          </p:cNvSpPr>
          <p:nvPr/>
        </p:nvSpPr>
        <p:spPr bwMode="auto">
          <a:xfrm>
            <a:off x="2451782" y="1455842"/>
            <a:ext cx="2423013" cy="2412216"/>
          </a:xfrm>
          <a:custGeom>
            <a:avLst/>
            <a:gdLst>
              <a:gd name="T0" fmla="*/ 713 w 800"/>
              <a:gd name="T1" fmla="*/ 273 h 796"/>
              <a:gd name="T2" fmla="*/ 720 w 800"/>
              <a:gd name="T3" fmla="*/ 157 h 796"/>
              <a:gd name="T4" fmla="*/ 651 w 800"/>
              <a:gd name="T5" fmla="*/ 174 h 796"/>
              <a:gd name="T6" fmla="*/ 618 w 800"/>
              <a:gd name="T7" fmla="*/ 62 h 796"/>
              <a:gd name="T8" fmla="*/ 560 w 800"/>
              <a:gd name="T9" fmla="*/ 101 h 796"/>
              <a:gd name="T10" fmla="*/ 490 w 800"/>
              <a:gd name="T11" fmla="*/ 8 h 796"/>
              <a:gd name="T12" fmla="*/ 448 w 800"/>
              <a:gd name="T13" fmla="*/ 65 h 796"/>
              <a:gd name="T14" fmla="*/ 351 w 800"/>
              <a:gd name="T15" fmla="*/ 0 h 796"/>
              <a:gd name="T16" fmla="*/ 331 w 800"/>
              <a:gd name="T17" fmla="*/ 68 h 796"/>
              <a:gd name="T18" fmla="*/ 218 w 800"/>
              <a:gd name="T19" fmla="*/ 41 h 796"/>
              <a:gd name="T20" fmla="*/ 223 w 800"/>
              <a:gd name="T21" fmla="*/ 111 h 796"/>
              <a:gd name="T22" fmla="*/ 107 w 800"/>
              <a:gd name="T23" fmla="*/ 125 h 796"/>
              <a:gd name="T24" fmla="*/ 135 w 800"/>
              <a:gd name="T25" fmla="*/ 189 h 796"/>
              <a:gd name="T26" fmla="*/ 31 w 800"/>
              <a:gd name="T27" fmla="*/ 241 h 796"/>
              <a:gd name="T28" fmla="*/ 80 w 800"/>
              <a:gd name="T29" fmla="*/ 292 h 796"/>
              <a:gd name="T30" fmla="*/ 0 w 800"/>
              <a:gd name="T31" fmla="*/ 377 h 796"/>
              <a:gd name="T32" fmla="*/ 63 w 800"/>
              <a:gd name="T33" fmla="*/ 398 h 796"/>
              <a:gd name="T34" fmla="*/ 0 w 800"/>
              <a:gd name="T35" fmla="*/ 419 h 796"/>
              <a:gd name="T36" fmla="*/ 80 w 800"/>
              <a:gd name="T37" fmla="*/ 504 h 796"/>
              <a:gd name="T38" fmla="*/ 31 w 800"/>
              <a:gd name="T39" fmla="*/ 555 h 796"/>
              <a:gd name="T40" fmla="*/ 135 w 800"/>
              <a:gd name="T41" fmla="*/ 607 h 796"/>
              <a:gd name="T42" fmla="*/ 107 w 800"/>
              <a:gd name="T43" fmla="*/ 671 h 796"/>
              <a:gd name="T44" fmla="*/ 223 w 800"/>
              <a:gd name="T45" fmla="*/ 685 h 796"/>
              <a:gd name="T46" fmla="*/ 218 w 800"/>
              <a:gd name="T47" fmla="*/ 755 h 796"/>
              <a:gd name="T48" fmla="*/ 331 w 800"/>
              <a:gd name="T49" fmla="*/ 728 h 796"/>
              <a:gd name="T50" fmla="*/ 351 w 800"/>
              <a:gd name="T51" fmla="*/ 796 h 796"/>
              <a:gd name="T52" fmla="*/ 448 w 800"/>
              <a:gd name="T53" fmla="*/ 731 h 796"/>
              <a:gd name="T54" fmla="*/ 490 w 800"/>
              <a:gd name="T55" fmla="*/ 788 h 796"/>
              <a:gd name="T56" fmla="*/ 560 w 800"/>
              <a:gd name="T57" fmla="*/ 695 h 796"/>
              <a:gd name="T58" fmla="*/ 618 w 800"/>
              <a:gd name="T59" fmla="*/ 734 h 796"/>
              <a:gd name="T60" fmla="*/ 651 w 800"/>
              <a:gd name="T61" fmla="*/ 622 h 796"/>
              <a:gd name="T62" fmla="*/ 720 w 800"/>
              <a:gd name="T63" fmla="*/ 639 h 796"/>
              <a:gd name="T64" fmla="*/ 713 w 800"/>
              <a:gd name="T65" fmla="*/ 523 h 796"/>
              <a:gd name="T66" fmla="*/ 783 w 800"/>
              <a:gd name="T67" fmla="*/ 515 h 796"/>
              <a:gd name="T68" fmla="*/ 737 w 800"/>
              <a:gd name="T69" fmla="*/ 408 h 796"/>
              <a:gd name="T70" fmla="*/ 737 w 800"/>
              <a:gd name="T71" fmla="*/ 388 h 796"/>
              <a:gd name="T72" fmla="*/ 783 w 800"/>
              <a:gd name="T73" fmla="*/ 281 h 796"/>
              <a:gd name="T74" fmla="*/ 674 w 800"/>
              <a:gd name="T75" fmla="*/ 398 h 796"/>
              <a:gd name="T76" fmla="*/ 126 w 800"/>
              <a:gd name="T77" fmla="*/ 398 h 796"/>
              <a:gd name="T78" fmla="*/ 674 w 800"/>
              <a:gd name="T79" fmla="*/ 398 h 79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</a:cxnLst>
            <a:rect l="0" t="0" r="r" b="b"/>
            <a:pathLst>
              <a:path w="800" h="796">
                <a:moveTo>
                  <a:pt x="720" y="292"/>
                </a:moveTo>
                <a:cubicBezTo>
                  <a:pt x="718" y="286"/>
                  <a:pt x="715" y="280"/>
                  <a:pt x="713" y="273"/>
                </a:cubicBezTo>
                <a:cubicBezTo>
                  <a:pt x="769" y="241"/>
                  <a:pt x="769" y="241"/>
                  <a:pt x="769" y="241"/>
                </a:cubicBezTo>
                <a:cubicBezTo>
                  <a:pt x="720" y="157"/>
                  <a:pt x="720" y="157"/>
                  <a:pt x="720" y="157"/>
                </a:cubicBezTo>
                <a:cubicBezTo>
                  <a:pt x="664" y="189"/>
                  <a:pt x="664" y="189"/>
                  <a:pt x="664" y="189"/>
                </a:cubicBezTo>
                <a:cubicBezTo>
                  <a:pt x="660" y="184"/>
                  <a:pt x="656" y="179"/>
                  <a:pt x="651" y="174"/>
                </a:cubicBezTo>
                <a:cubicBezTo>
                  <a:pt x="693" y="125"/>
                  <a:pt x="693" y="125"/>
                  <a:pt x="693" y="125"/>
                </a:cubicBezTo>
                <a:cubicBezTo>
                  <a:pt x="618" y="62"/>
                  <a:pt x="618" y="62"/>
                  <a:pt x="618" y="62"/>
                </a:cubicBezTo>
                <a:cubicBezTo>
                  <a:pt x="577" y="111"/>
                  <a:pt x="577" y="111"/>
                  <a:pt x="577" y="111"/>
                </a:cubicBezTo>
                <a:cubicBezTo>
                  <a:pt x="571" y="108"/>
                  <a:pt x="566" y="104"/>
                  <a:pt x="560" y="101"/>
                </a:cubicBezTo>
                <a:cubicBezTo>
                  <a:pt x="582" y="41"/>
                  <a:pt x="582" y="41"/>
                  <a:pt x="582" y="41"/>
                </a:cubicBezTo>
                <a:cubicBezTo>
                  <a:pt x="490" y="8"/>
                  <a:pt x="490" y="8"/>
                  <a:pt x="490" y="8"/>
                </a:cubicBezTo>
                <a:cubicBezTo>
                  <a:pt x="468" y="68"/>
                  <a:pt x="468" y="68"/>
                  <a:pt x="468" y="68"/>
                </a:cubicBezTo>
                <a:cubicBezTo>
                  <a:pt x="462" y="67"/>
                  <a:pt x="455" y="66"/>
                  <a:pt x="448" y="65"/>
                </a:cubicBezTo>
                <a:cubicBezTo>
                  <a:pt x="448" y="0"/>
                  <a:pt x="448" y="0"/>
                  <a:pt x="448" y="0"/>
                </a:cubicBezTo>
                <a:cubicBezTo>
                  <a:pt x="351" y="0"/>
                  <a:pt x="351" y="0"/>
                  <a:pt x="351" y="0"/>
                </a:cubicBezTo>
                <a:cubicBezTo>
                  <a:pt x="351" y="65"/>
                  <a:pt x="351" y="65"/>
                  <a:pt x="351" y="65"/>
                </a:cubicBezTo>
                <a:cubicBezTo>
                  <a:pt x="345" y="66"/>
                  <a:pt x="338" y="67"/>
                  <a:pt x="331" y="68"/>
                </a:cubicBezTo>
                <a:cubicBezTo>
                  <a:pt x="309" y="8"/>
                  <a:pt x="309" y="8"/>
                  <a:pt x="309" y="8"/>
                </a:cubicBezTo>
                <a:cubicBezTo>
                  <a:pt x="218" y="41"/>
                  <a:pt x="218" y="41"/>
                  <a:pt x="218" y="41"/>
                </a:cubicBezTo>
                <a:cubicBezTo>
                  <a:pt x="240" y="101"/>
                  <a:pt x="240" y="101"/>
                  <a:pt x="240" y="101"/>
                </a:cubicBezTo>
                <a:cubicBezTo>
                  <a:pt x="234" y="104"/>
                  <a:pt x="228" y="108"/>
                  <a:pt x="223" y="111"/>
                </a:cubicBezTo>
                <a:cubicBezTo>
                  <a:pt x="181" y="62"/>
                  <a:pt x="181" y="62"/>
                  <a:pt x="181" y="62"/>
                </a:cubicBezTo>
                <a:cubicBezTo>
                  <a:pt x="107" y="125"/>
                  <a:pt x="107" y="125"/>
                  <a:pt x="107" y="125"/>
                </a:cubicBezTo>
                <a:cubicBezTo>
                  <a:pt x="148" y="174"/>
                  <a:pt x="148" y="174"/>
                  <a:pt x="148" y="174"/>
                </a:cubicBezTo>
                <a:cubicBezTo>
                  <a:pt x="144" y="179"/>
                  <a:pt x="140" y="184"/>
                  <a:pt x="135" y="189"/>
                </a:cubicBezTo>
                <a:cubicBezTo>
                  <a:pt x="80" y="157"/>
                  <a:pt x="80" y="157"/>
                  <a:pt x="80" y="157"/>
                </a:cubicBezTo>
                <a:cubicBezTo>
                  <a:pt x="31" y="241"/>
                  <a:pt x="31" y="241"/>
                  <a:pt x="31" y="241"/>
                </a:cubicBezTo>
                <a:cubicBezTo>
                  <a:pt x="87" y="273"/>
                  <a:pt x="87" y="273"/>
                  <a:pt x="87" y="273"/>
                </a:cubicBezTo>
                <a:cubicBezTo>
                  <a:pt x="84" y="280"/>
                  <a:pt x="82" y="286"/>
                  <a:pt x="80" y="292"/>
                </a:cubicBezTo>
                <a:cubicBezTo>
                  <a:pt x="17" y="281"/>
                  <a:pt x="17" y="281"/>
                  <a:pt x="17" y="281"/>
                </a:cubicBezTo>
                <a:cubicBezTo>
                  <a:pt x="0" y="377"/>
                  <a:pt x="0" y="377"/>
                  <a:pt x="0" y="377"/>
                </a:cubicBezTo>
                <a:cubicBezTo>
                  <a:pt x="63" y="388"/>
                  <a:pt x="63" y="388"/>
                  <a:pt x="63" y="388"/>
                </a:cubicBezTo>
                <a:cubicBezTo>
                  <a:pt x="63" y="391"/>
                  <a:pt x="63" y="395"/>
                  <a:pt x="63" y="398"/>
                </a:cubicBezTo>
                <a:cubicBezTo>
                  <a:pt x="63" y="401"/>
                  <a:pt x="63" y="405"/>
                  <a:pt x="63" y="408"/>
                </a:cubicBezTo>
                <a:cubicBezTo>
                  <a:pt x="0" y="419"/>
                  <a:pt x="0" y="419"/>
                  <a:pt x="0" y="419"/>
                </a:cubicBezTo>
                <a:cubicBezTo>
                  <a:pt x="17" y="515"/>
                  <a:pt x="17" y="515"/>
                  <a:pt x="17" y="515"/>
                </a:cubicBezTo>
                <a:cubicBezTo>
                  <a:pt x="80" y="504"/>
                  <a:pt x="80" y="504"/>
                  <a:pt x="80" y="504"/>
                </a:cubicBezTo>
                <a:cubicBezTo>
                  <a:pt x="82" y="510"/>
                  <a:pt x="84" y="516"/>
                  <a:pt x="87" y="523"/>
                </a:cubicBezTo>
                <a:cubicBezTo>
                  <a:pt x="31" y="555"/>
                  <a:pt x="31" y="555"/>
                  <a:pt x="31" y="555"/>
                </a:cubicBezTo>
                <a:cubicBezTo>
                  <a:pt x="80" y="639"/>
                  <a:pt x="80" y="639"/>
                  <a:pt x="80" y="639"/>
                </a:cubicBezTo>
                <a:cubicBezTo>
                  <a:pt x="135" y="607"/>
                  <a:pt x="135" y="607"/>
                  <a:pt x="135" y="607"/>
                </a:cubicBezTo>
                <a:cubicBezTo>
                  <a:pt x="140" y="612"/>
                  <a:pt x="144" y="617"/>
                  <a:pt x="148" y="622"/>
                </a:cubicBezTo>
                <a:cubicBezTo>
                  <a:pt x="107" y="671"/>
                  <a:pt x="107" y="671"/>
                  <a:pt x="107" y="671"/>
                </a:cubicBezTo>
                <a:cubicBezTo>
                  <a:pt x="181" y="734"/>
                  <a:pt x="181" y="734"/>
                  <a:pt x="181" y="734"/>
                </a:cubicBezTo>
                <a:cubicBezTo>
                  <a:pt x="223" y="685"/>
                  <a:pt x="223" y="685"/>
                  <a:pt x="223" y="685"/>
                </a:cubicBezTo>
                <a:cubicBezTo>
                  <a:pt x="228" y="688"/>
                  <a:pt x="234" y="692"/>
                  <a:pt x="240" y="695"/>
                </a:cubicBezTo>
                <a:cubicBezTo>
                  <a:pt x="218" y="755"/>
                  <a:pt x="218" y="755"/>
                  <a:pt x="218" y="755"/>
                </a:cubicBezTo>
                <a:cubicBezTo>
                  <a:pt x="310" y="788"/>
                  <a:pt x="310" y="788"/>
                  <a:pt x="310" y="788"/>
                </a:cubicBezTo>
                <a:cubicBezTo>
                  <a:pt x="331" y="728"/>
                  <a:pt x="331" y="728"/>
                  <a:pt x="331" y="728"/>
                </a:cubicBezTo>
                <a:cubicBezTo>
                  <a:pt x="338" y="729"/>
                  <a:pt x="345" y="731"/>
                  <a:pt x="351" y="731"/>
                </a:cubicBezTo>
                <a:cubicBezTo>
                  <a:pt x="351" y="796"/>
                  <a:pt x="351" y="796"/>
                  <a:pt x="351" y="796"/>
                </a:cubicBezTo>
                <a:cubicBezTo>
                  <a:pt x="448" y="796"/>
                  <a:pt x="448" y="796"/>
                  <a:pt x="448" y="796"/>
                </a:cubicBezTo>
                <a:cubicBezTo>
                  <a:pt x="448" y="731"/>
                  <a:pt x="448" y="731"/>
                  <a:pt x="448" y="731"/>
                </a:cubicBezTo>
                <a:cubicBezTo>
                  <a:pt x="455" y="731"/>
                  <a:pt x="462" y="729"/>
                  <a:pt x="468" y="728"/>
                </a:cubicBezTo>
                <a:cubicBezTo>
                  <a:pt x="490" y="788"/>
                  <a:pt x="490" y="788"/>
                  <a:pt x="490" y="788"/>
                </a:cubicBezTo>
                <a:cubicBezTo>
                  <a:pt x="582" y="755"/>
                  <a:pt x="582" y="755"/>
                  <a:pt x="582" y="755"/>
                </a:cubicBezTo>
                <a:cubicBezTo>
                  <a:pt x="560" y="695"/>
                  <a:pt x="560" y="695"/>
                  <a:pt x="560" y="695"/>
                </a:cubicBezTo>
                <a:cubicBezTo>
                  <a:pt x="566" y="692"/>
                  <a:pt x="571" y="688"/>
                  <a:pt x="577" y="685"/>
                </a:cubicBezTo>
                <a:cubicBezTo>
                  <a:pt x="618" y="734"/>
                  <a:pt x="618" y="734"/>
                  <a:pt x="618" y="734"/>
                </a:cubicBezTo>
                <a:cubicBezTo>
                  <a:pt x="693" y="671"/>
                  <a:pt x="693" y="671"/>
                  <a:pt x="693" y="671"/>
                </a:cubicBezTo>
                <a:cubicBezTo>
                  <a:pt x="651" y="622"/>
                  <a:pt x="651" y="622"/>
                  <a:pt x="651" y="622"/>
                </a:cubicBezTo>
                <a:cubicBezTo>
                  <a:pt x="656" y="617"/>
                  <a:pt x="660" y="612"/>
                  <a:pt x="664" y="607"/>
                </a:cubicBezTo>
                <a:cubicBezTo>
                  <a:pt x="720" y="639"/>
                  <a:pt x="720" y="639"/>
                  <a:pt x="720" y="639"/>
                </a:cubicBezTo>
                <a:cubicBezTo>
                  <a:pt x="769" y="555"/>
                  <a:pt x="769" y="555"/>
                  <a:pt x="769" y="555"/>
                </a:cubicBezTo>
                <a:cubicBezTo>
                  <a:pt x="713" y="523"/>
                  <a:pt x="713" y="523"/>
                  <a:pt x="713" y="523"/>
                </a:cubicBezTo>
                <a:cubicBezTo>
                  <a:pt x="715" y="516"/>
                  <a:pt x="718" y="510"/>
                  <a:pt x="720" y="504"/>
                </a:cubicBezTo>
                <a:cubicBezTo>
                  <a:pt x="783" y="515"/>
                  <a:pt x="783" y="515"/>
                  <a:pt x="783" y="515"/>
                </a:cubicBezTo>
                <a:cubicBezTo>
                  <a:pt x="800" y="419"/>
                  <a:pt x="800" y="419"/>
                  <a:pt x="800" y="419"/>
                </a:cubicBezTo>
                <a:cubicBezTo>
                  <a:pt x="737" y="408"/>
                  <a:pt x="737" y="408"/>
                  <a:pt x="737" y="408"/>
                </a:cubicBezTo>
                <a:cubicBezTo>
                  <a:pt x="737" y="405"/>
                  <a:pt x="737" y="401"/>
                  <a:pt x="737" y="398"/>
                </a:cubicBezTo>
                <a:cubicBezTo>
                  <a:pt x="737" y="395"/>
                  <a:pt x="737" y="391"/>
                  <a:pt x="737" y="388"/>
                </a:cubicBezTo>
                <a:cubicBezTo>
                  <a:pt x="800" y="377"/>
                  <a:pt x="800" y="377"/>
                  <a:pt x="800" y="377"/>
                </a:cubicBezTo>
                <a:cubicBezTo>
                  <a:pt x="783" y="281"/>
                  <a:pt x="783" y="281"/>
                  <a:pt x="783" y="281"/>
                </a:cubicBezTo>
                <a:lnTo>
                  <a:pt x="720" y="292"/>
                </a:lnTo>
                <a:close/>
                <a:moveTo>
                  <a:pt x="674" y="398"/>
                </a:moveTo>
                <a:cubicBezTo>
                  <a:pt x="674" y="549"/>
                  <a:pt x="551" y="672"/>
                  <a:pt x="400" y="672"/>
                </a:cubicBezTo>
                <a:cubicBezTo>
                  <a:pt x="248" y="672"/>
                  <a:pt x="126" y="549"/>
                  <a:pt x="126" y="398"/>
                </a:cubicBezTo>
                <a:cubicBezTo>
                  <a:pt x="126" y="247"/>
                  <a:pt x="248" y="124"/>
                  <a:pt x="400" y="124"/>
                </a:cubicBezTo>
                <a:cubicBezTo>
                  <a:pt x="551" y="124"/>
                  <a:pt x="674" y="247"/>
                  <a:pt x="674" y="398"/>
                </a:cubicBezTo>
                <a:close/>
              </a:path>
            </a:pathLst>
          </a:cu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</a:endParaRPr>
          </a:p>
        </p:txBody>
      </p:sp>
      <p:sp>
        <p:nvSpPr>
          <p:cNvPr id="87" name="Freeform 22"/>
          <p:cNvSpPr>
            <a:spLocks noEditPoints="1"/>
          </p:cNvSpPr>
          <p:nvPr/>
        </p:nvSpPr>
        <p:spPr bwMode="auto">
          <a:xfrm>
            <a:off x="6186181" y="1869978"/>
            <a:ext cx="2214776" cy="2204907"/>
          </a:xfrm>
          <a:custGeom>
            <a:avLst/>
            <a:gdLst>
              <a:gd name="T0" fmla="*/ 713 w 800"/>
              <a:gd name="T1" fmla="*/ 273 h 796"/>
              <a:gd name="T2" fmla="*/ 720 w 800"/>
              <a:gd name="T3" fmla="*/ 157 h 796"/>
              <a:gd name="T4" fmla="*/ 651 w 800"/>
              <a:gd name="T5" fmla="*/ 174 h 796"/>
              <a:gd name="T6" fmla="*/ 618 w 800"/>
              <a:gd name="T7" fmla="*/ 62 h 796"/>
              <a:gd name="T8" fmla="*/ 560 w 800"/>
              <a:gd name="T9" fmla="*/ 101 h 796"/>
              <a:gd name="T10" fmla="*/ 490 w 800"/>
              <a:gd name="T11" fmla="*/ 8 h 796"/>
              <a:gd name="T12" fmla="*/ 448 w 800"/>
              <a:gd name="T13" fmla="*/ 65 h 796"/>
              <a:gd name="T14" fmla="*/ 351 w 800"/>
              <a:gd name="T15" fmla="*/ 0 h 796"/>
              <a:gd name="T16" fmla="*/ 331 w 800"/>
              <a:gd name="T17" fmla="*/ 68 h 796"/>
              <a:gd name="T18" fmla="*/ 218 w 800"/>
              <a:gd name="T19" fmla="*/ 41 h 796"/>
              <a:gd name="T20" fmla="*/ 223 w 800"/>
              <a:gd name="T21" fmla="*/ 111 h 796"/>
              <a:gd name="T22" fmla="*/ 107 w 800"/>
              <a:gd name="T23" fmla="*/ 125 h 796"/>
              <a:gd name="T24" fmla="*/ 135 w 800"/>
              <a:gd name="T25" fmla="*/ 189 h 796"/>
              <a:gd name="T26" fmla="*/ 31 w 800"/>
              <a:gd name="T27" fmla="*/ 241 h 796"/>
              <a:gd name="T28" fmla="*/ 80 w 800"/>
              <a:gd name="T29" fmla="*/ 292 h 796"/>
              <a:gd name="T30" fmla="*/ 0 w 800"/>
              <a:gd name="T31" fmla="*/ 377 h 796"/>
              <a:gd name="T32" fmla="*/ 63 w 800"/>
              <a:gd name="T33" fmla="*/ 398 h 796"/>
              <a:gd name="T34" fmla="*/ 0 w 800"/>
              <a:gd name="T35" fmla="*/ 419 h 796"/>
              <a:gd name="T36" fmla="*/ 80 w 800"/>
              <a:gd name="T37" fmla="*/ 504 h 796"/>
              <a:gd name="T38" fmla="*/ 31 w 800"/>
              <a:gd name="T39" fmla="*/ 555 h 796"/>
              <a:gd name="T40" fmla="*/ 135 w 800"/>
              <a:gd name="T41" fmla="*/ 607 h 796"/>
              <a:gd name="T42" fmla="*/ 107 w 800"/>
              <a:gd name="T43" fmla="*/ 671 h 796"/>
              <a:gd name="T44" fmla="*/ 223 w 800"/>
              <a:gd name="T45" fmla="*/ 685 h 796"/>
              <a:gd name="T46" fmla="*/ 218 w 800"/>
              <a:gd name="T47" fmla="*/ 755 h 796"/>
              <a:gd name="T48" fmla="*/ 331 w 800"/>
              <a:gd name="T49" fmla="*/ 728 h 796"/>
              <a:gd name="T50" fmla="*/ 351 w 800"/>
              <a:gd name="T51" fmla="*/ 796 h 796"/>
              <a:gd name="T52" fmla="*/ 448 w 800"/>
              <a:gd name="T53" fmla="*/ 731 h 796"/>
              <a:gd name="T54" fmla="*/ 490 w 800"/>
              <a:gd name="T55" fmla="*/ 788 h 796"/>
              <a:gd name="T56" fmla="*/ 560 w 800"/>
              <a:gd name="T57" fmla="*/ 695 h 796"/>
              <a:gd name="T58" fmla="*/ 618 w 800"/>
              <a:gd name="T59" fmla="*/ 734 h 796"/>
              <a:gd name="T60" fmla="*/ 651 w 800"/>
              <a:gd name="T61" fmla="*/ 622 h 796"/>
              <a:gd name="T62" fmla="*/ 720 w 800"/>
              <a:gd name="T63" fmla="*/ 639 h 796"/>
              <a:gd name="T64" fmla="*/ 713 w 800"/>
              <a:gd name="T65" fmla="*/ 523 h 796"/>
              <a:gd name="T66" fmla="*/ 783 w 800"/>
              <a:gd name="T67" fmla="*/ 515 h 796"/>
              <a:gd name="T68" fmla="*/ 737 w 800"/>
              <a:gd name="T69" fmla="*/ 408 h 796"/>
              <a:gd name="T70" fmla="*/ 737 w 800"/>
              <a:gd name="T71" fmla="*/ 388 h 796"/>
              <a:gd name="T72" fmla="*/ 783 w 800"/>
              <a:gd name="T73" fmla="*/ 281 h 796"/>
              <a:gd name="T74" fmla="*/ 674 w 800"/>
              <a:gd name="T75" fmla="*/ 398 h 796"/>
              <a:gd name="T76" fmla="*/ 126 w 800"/>
              <a:gd name="T77" fmla="*/ 398 h 796"/>
              <a:gd name="T78" fmla="*/ 674 w 800"/>
              <a:gd name="T79" fmla="*/ 398 h 79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</a:cxnLst>
            <a:rect l="0" t="0" r="r" b="b"/>
            <a:pathLst>
              <a:path w="800" h="796">
                <a:moveTo>
                  <a:pt x="720" y="292"/>
                </a:moveTo>
                <a:cubicBezTo>
                  <a:pt x="718" y="286"/>
                  <a:pt x="715" y="280"/>
                  <a:pt x="713" y="273"/>
                </a:cubicBezTo>
                <a:cubicBezTo>
                  <a:pt x="769" y="241"/>
                  <a:pt x="769" y="241"/>
                  <a:pt x="769" y="241"/>
                </a:cubicBezTo>
                <a:cubicBezTo>
                  <a:pt x="720" y="157"/>
                  <a:pt x="720" y="157"/>
                  <a:pt x="720" y="157"/>
                </a:cubicBezTo>
                <a:cubicBezTo>
                  <a:pt x="664" y="189"/>
                  <a:pt x="664" y="189"/>
                  <a:pt x="664" y="189"/>
                </a:cubicBezTo>
                <a:cubicBezTo>
                  <a:pt x="660" y="184"/>
                  <a:pt x="656" y="179"/>
                  <a:pt x="651" y="174"/>
                </a:cubicBezTo>
                <a:cubicBezTo>
                  <a:pt x="693" y="125"/>
                  <a:pt x="693" y="125"/>
                  <a:pt x="693" y="125"/>
                </a:cubicBezTo>
                <a:cubicBezTo>
                  <a:pt x="618" y="62"/>
                  <a:pt x="618" y="62"/>
                  <a:pt x="618" y="62"/>
                </a:cubicBezTo>
                <a:cubicBezTo>
                  <a:pt x="577" y="111"/>
                  <a:pt x="577" y="111"/>
                  <a:pt x="577" y="111"/>
                </a:cubicBezTo>
                <a:cubicBezTo>
                  <a:pt x="571" y="108"/>
                  <a:pt x="566" y="104"/>
                  <a:pt x="560" y="101"/>
                </a:cubicBezTo>
                <a:cubicBezTo>
                  <a:pt x="582" y="41"/>
                  <a:pt x="582" y="41"/>
                  <a:pt x="582" y="41"/>
                </a:cubicBezTo>
                <a:cubicBezTo>
                  <a:pt x="490" y="8"/>
                  <a:pt x="490" y="8"/>
                  <a:pt x="490" y="8"/>
                </a:cubicBezTo>
                <a:cubicBezTo>
                  <a:pt x="468" y="68"/>
                  <a:pt x="468" y="68"/>
                  <a:pt x="468" y="68"/>
                </a:cubicBezTo>
                <a:cubicBezTo>
                  <a:pt x="462" y="67"/>
                  <a:pt x="455" y="66"/>
                  <a:pt x="448" y="65"/>
                </a:cubicBezTo>
                <a:cubicBezTo>
                  <a:pt x="448" y="0"/>
                  <a:pt x="448" y="0"/>
                  <a:pt x="448" y="0"/>
                </a:cubicBezTo>
                <a:cubicBezTo>
                  <a:pt x="351" y="0"/>
                  <a:pt x="351" y="0"/>
                  <a:pt x="351" y="0"/>
                </a:cubicBezTo>
                <a:cubicBezTo>
                  <a:pt x="351" y="65"/>
                  <a:pt x="351" y="65"/>
                  <a:pt x="351" y="65"/>
                </a:cubicBezTo>
                <a:cubicBezTo>
                  <a:pt x="345" y="66"/>
                  <a:pt x="338" y="67"/>
                  <a:pt x="331" y="68"/>
                </a:cubicBezTo>
                <a:cubicBezTo>
                  <a:pt x="309" y="8"/>
                  <a:pt x="309" y="8"/>
                  <a:pt x="309" y="8"/>
                </a:cubicBezTo>
                <a:cubicBezTo>
                  <a:pt x="218" y="41"/>
                  <a:pt x="218" y="41"/>
                  <a:pt x="218" y="41"/>
                </a:cubicBezTo>
                <a:cubicBezTo>
                  <a:pt x="240" y="101"/>
                  <a:pt x="240" y="101"/>
                  <a:pt x="240" y="101"/>
                </a:cubicBezTo>
                <a:cubicBezTo>
                  <a:pt x="234" y="104"/>
                  <a:pt x="228" y="108"/>
                  <a:pt x="223" y="111"/>
                </a:cubicBezTo>
                <a:cubicBezTo>
                  <a:pt x="181" y="62"/>
                  <a:pt x="181" y="62"/>
                  <a:pt x="181" y="62"/>
                </a:cubicBezTo>
                <a:cubicBezTo>
                  <a:pt x="107" y="125"/>
                  <a:pt x="107" y="125"/>
                  <a:pt x="107" y="125"/>
                </a:cubicBezTo>
                <a:cubicBezTo>
                  <a:pt x="148" y="174"/>
                  <a:pt x="148" y="174"/>
                  <a:pt x="148" y="174"/>
                </a:cubicBezTo>
                <a:cubicBezTo>
                  <a:pt x="144" y="179"/>
                  <a:pt x="140" y="184"/>
                  <a:pt x="135" y="189"/>
                </a:cubicBezTo>
                <a:cubicBezTo>
                  <a:pt x="80" y="157"/>
                  <a:pt x="80" y="157"/>
                  <a:pt x="80" y="157"/>
                </a:cubicBezTo>
                <a:cubicBezTo>
                  <a:pt x="31" y="241"/>
                  <a:pt x="31" y="241"/>
                  <a:pt x="31" y="241"/>
                </a:cubicBezTo>
                <a:cubicBezTo>
                  <a:pt x="87" y="273"/>
                  <a:pt x="87" y="273"/>
                  <a:pt x="87" y="273"/>
                </a:cubicBezTo>
                <a:cubicBezTo>
                  <a:pt x="84" y="280"/>
                  <a:pt x="82" y="286"/>
                  <a:pt x="80" y="292"/>
                </a:cubicBezTo>
                <a:cubicBezTo>
                  <a:pt x="17" y="281"/>
                  <a:pt x="17" y="281"/>
                  <a:pt x="17" y="281"/>
                </a:cubicBezTo>
                <a:cubicBezTo>
                  <a:pt x="0" y="377"/>
                  <a:pt x="0" y="377"/>
                  <a:pt x="0" y="377"/>
                </a:cubicBezTo>
                <a:cubicBezTo>
                  <a:pt x="63" y="388"/>
                  <a:pt x="63" y="388"/>
                  <a:pt x="63" y="388"/>
                </a:cubicBezTo>
                <a:cubicBezTo>
                  <a:pt x="63" y="391"/>
                  <a:pt x="63" y="395"/>
                  <a:pt x="63" y="398"/>
                </a:cubicBezTo>
                <a:cubicBezTo>
                  <a:pt x="63" y="401"/>
                  <a:pt x="63" y="405"/>
                  <a:pt x="63" y="408"/>
                </a:cubicBezTo>
                <a:cubicBezTo>
                  <a:pt x="0" y="419"/>
                  <a:pt x="0" y="419"/>
                  <a:pt x="0" y="419"/>
                </a:cubicBezTo>
                <a:cubicBezTo>
                  <a:pt x="17" y="515"/>
                  <a:pt x="17" y="515"/>
                  <a:pt x="17" y="515"/>
                </a:cubicBezTo>
                <a:cubicBezTo>
                  <a:pt x="80" y="504"/>
                  <a:pt x="80" y="504"/>
                  <a:pt x="80" y="504"/>
                </a:cubicBezTo>
                <a:cubicBezTo>
                  <a:pt x="82" y="510"/>
                  <a:pt x="84" y="516"/>
                  <a:pt x="87" y="523"/>
                </a:cubicBezTo>
                <a:cubicBezTo>
                  <a:pt x="31" y="555"/>
                  <a:pt x="31" y="555"/>
                  <a:pt x="31" y="555"/>
                </a:cubicBezTo>
                <a:cubicBezTo>
                  <a:pt x="80" y="639"/>
                  <a:pt x="80" y="639"/>
                  <a:pt x="80" y="639"/>
                </a:cubicBezTo>
                <a:cubicBezTo>
                  <a:pt x="135" y="607"/>
                  <a:pt x="135" y="607"/>
                  <a:pt x="135" y="607"/>
                </a:cubicBezTo>
                <a:cubicBezTo>
                  <a:pt x="140" y="612"/>
                  <a:pt x="144" y="617"/>
                  <a:pt x="148" y="622"/>
                </a:cubicBezTo>
                <a:cubicBezTo>
                  <a:pt x="107" y="671"/>
                  <a:pt x="107" y="671"/>
                  <a:pt x="107" y="671"/>
                </a:cubicBezTo>
                <a:cubicBezTo>
                  <a:pt x="181" y="734"/>
                  <a:pt x="181" y="734"/>
                  <a:pt x="181" y="734"/>
                </a:cubicBezTo>
                <a:cubicBezTo>
                  <a:pt x="223" y="685"/>
                  <a:pt x="223" y="685"/>
                  <a:pt x="223" y="685"/>
                </a:cubicBezTo>
                <a:cubicBezTo>
                  <a:pt x="228" y="688"/>
                  <a:pt x="234" y="692"/>
                  <a:pt x="240" y="695"/>
                </a:cubicBezTo>
                <a:cubicBezTo>
                  <a:pt x="218" y="755"/>
                  <a:pt x="218" y="755"/>
                  <a:pt x="218" y="755"/>
                </a:cubicBezTo>
                <a:cubicBezTo>
                  <a:pt x="310" y="788"/>
                  <a:pt x="310" y="788"/>
                  <a:pt x="310" y="788"/>
                </a:cubicBezTo>
                <a:cubicBezTo>
                  <a:pt x="331" y="728"/>
                  <a:pt x="331" y="728"/>
                  <a:pt x="331" y="728"/>
                </a:cubicBezTo>
                <a:cubicBezTo>
                  <a:pt x="338" y="729"/>
                  <a:pt x="345" y="731"/>
                  <a:pt x="351" y="731"/>
                </a:cubicBezTo>
                <a:cubicBezTo>
                  <a:pt x="351" y="796"/>
                  <a:pt x="351" y="796"/>
                  <a:pt x="351" y="796"/>
                </a:cubicBezTo>
                <a:cubicBezTo>
                  <a:pt x="448" y="796"/>
                  <a:pt x="448" y="796"/>
                  <a:pt x="448" y="796"/>
                </a:cubicBezTo>
                <a:cubicBezTo>
                  <a:pt x="448" y="731"/>
                  <a:pt x="448" y="731"/>
                  <a:pt x="448" y="731"/>
                </a:cubicBezTo>
                <a:cubicBezTo>
                  <a:pt x="455" y="731"/>
                  <a:pt x="462" y="729"/>
                  <a:pt x="468" y="728"/>
                </a:cubicBezTo>
                <a:cubicBezTo>
                  <a:pt x="490" y="788"/>
                  <a:pt x="490" y="788"/>
                  <a:pt x="490" y="788"/>
                </a:cubicBezTo>
                <a:cubicBezTo>
                  <a:pt x="582" y="755"/>
                  <a:pt x="582" y="755"/>
                  <a:pt x="582" y="755"/>
                </a:cubicBezTo>
                <a:cubicBezTo>
                  <a:pt x="560" y="695"/>
                  <a:pt x="560" y="695"/>
                  <a:pt x="560" y="695"/>
                </a:cubicBezTo>
                <a:cubicBezTo>
                  <a:pt x="566" y="692"/>
                  <a:pt x="571" y="688"/>
                  <a:pt x="577" y="685"/>
                </a:cubicBezTo>
                <a:cubicBezTo>
                  <a:pt x="618" y="734"/>
                  <a:pt x="618" y="734"/>
                  <a:pt x="618" y="734"/>
                </a:cubicBezTo>
                <a:cubicBezTo>
                  <a:pt x="693" y="671"/>
                  <a:pt x="693" y="671"/>
                  <a:pt x="693" y="671"/>
                </a:cubicBezTo>
                <a:cubicBezTo>
                  <a:pt x="651" y="622"/>
                  <a:pt x="651" y="622"/>
                  <a:pt x="651" y="622"/>
                </a:cubicBezTo>
                <a:cubicBezTo>
                  <a:pt x="656" y="617"/>
                  <a:pt x="660" y="612"/>
                  <a:pt x="664" y="607"/>
                </a:cubicBezTo>
                <a:cubicBezTo>
                  <a:pt x="720" y="639"/>
                  <a:pt x="720" y="639"/>
                  <a:pt x="720" y="639"/>
                </a:cubicBezTo>
                <a:cubicBezTo>
                  <a:pt x="769" y="555"/>
                  <a:pt x="769" y="555"/>
                  <a:pt x="769" y="555"/>
                </a:cubicBezTo>
                <a:cubicBezTo>
                  <a:pt x="713" y="523"/>
                  <a:pt x="713" y="523"/>
                  <a:pt x="713" y="523"/>
                </a:cubicBezTo>
                <a:cubicBezTo>
                  <a:pt x="715" y="516"/>
                  <a:pt x="718" y="510"/>
                  <a:pt x="720" y="504"/>
                </a:cubicBezTo>
                <a:cubicBezTo>
                  <a:pt x="783" y="515"/>
                  <a:pt x="783" y="515"/>
                  <a:pt x="783" y="515"/>
                </a:cubicBezTo>
                <a:cubicBezTo>
                  <a:pt x="800" y="419"/>
                  <a:pt x="800" y="419"/>
                  <a:pt x="800" y="419"/>
                </a:cubicBezTo>
                <a:cubicBezTo>
                  <a:pt x="737" y="408"/>
                  <a:pt x="737" y="408"/>
                  <a:pt x="737" y="408"/>
                </a:cubicBezTo>
                <a:cubicBezTo>
                  <a:pt x="737" y="405"/>
                  <a:pt x="737" y="401"/>
                  <a:pt x="737" y="398"/>
                </a:cubicBezTo>
                <a:cubicBezTo>
                  <a:pt x="737" y="395"/>
                  <a:pt x="737" y="391"/>
                  <a:pt x="737" y="388"/>
                </a:cubicBezTo>
                <a:cubicBezTo>
                  <a:pt x="800" y="377"/>
                  <a:pt x="800" y="377"/>
                  <a:pt x="800" y="377"/>
                </a:cubicBezTo>
                <a:cubicBezTo>
                  <a:pt x="783" y="281"/>
                  <a:pt x="783" y="281"/>
                  <a:pt x="783" y="281"/>
                </a:cubicBezTo>
                <a:lnTo>
                  <a:pt x="720" y="292"/>
                </a:lnTo>
                <a:close/>
                <a:moveTo>
                  <a:pt x="674" y="398"/>
                </a:moveTo>
                <a:cubicBezTo>
                  <a:pt x="674" y="549"/>
                  <a:pt x="551" y="672"/>
                  <a:pt x="400" y="672"/>
                </a:cubicBezTo>
                <a:cubicBezTo>
                  <a:pt x="248" y="672"/>
                  <a:pt x="126" y="549"/>
                  <a:pt x="126" y="398"/>
                </a:cubicBezTo>
                <a:cubicBezTo>
                  <a:pt x="126" y="247"/>
                  <a:pt x="248" y="124"/>
                  <a:pt x="400" y="124"/>
                </a:cubicBezTo>
                <a:cubicBezTo>
                  <a:pt x="551" y="124"/>
                  <a:pt x="674" y="247"/>
                  <a:pt x="674" y="398"/>
                </a:cubicBezTo>
                <a:close/>
              </a:path>
            </a:pathLst>
          </a:cu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</a:endParaRPr>
          </a:p>
        </p:txBody>
      </p:sp>
      <p:sp>
        <p:nvSpPr>
          <p:cNvPr id="92" name="Freeform 22"/>
          <p:cNvSpPr>
            <a:spLocks noEditPoints="1"/>
          </p:cNvSpPr>
          <p:nvPr/>
        </p:nvSpPr>
        <p:spPr bwMode="auto">
          <a:xfrm>
            <a:off x="3894962" y="2587954"/>
            <a:ext cx="3173844" cy="3159701"/>
          </a:xfrm>
          <a:custGeom>
            <a:avLst/>
            <a:gdLst>
              <a:gd name="T0" fmla="*/ 713 w 800"/>
              <a:gd name="T1" fmla="*/ 273 h 796"/>
              <a:gd name="T2" fmla="*/ 720 w 800"/>
              <a:gd name="T3" fmla="*/ 157 h 796"/>
              <a:gd name="T4" fmla="*/ 651 w 800"/>
              <a:gd name="T5" fmla="*/ 174 h 796"/>
              <a:gd name="T6" fmla="*/ 618 w 800"/>
              <a:gd name="T7" fmla="*/ 62 h 796"/>
              <a:gd name="T8" fmla="*/ 560 w 800"/>
              <a:gd name="T9" fmla="*/ 101 h 796"/>
              <a:gd name="T10" fmla="*/ 490 w 800"/>
              <a:gd name="T11" fmla="*/ 8 h 796"/>
              <a:gd name="T12" fmla="*/ 448 w 800"/>
              <a:gd name="T13" fmla="*/ 65 h 796"/>
              <a:gd name="T14" fmla="*/ 351 w 800"/>
              <a:gd name="T15" fmla="*/ 0 h 796"/>
              <a:gd name="T16" fmla="*/ 331 w 800"/>
              <a:gd name="T17" fmla="*/ 68 h 796"/>
              <a:gd name="T18" fmla="*/ 218 w 800"/>
              <a:gd name="T19" fmla="*/ 41 h 796"/>
              <a:gd name="T20" fmla="*/ 223 w 800"/>
              <a:gd name="T21" fmla="*/ 111 h 796"/>
              <a:gd name="T22" fmla="*/ 107 w 800"/>
              <a:gd name="T23" fmla="*/ 125 h 796"/>
              <a:gd name="T24" fmla="*/ 135 w 800"/>
              <a:gd name="T25" fmla="*/ 189 h 796"/>
              <a:gd name="T26" fmla="*/ 31 w 800"/>
              <a:gd name="T27" fmla="*/ 241 h 796"/>
              <a:gd name="T28" fmla="*/ 80 w 800"/>
              <a:gd name="T29" fmla="*/ 292 h 796"/>
              <a:gd name="T30" fmla="*/ 0 w 800"/>
              <a:gd name="T31" fmla="*/ 377 h 796"/>
              <a:gd name="T32" fmla="*/ 63 w 800"/>
              <a:gd name="T33" fmla="*/ 398 h 796"/>
              <a:gd name="T34" fmla="*/ 0 w 800"/>
              <a:gd name="T35" fmla="*/ 419 h 796"/>
              <a:gd name="T36" fmla="*/ 80 w 800"/>
              <a:gd name="T37" fmla="*/ 504 h 796"/>
              <a:gd name="T38" fmla="*/ 31 w 800"/>
              <a:gd name="T39" fmla="*/ 555 h 796"/>
              <a:gd name="T40" fmla="*/ 135 w 800"/>
              <a:gd name="T41" fmla="*/ 607 h 796"/>
              <a:gd name="T42" fmla="*/ 107 w 800"/>
              <a:gd name="T43" fmla="*/ 671 h 796"/>
              <a:gd name="T44" fmla="*/ 223 w 800"/>
              <a:gd name="T45" fmla="*/ 685 h 796"/>
              <a:gd name="T46" fmla="*/ 218 w 800"/>
              <a:gd name="T47" fmla="*/ 755 h 796"/>
              <a:gd name="T48" fmla="*/ 331 w 800"/>
              <a:gd name="T49" fmla="*/ 728 h 796"/>
              <a:gd name="T50" fmla="*/ 351 w 800"/>
              <a:gd name="T51" fmla="*/ 796 h 796"/>
              <a:gd name="T52" fmla="*/ 448 w 800"/>
              <a:gd name="T53" fmla="*/ 731 h 796"/>
              <a:gd name="T54" fmla="*/ 490 w 800"/>
              <a:gd name="T55" fmla="*/ 788 h 796"/>
              <a:gd name="T56" fmla="*/ 560 w 800"/>
              <a:gd name="T57" fmla="*/ 695 h 796"/>
              <a:gd name="T58" fmla="*/ 618 w 800"/>
              <a:gd name="T59" fmla="*/ 734 h 796"/>
              <a:gd name="T60" fmla="*/ 651 w 800"/>
              <a:gd name="T61" fmla="*/ 622 h 796"/>
              <a:gd name="T62" fmla="*/ 720 w 800"/>
              <a:gd name="T63" fmla="*/ 639 h 796"/>
              <a:gd name="T64" fmla="*/ 713 w 800"/>
              <a:gd name="T65" fmla="*/ 523 h 796"/>
              <a:gd name="T66" fmla="*/ 783 w 800"/>
              <a:gd name="T67" fmla="*/ 515 h 796"/>
              <a:gd name="T68" fmla="*/ 737 w 800"/>
              <a:gd name="T69" fmla="*/ 408 h 796"/>
              <a:gd name="T70" fmla="*/ 737 w 800"/>
              <a:gd name="T71" fmla="*/ 388 h 796"/>
              <a:gd name="T72" fmla="*/ 783 w 800"/>
              <a:gd name="T73" fmla="*/ 281 h 796"/>
              <a:gd name="T74" fmla="*/ 674 w 800"/>
              <a:gd name="T75" fmla="*/ 398 h 796"/>
              <a:gd name="T76" fmla="*/ 126 w 800"/>
              <a:gd name="T77" fmla="*/ 398 h 796"/>
              <a:gd name="T78" fmla="*/ 674 w 800"/>
              <a:gd name="T79" fmla="*/ 398 h 79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</a:cxnLst>
            <a:rect l="0" t="0" r="r" b="b"/>
            <a:pathLst>
              <a:path w="800" h="796">
                <a:moveTo>
                  <a:pt x="720" y="292"/>
                </a:moveTo>
                <a:cubicBezTo>
                  <a:pt x="718" y="286"/>
                  <a:pt x="715" y="280"/>
                  <a:pt x="713" y="273"/>
                </a:cubicBezTo>
                <a:cubicBezTo>
                  <a:pt x="769" y="241"/>
                  <a:pt x="769" y="241"/>
                  <a:pt x="769" y="241"/>
                </a:cubicBezTo>
                <a:cubicBezTo>
                  <a:pt x="720" y="157"/>
                  <a:pt x="720" y="157"/>
                  <a:pt x="720" y="157"/>
                </a:cubicBezTo>
                <a:cubicBezTo>
                  <a:pt x="664" y="189"/>
                  <a:pt x="664" y="189"/>
                  <a:pt x="664" y="189"/>
                </a:cubicBezTo>
                <a:cubicBezTo>
                  <a:pt x="660" y="184"/>
                  <a:pt x="656" y="179"/>
                  <a:pt x="651" y="174"/>
                </a:cubicBezTo>
                <a:cubicBezTo>
                  <a:pt x="693" y="125"/>
                  <a:pt x="693" y="125"/>
                  <a:pt x="693" y="125"/>
                </a:cubicBezTo>
                <a:cubicBezTo>
                  <a:pt x="618" y="62"/>
                  <a:pt x="618" y="62"/>
                  <a:pt x="618" y="62"/>
                </a:cubicBezTo>
                <a:cubicBezTo>
                  <a:pt x="577" y="111"/>
                  <a:pt x="577" y="111"/>
                  <a:pt x="577" y="111"/>
                </a:cubicBezTo>
                <a:cubicBezTo>
                  <a:pt x="571" y="108"/>
                  <a:pt x="566" y="104"/>
                  <a:pt x="560" y="101"/>
                </a:cubicBezTo>
                <a:cubicBezTo>
                  <a:pt x="582" y="41"/>
                  <a:pt x="582" y="41"/>
                  <a:pt x="582" y="41"/>
                </a:cubicBezTo>
                <a:cubicBezTo>
                  <a:pt x="490" y="8"/>
                  <a:pt x="490" y="8"/>
                  <a:pt x="490" y="8"/>
                </a:cubicBezTo>
                <a:cubicBezTo>
                  <a:pt x="468" y="68"/>
                  <a:pt x="468" y="68"/>
                  <a:pt x="468" y="68"/>
                </a:cubicBezTo>
                <a:cubicBezTo>
                  <a:pt x="462" y="67"/>
                  <a:pt x="455" y="66"/>
                  <a:pt x="448" y="65"/>
                </a:cubicBezTo>
                <a:cubicBezTo>
                  <a:pt x="448" y="0"/>
                  <a:pt x="448" y="0"/>
                  <a:pt x="448" y="0"/>
                </a:cubicBezTo>
                <a:cubicBezTo>
                  <a:pt x="351" y="0"/>
                  <a:pt x="351" y="0"/>
                  <a:pt x="351" y="0"/>
                </a:cubicBezTo>
                <a:cubicBezTo>
                  <a:pt x="351" y="65"/>
                  <a:pt x="351" y="65"/>
                  <a:pt x="351" y="65"/>
                </a:cubicBezTo>
                <a:cubicBezTo>
                  <a:pt x="345" y="66"/>
                  <a:pt x="338" y="67"/>
                  <a:pt x="331" y="68"/>
                </a:cubicBezTo>
                <a:cubicBezTo>
                  <a:pt x="309" y="8"/>
                  <a:pt x="309" y="8"/>
                  <a:pt x="309" y="8"/>
                </a:cubicBezTo>
                <a:cubicBezTo>
                  <a:pt x="218" y="41"/>
                  <a:pt x="218" y="41"/>
                  <a:pt x="218" y="41"/>
                </a:cubicBezTo>
                <a:cubicBezTo>
                  <a:pt x="240" y="101"/>
                  <a:pt x="240" y="101"/>
                  <a:pt x="240" y="101"/>
                </a:cubicBezTo>
                <a:cubicBezTo>
                  <a:pt x="234" y="104"/>
                  <a:pt x="228" y="108"/>
                  <a:pt x="223" y="111"/>
                </a:cubicBezTo>
                <a:cubicBezTo>
                  <a:pt x="181" y="62"/>
                  <a:pt x="181" y="62"/>
                  <a:pt x="181" y="62"/>
                </a:cubicBezTo>
                <a:cubicBezTo>
                  <a:pt x="107" y="125"/>
                  <a:pt x="107" y="125"/>
                  <a:pt x="107" y="125"/>
                </a:cubicBezTo>
                <a:cubicBezTo>
                  <a:pt x="148" y="174"/>
                  <a:pt x="148" y="174"/>
                  <a:pt x="148" y="174"/>
                </a:cubicBezTo>
                <a:cubicBezTo>
                  <a:pt x="144" y="179"/>
                  <a:pt x="140" y="184"/>
                  <a:pt x="135" y="189"/>
                </a:cubicBezTo>
                <a:cubicBezTo>
                  <a:pt x="80" y="157"/>
                  <a:pt x="80" y="157"/>
                  <a:pt x="80" y="157"/>
                </a:cubicBezTo>
                <a:cubicBezTo>
                  <a:pt x="31" y="241"/>
                  <a:pt x="31" y="241"/>
                  <a:pt x="31" y="241"/>
                </a:cubicBezTo>
                <a:cubicBezTo>
                  <a:pt x="87" y="273"/>
                  <a:pt x="87" y="273"/>
                  <a:pt x="87" y="273"/>
                </a:cubicBezTo>
                <a:cubicBezTo>
                  <a:pt x="84" y="280"/>
                  <a:pt x="82" y="286"/>
                  <a:pt x="80" y="292"/>
                </a:cubicBezTo>
                <a:cubicBezTo>
                  <a:pt x="17" y="281"/>
                  <a:pt x="17" y="281"/>
                  <a:pt x="17" y="281"/>
                </a:cubicBezTo>
                <a:cubicBezTo>
                  <a:pt x="0" y="377"/>
                  <a:pt x="0" y="377"/>
                  <a:pt x="0" y="377"/>
                </a:cubicBezTo>
                <a:cubicBezTo>
                  <a:pt x="63" y="388"/>
                  <a:pt x="63" y="388"/>
                  <a:pt x="63" y="388"/>
                </a:cubicBezTo>
                <a:cubicBezTo>
                  <a:pt x="63" y="391"/>
                  <a:pt x="63" y="395"/>
                  <a:pt x="63" y="398"/>
                </a:cubicBezTo>
                <a:cubicBezTo>
                  <a:pt x="63" y="401"/>
                  <a:pt x="63" y="405"/>
                  <a:pt x="63" y="408"/>
                </a:cubicBezTo>
                <a:cubicBezTo>
                  <a:pt x="0" y="419"/>
                  <a:pt x="0" y="419"/>
                  <a:pt x="0" y="419"/>
                </a:cubicBezTo>
                <a:cubicBezTo>
                  <a:pt x="17" y="515"/>
                  <a:pt x="17" y="515"/>
                  <a:pt x="17" y="515"/>
                </a:cubicBezTo>
                <a:cubicBezTo>
                  <a:pt x="80" y="504"/>
                  <a:pt x="80" y="504"/>
                  <a:pt x="80" y="504"/>
                </a:cubicBezTo>
                <a:cubicBezTo>
                  <a:pt x="82" y="510"/>
                  <a:pt x="84" y="516"/>
                  <a:pt x="87" y="523"/>
                </a:cubicBezTo>
                <a:cubicBezTo>
                  <a:pt x="31" y="555"/>
                  <a:pt x="31" y="555"/>
                  <a:pt x="31" y="555"/>
                </a:cubicBezTo>
                <a:cubicBezTo>
                  <a:pt x="80" y="639"/>
                  <a:pt x="80" y="639"/>
                  <a:pt x="80" y="639"/>
                </a:cubicBezTo>
                <a:cubicBezTo>
                  <a:pt x="135" y="607"/>
                  <a:pt x="135" y="607"/>
                  <a:pt x="135" y="607"/>
                </a:cubicBezTo>
                <a:cubicBezTo>
                  <a:pt x="140" y="612"/>
                  <a:pt x="144" y="617"/>
                  <a:pt x="148" y="622"/>
                </a:cubicBezTo>
                <a:cubicBezTo>
                  <a:pt x="107" y="671"/>
                  <a:pt x="107" y="671"/>
                  <a:pt x="107" y="671"/>
                </a:cubicBezTo>
                <a:cubicBezTo>
                  <a:pt x="181" y="734"/>
                  <a:pt x="181" y="734"/>
                  <a:pt x="181" y="734"/>
                </a:cubicBezTo>
                <a:cubicBezTo>
                  <a:pt x="223" y="685"/>
                  <a:pt x="223" y="685"/>
                  <a:pt x="223" y="685"/>
                </a:cubicBezTo>
                <a:cubicBezTo>
                  <a:pt x="228" y="688"/>
                  <a:pt x="234" y="692"/>
                  <a:pt x="240" y="695"/>
                </a:cubicBezTo>
                <a:cubicBezTo>
                  <a:pt x="218" y="755"/>
                  <a:pt x="218" y="755"/>
                  <a:pt x="218" y="755"/>
                </a:cubicBezTo>
                <a:cubicBezTo>
                  <a:pt x="310" y="788"/>
                  <a:pt x="310" y="788"/>
                  <a:pt x="310" y="788"/>
                </a:cubicBezTo>
                <a:cubicBezTo>
                  <a:pt x="331" y="728"/>
                  <a:pt x="331" y="728"/>
                  <a:pt x="331" y="728"/>
                </a:cubicBezTo>
                <a:cubicBezTo>
                  <a:pt x="338" y="729"/>
                  <a:pt x="345" y="731"/>
                  <a:pt x="351" y="731"/>
                </a:cubicBezTo>
                <a:cubicBezTo>
                  <a:pt x="351" y="796"/>
                  <a:pt x="351" y="796"/>
                  <a:pt x="351" y="796"/>
                </a:cubicBezTo>
                <a:cubicBezTo>
                  <a:pt x="448" y="796"/>
                  <a:pt x="448" y="796"/>
                  <a:pt x="448" y="796"/>
                </a:cubicBezTo>
                <a:cubicBezTo>
                  <a:pt x="448" y="731"/>
                  <a:pt x="448" y="731"/>
                  <a:pt x="448" y="731"/>
                </a:cubicBezTo>
                <a:cubicBezTo>
                  <a:pt x="455" y="731"/>
                  <a:pt x="462" y="729"/>
                  <a:pt x="468" y="728"/>
                </a:cubicBezTo>
                <a:cubicBezTo>
                  <a:pt x="490" y="788"/>
                  <a:pt x="490" y="788"/>
                  <a:pt x="490" y="788"/>
                </a:cubicBezTo>
                <a:cubicBezTo>
                  <a:pt x="582" y="755"/>
                  <a:pt x="582" y="755"/>
                  <a:pt x="582" y="755"/>
                </a:cubicBezTo>
                <a:cubicBezTo>
                  <a:pt x="560" y="695"/>
                  <a:pt x="560" y="695"/>
                  <a:pt x="560" y="695"/>
                </a:cubicBezTo>
                <a:cubicBezTo>
                  <a:pt x="566" y="692"/>
                  <a:pt x="571" y="688"/>
                  <a:pt x="577" y="685"/>
                </a:cubicBezTo>
                <a:cubicBezTo>
                  <a:pt x="618" y="734"/>
                  <a:pt x="618" y="734"/>
                  <a:pt x="618" y="734"/>
                </a:cubicBezTo>
                <a:cubicBezTo>
                  <a:pt x="693" y="671"/>
                  <a:pt x="693" y="671"/>
                  <a:pt x="693" y="671"/>
                </a:cubicBezTo>
                <a:cubicBezTo>
                  <a:pt x="651" y="622"/>
                  <a:pt x="651" y="622"/>
                  <a:pt x="651" y="622"/>
                </a:cubicBezTo>
                <a:cubicBezTo>
                  <a:pt x="656" y="617"/>
                  <a:pt x="660" y="612"/>
                  <a:pt x="664" y="607"/>
                </a:cubicBezTo>
                <a:cubicBezTo>
                  <a:pt x="720" y="639"/>
                  <a:pt x="720" y="639"/>
                  <a:pt x="720" y="639"/>
                </a:cubicBezTo>
                <a:cubicBezTo>
                  <a:pt x="769" y="555"/>
                  <a:pt x="769" y="555"/>
                  <a:pt x="769" y="555"/>
                </a:cubicBezTo>
                <a:cubicBezTo>
                  <a:pt x="713" y="523"/>
                  <a:pt x="713" y="523"/>
                  <a:pt x="713" y="523"/>
                </a:cubicBezTo>
                <a:cubicBezTo>
                  <a:pt x="715" y="516"/>
                  <a:pt x="718" y="510"/>
                  <a:pt x="720" y="504"/>
                </a:cubicBezTo>
                <a:cubicBezTo>
                  <a:pt x="783" y="515"/>
                  <a:pt x="783" y="515"/>
                  <a:pt x="783" y="515"/>
                </a:cubicBezTo>
                <a:cubicBezTo>
                  <a:pt x="800" y="419"/>
                  <a:pt x="800" y="419"/>
                  <a:pt x="800" y="419"/>
                </a:cubicBezTo>
                <a:cubicBezTo>
                  <a:pt x="737" y="408"/>
                  <a:pt x="737" y="408"/>
                  <a:pt x="737" y="408"/>
                </a:cubicBezTo>
                <a:cubicBezTo>
                  <a:pt x="737" y="405"/>
                  <a:pt x="737" y="401"/>
                  <a:pt x="737" y="398"/>
                </a:cubicBezTo>
                <a:cubicBezTo>
                  <a:pt x="737" y="395"/>
                  <a:pt x="737" y="391"/>
                  <a:pt x="737" y="388"/>
                </a:cubicBezTo>
                <a:cubicBezTo>
                  <a:pt x="800" y="377"/>
                  <a:pt x="800" y="377"/>
                  <a:pt x="800" y="377"/>
                </a:cubicBezTo>
                <a:cubicBezTo>
                  <a:pt x="783" y="281"/>
                  <a:pt x="783" y="281"/>
                  <a:pt x="783" y="281"/>
                </a:cubicBezTo>
                <a:lnTo>
                  <a:pt x="720" y="292"/>
                </a:lnTo>
                <a:close/>
                <a:moveTo>
                  <a:pt x="674" y="398"/>
                </a:moveTo>
                <a:cubicBezTo>
                  <a:pt x="674" y="549"/>
                  <a:pt x="551" y="672"/>
                  <a:pt x="400" y="672"/>
                </a:cubicBezTo>
                <a:cubicBezTo>
                  <a:pt x="248" y="672"/>
                  <a:pt x="126" y="549"/>
                  <a:pt x="126" y="398"/>
                </a:cubicBezTo>
                <a:cubicBezTo>
                  <a:pt x="126" y="247"/>
                  <a:pt x="248" y="124"/>
                  <a:pt x="400" y="124"/>
                </a:cubicBezTo>
                <a:cubicBezTo>
                  <a:pt x="551" y="124"/>
                  <a:pt x="674" y="247"/>
                  <a:pt x="674" y="398"/>
                </a:cubicBezTo>
                <a:close/>
              </a:path>
            </a:pathLst>
          </a:cu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</a:endParaRPr>
          </a:p>
        </p:txBody>
      </p:sp>
      <p:grpSp>
        <p:nvGrpSpPr>
          <p:cNvPr id="93" name="组合 92"/>
          <p:cNvGrpSpPr/>
          <p:nvPr/>
        </p:nvGrpSpPr>
        <p:grpSpPr>
          <a:xfrm>
            <a:off x="4680586" y="5039181"/>
            <a:ext cx="1194702" cy="1818819"/>
            <a:chOff x="4681579" y="5027387"/>
            <a:chExt cx="1194702" cy="1818819"/>
          </a:xfrm>
        </p:grpSpPr>
        <p:sp>
          <p:nvSpPr>
            <p:cNvPr id="94" name="任意多边形 93"/>
            <p:cNvSpPr/>
            <p:nvPr/>
          </p:nvSpPr>
          <p:spPr>
            <a:xfrm>
              <a:off x="4681579" y="5027387"/>
              <a:ext cx="1194702" cy="1104142"/>
            </a:xfrm>
            <a:custGeom>
              <a:avLst/>
              <a:gdLst>
                <a:gd name="connsiteX0" fmla="*/ 440371 w 1183671"/>
                <a:gd name="connsiteY0" fmla="*/ 1023792 h 1023792"/>
                <a:gd name="connsiteX1" fmla="*/ 0 w 1183671"/>
                <a:gd name="connsiteY1" fmla="*/ 468420 h 1023792"/>
                <a:gd name="connsiteX2" fmla="*/ 196344 w 1183671"/>
                <a:gd name="connsiteY2" fmla="*/ 328175 h 1023792"/>
                <a:gd name="connsiteX3" fmla="*/ 302930 w 1183671"/>
                <a:gd name="connsiteY3" fmla="*/ 437566 h 1023792"/>
                <a:gd name="connsiteX4" fmla="*/ 305735 w 1183671"/>
                <a:gd name="connsiteY4" fmla="*/ 84148 h 1023792"/>
                <a:gd name="connsiteX5" fmla="*/ 485249 w 1183671"/>
                <a:gd name="connsiteY5" fmla="*/ 84148 h 1023792"/>
                <a:gd name="connsiteX6" fmla="*/ 485249 w 1183671"/>
                <a:gd name="connsiteY6" fmla="*/ 218783 h 1023792"/>
                <a:gd name="connsiteX7" fmla="*/ 516103 w 1183671"/>
                <a:gd name="connsiteY7" fmla="*/ 218783 h 1023792"/>
                <a:gd name="connsiteX8" fmla="*/ 516103 w 1183671"/>
                <a:gd name="connsiteY8" fmla="*/ 67318 h 1023792"/>
                <a:gd name="connsiteX9" fmla="*/ 706837 w 1183671"/>
                <a:gd name="connsiteY9" fmla="*/ 67318 h 1023792"/>
                <a:gd name="connsiteX10" fmla="*/ 718056 w 1183671"/>
                <a:gd name="connsiteY10" fmla="*/ 218783 h 1023792"/>
                <a:gd name="connsiteX11" fmla="*/ 737691 w 1183671"/>
                <a:gd name="connsiteY11" fmla="*/ 215978 h 1023792"/>
                <a:gd name="connsiteX12" fmla="*/ 737691 w 1183671"/>
                <a:gd name="connsiteY12" fmla="*/ 0 h 1023792"/>
                <a:gd name="connsiteX13" fmla="*/ 939644 w 1183671"/>
                <a:gd name="connsiteY13" fmla="*/ 0 h 1023792"/>
                <a:gd name="connsiteX14" fmla="*/ 939644 w 1183671"/>
                <a:gd name="connsiteY14" fmla="*/ 210369 h 1023792"/>
                <a:gd name="connsiteX15" fmla="*/ 990133 w 1183671"/>
                <a:gd name="connsiteY15" fmla="*/ 207564 h 1023792"/>
                <a:gd name="connsiteX16" fmla="*/ 990133 w 1183671"/>
                <a:gd name="connsiteY16" fmla="*/ 84148 h 1023792"/>
                <a:gd name="connsiteX17" fmla="*/ 1135988 w 1183671"/>
                <a:gd name="connsiteY17" fmla="*/ 84148 h 1023792"/>
                <a:gd name="connsiteX18" fmla="*/ 1150012 w 1183671"/>
                <a:gd name="connsiteY18" fmla="*/ 409517 h 1023792"/>
                <a:gd name="connsiteX19" fmla="*/ 1178061 w 1183671"/>
                <a:gd name="connsiteY19" fmla="*/ 429151 h 1023792"/>
                <a:gd name="connsiteX20" fmla="*/ 1183671 w 1183671"/>
                <a:gd name="connsiteY20" fmla="*/ 768545 h 1023792"/>
                <a:gd name="connsiteX21" fmla="*/ 1009767 w 1183671"/>
                <a:gd name="connsiteY21" fmla="*/ 973303 h 1023792"/>
                <a:gd name="connsiteX22" fmla="*/ 1009767 w 1183671"/>
                <a:gd name="connsiteY22" fmla="*/ 1015377 h 1023792"/>
                <a:gd name="connsiteX23" fmla="*/ 440371 w 1183671"/>
                <a:gd name="connsiteY23" fmla="*/ 1023792 h 1023792"/>
                <a:gd name="connsiteX0-1" fmla="*/ 445288 w 1188588"/>
                <a:gd name="connsiteY0-2" fmla="*/ 1023792 h 1023792"/>
                <a:gd name="connsiteX1-3" fmla="*/ 4917 w 1188588"/>
                <a:gd name="connsiteY1-4" fmla="*/ 468420 h 1023792"/>
                <a:gd name="connsiteX2-5" fmla="*/ 201261 w 1188588"/>
                <a:gd name="connsiteY2-6" fmla="*/ 328175 h 1023792"/>
                <a:gd name="connsiteX3-7" fmla="*/ 307847 w 1188588"/>
                <a:gd name="connsiteY3-8" fmla="*/ 437566 h 1023792"/>
                <a:gd name="connsiteX4-9" fmla="*/ 310652 w 1188588"/>
                <a:gd name="connsiteY4-10" fmla="*/ 84148 h 1023792"/>
                <a:gd name="connsiteX5-11" fmla="*/ 490166 w 1188588"/>
                <a:gd name="connsiteY5-12" fmla="*/ 84148 h 1023792"/>
                <a:gd name="connsiteX6-13" fmla="*/ 490166 w 1188588"/>
                <a:gd name="connsiteY6-14" fmla="*/ 218783 h 1023792"/>
                <a:gd name="connsiteX7-15" fmla="*/ 521020 w 1188588"/>
                <a:gd name="connsiteY7-16" fmla="*/ 218783 h 1023792"/>
                <a:gd name="connsiteX8-17" fmla="*/ 521020 w 1188588"/>
                <a:gd name="connsiteY8-18" fmla="*/ 67318 h 1023792"/>
                <a:gd name="connsiteX9-19" fmla="*/ 711754 w 1188588"/>
                <a:gd name="connsiteY9-20" fmla="*/ 67318 h 1023792"/>
                <a:gd name="connsiteX10-21" fmla="*/ 722973 w 1188588"/>
                <a:gd name="connsiteY10-22" fmla="*/ 218783 h 1023792"/>
                <a:gd name="connsiteX11-23" fmla="*/ 742608 w 1188588"/>
                <a:gd name="connsiteY11-24" fmla="*/ 215978 h 1023792"/>
                <a:gd name="connsiteX12-25" fmla="*/ 742608 w 1188588"/>
                <a:gd name="connsiteY12-26" fmla="*/ 0 h 1023792"/>
                <a:gd name="connsiteX13-27" fmla="*/ 944561 w 1188588"/>
                <a:gd name="connsiteY13-28" fmla="*/ 0 h 1023792"/>
                <a:gd name="connsiteX14-29" fmla="*/ 944561 w 1188588"/>
                <a:gd name="connsiteY14-30" fmla="*/ 210369 h 1023792"/>
                <a:gd name="connsiteX15-31" fmla="*/ 995050 w 1188588"/>
                <a:gd name="connsiteY15-32" fmla="*/ 207564 h 1023792"/>
                <a:gd name="connsiteX16-33" fmla="*/ 995050 w 1188588"/>
                <a:gd name="connsiteY16-34" fmla="*/ 84148 h 1023792"/>
                <a:gd name="connsiteX17-35" fmla="*/ 1140905 w 1188588"/>
                <a:gd name="connsiteY17-36" fmla="*/ 84148 h 1023792"/>
                <a:gd name="connsiteX18-37" fmla="*/ 1154929 w 1188588"/>
                <a:gd name="connsiteY18-38" fmla="*/ 409517 h 1023792"/>
                <a:gd name="connsiteX19-39" fmla="*/ 1182978 w 1188588"/>
                <a:gd name="connsiteY19-40" fmla="*/ 429151 h 1023792"/>
                <a:gd name="connsiteX20-41" fmla="*/ 1188588 w 1188588"/>
                <a:gd name="connsiteY20-42" fmla="*/ 768545 h 1023792"/>
                <a:gd name="connsiteX21-43" fmla="*/ 1014684 w 1188588"/>
                <a:gd name="connsiteY21-44" fmla="*/ 973303 h 1023792"/>
                <a:gd name="connsiteX22-45" fmla="*/ 1014684 w 1188588"/>
                <a:gd name="connsiteY22-46" fmla="*/ 1015377 h 1023792"/>
                <a:gd name="connsiteX23-47" fmla="*/ 445288 w 1188588"/>
                <a:gd name="connsiteY23-48" fmla="*/ 1023792 h 1023792"/>
                <a:gd name="connsiteX0-49" fmla="*/ 445357 w 1188657"/>
                <a:gd name="connsiteY0-50" fmla="*/ 1023792 h 1023792"/>
                <a:gd name="connsiteX1-51" fmla="*/ 4986 w 1188657"/>
                <a:gd name="connsiteY1-52" fmla="*/ 468420 h 1023792"/>
                <a:gd name="connsiteX2-53" fmla="*/ 201330 w 1188657"/>
                <a:gd name="connsiteY2-54" fmla="*/ 328175 h 1023792"/>
                <a:gd name="connsiteX3-55" fmla="*/ 307916 w 1188657"/>
                <a:gd name="connsiteY3-56" fmla="*/ 437566 h 1023792"/>
                <a:gd name="connsiteX4-57" fmla="*/ 310721 w 1188657"/>
                <a:gd name="connsiteY4-58" fmla="*/ 84148 h 1023792"/>
                <a:gd name="connsiteX5-59" fmla="*/ 490235 w 1188657"/>
                <a:gd name="connsiteY5-60" fmla="*/ 84148 h 1023792"/>
                <a:gd name="connsiteX6-61" fmla="*/ 490235 w 1188657"/>
                <a:gd name="connsiteY6-62" fmla="*/ 218783 h 1023792"/>
                <a:gd name="connsiteX7-63" fmla="*/ 521089 w 1188657"/>
                <a:gd name="connsiteY7-64" fmla="*/ 218783 h 1023792"/>
                <a:gd name="connsiteX8-65" fmla="*/ 521089 w 1188657"/>
                <a:gd name="connsiteY8-66" fmla="*/ 67318 h 1023792"/>
                <a:gd name="connsiteX9-67" fmla="*/ 711823 w 1188657"/>
                <a:gd name="connsiteY9-68" fmla="*/ 67318 h 1023792"/>
                <a:gd name="connsiteX10-69" fmla="*/ 723042 w 1188657"/>
                <a:gd name="connsiteY10-70" fmla="*/ 218783 h 1023792"/>
                <a:gd name="connsiteX11-71" fmla="*/ 742677 w 1188657"/>
                <a:gd name="connsiteY11-72" fmla="*/ 215978 h 1023792"/>
                <a:gd name="connsiteX12-73" fmla="*/ 742677 w 1188657"/>
                <a:gd name="connsiteY12-74" fmla="*/ 0 h 1023792"/>
                <a:gd name="connsiteX13-75" fmla="*/ 944630 w 1188657"/>
                <a:gd name="connsiteY13-76" fmla="*/ 0 h 1023792"/>
                <a:gd name="connsiteX14-77" fmla="*/ 944630 w 1188657"/>
                <a:gd name="connsiteY14-78" fmla="*/ 210369 h 1023792"/>
                <a:gd name="connsiteX15-79" fmla="*/ 995119 w 1188657"/>
                <a:gd name="connsiteY15-80" fmla="*/ 207564 h 1023792"/>
                <a:gd name="connsiteX16-81" fmla="*/ 995119 w 1188657"/>
                <a:gd name="connsiteY16-82" fmla="*/ 84148 h 1023792"/>
                <a:gd name="connsiteX17-83" fmla="*/ 1140974 w 1188657"/>
                <a:gd name="connsiteY17-84" fmla="*/ 84148 h 1023792"/>
                <a:gd name="connsiteX18-85" fmla="*/ 1154998 w 1188657"/>
                <a:gd name="connsiteY18-86" fmla="*/ 409517 h 1023792"/>
                <a:gd name="connsiteX19-87" fmla="*/ 1183047 w 1188657"/>
                <a:gd name="connsiteY19-88" fmla="*/ 429151 h 1023792"/>
                <a:gd name="connsiteX20-89" fmla="*/ 1188657 w 1188657"/>
                <a:gd name="connsiteY20-90" fmla="*/ 768545 h 1023792"/>
                <a:gd name="connsiteX21-91" fmla="*/ 1014753 w 1188657"/>
                <a:gd name="connsiteY21-92" fmla="*/ 973303 h 1023792"/>
                <a:gd name="connsiteX22-93" fmla="*/ 1014753 w 1188657"/>
                <a:gd name="connsiteY22-94" fmla="*/ 1015377 h 1023792"/>
                <a:gd name="connsiteX23-95" fmla="*/ 445357 w 1188657"/>
                <a:gd name="connsiteY23-96" fmla="*/ 1023792 h 1023792"/>
                <a:gd name="connsiteX0-97" fmla="*/ 451402 w 1194702"/>
                <a:gd name="connsiteY0-98" fmla="*/ 1023792 h 1023792"/>
                <a:gd name="connsiteX1-99" fmla="*/ 11031 w 1194702"/>
                <a:gd name="connsiteY1-100" fmla="*/ 468420 h 1023792"/>
                <a:gd name="connsiteX2-101" fmla="*/ 207375 w 1194702"/>
                <a:gd name="connsiteY2-102" fmla="*/ 328175 h 1023792"/>
                <a:gd name="connsiteX3-103" fmla="*/ 313961 w 1194702"/>
                <a:gd name="connsiteY3-104" fmla="*/ 437566 h 1023792"/>
                <a:gd name="connsiteX4-105" fmla="*/ 316766 w 1194702"/>
                <a:gd name="connsiteY4-106" fmla="*/ 84148 h 1023792"/>
                <a:gd name="connsiteX5-107" fmla="*/ 496280 w 1194702"/>
                <a:gd name="connsiteY5-108" fmla="*/ 84148 h 1023792"/>
                <a:gd name="connsiteX6-109" fmla="*/ 496280 w 1194702"/>
                <a:gd name="connsiteY6-110" fmla="*/ 218783 h 1023792"/>
                <a:gd name="connsiteX7-111" fmla="*/ 527134 w 1194702"/>
                <a:gd name="connsiteY7-112" fmla="*/ 218783 h 1023792"/>
                <a:gd name="connsiteX8-113" fmla="*/ 527134 w 1194702"/>
                <a:gd name="connsiteY8-114" fmla="*/ 67318 h 1023792"/>
                <a:gd name="connsiteX9-115" fmla="*/ 717868 w 1194702"/>
                <a:gd name="connsiteY9-116" fmla="*/ 67318 h 1023792"/>
                <a:gd name="connsiteX10-117" fmla="*/ 729087 w 1194702"/>
                <a:gd name="connsiteY10-118" fmla="*/ 218783 h 1023792"/>
                <a:gd name="connsiteX11-119" fmla="*/ 748722 w 1194702"/>
                <a:gd name="connsiteY11-120" fmla="*/ 215978 h 1023792"/>
                <a:gd name="connsiteX12-121" fmla="*/ 748722 w 1194702"/>
                <a:gd name="connsiteY12-122" fmla="*/ 0 h 1023792"/>
                <a:gd name="connsiteX13-123" fmla="*/ 950675 w 1194702"/>
                <a:gd name="connsiteY13-124" fmla="*/ 0 h 1023792"/>
                <a:gd name="connsiteX14-125" fmla="*/ 950675 w 1194702"/>
                <a:gd name="connsiteY14-126" fmla="*/ 210369 h 1023792"/>
                <a:gd name="connsiteX15-127" fmla="*/ 1001164 w 1194702"/>
                <a:gd name="connsiteY15-128" fmla="*/ 207564 h 1023792"/>
                <a:gd name="connsiteX16-129" fmla="*/ 1001164 w 1194702"/>
                <a:gd name="connsiteY16-130" fmla="*/ 84148 h 1023792"/>
                <a:gd name="connsiteX17-131" fmla="*/ 1147019 w 1194702"/>
                <a:gd name="connsiteY17-132" fmla="*/ 84148 h 1023792"/>
                <a:gd name="connsiteX18-133" fmla="*/ 1161043 w 1194702"/>
                <a:gd name="connsiteY18-134" fmla="*/ 409517 h 1023792"/>
                <a:gd name="connsiteX19-135" fmla="*/ 1189092 w 1194702"/>
                <a:gd name="connsiteY19-136" fmla="*/ 429151 h 1023792"/>
                <a:gd name="connsiteX20-137" fmla="*/ 1194702 w 1194702"/>
                <a:gd name="connsiteY20-138" fmla="*/ 768545 h 1023792"/>
                <a:gd name="connsiteX21-139" fmla="*/ 1020798 w 1194702"/>
                <a:gd name="connsiteY21-140" fmla="*/ 973303 h 1023792"/>
                <a:gd name="connsiteX22-141" fmla="*/ 1020798 w 1194702"/>
                <a:gd name="connsiteY22-142" fmla="*/ 1015377 h 1023792"/>
                <a:gd name="connsiteX23-143" fmla="*/ 451402 w 1194702"/>
                <a:gd name="connsiteY23-144" fmla="*/ 1023792 h 1023792"/>
                <a:gd name="connsiteX0-145" fmla="*/ 451402 w 1194702"/>
                <a:gd name="connsiteY0-146" fmla="*/ 1023792 h 1023792"/>
                <a:gd name="connsiteX1-147" fmla="*/ 11031 w 1194702"/>
                <a:gd name="connsiteY1-148" fmla="*/ 468420 h 1023792"/>
                <a:gd name="connsiteX2-149" fmla="*/ 207375 w 1194702"/>
                <a:gd name="connsiteY2-150" fmla="*/ 328175 h 1023792"/>
                <a:gd name="connsiteX3-151" fmla="*/ 313961 w 1194702"/>
                <a:gd name="connsiteY3-152" fmla="*/ 437566 h 1023792"/>
                <a:gd name="connsiteX4-153" fmla="*/ 316766 w 1194702"/>
                <a:gd name="connsiteY4-154" fmla="*/ 84148 h 1023792"/>
                <a:gd name="connsiteX5-155" fmla="*/ 496280 w 1194702"/>
                <a:gd name="connsiteY5-156" fmla="*/ 84148 h 1023792"/>
                <a:gd name="connsiteX6-157" fmla="*/ 496280 w 1194702"/>
                <a:gd name="connsiteY6-158" fmla="*/ 218783 h 1023792"/>
                <a:gd name="connsiteX7-159" fmla="*/ 527134 w 1194702"/>
                <a:gd name="connsiteY7-160" fmla="*/ 218783 h 1023792"/>
                <a:gd name="connsiteX8-161" fmla="*/ 527134 w 1194702"/>
                <a:gd name="connsiteY8-162" fmla="*/ 67318 h 1023792"/>
                <a:gd name="connsiteX9-163" fmla="*/ 717868 w 1194702"/>
                <a:gd name="connsiteY9-164" fmla="*/ 67318 h 1023792"/>
                <a:gd name="connsiteX10-165" fmla="*/ 729087 w 1194702"/>
                <a:gd name="connsiteY10-166" fmla="*/ 218783 h 1023792"/>
                <a:gd name="connsiteX11-167" fmla="*/ 748722 w 1194702"/>
                <a:gd name="connsiteY11-168" fmla="*/ 215978 h 1023792"/>
                <a:gd name="connsiteX12-169" fmla="*/ 748722 w 1194702"/>
                <a:gd name="connsiteY12-170" fmla="*/ 0 h 1023792"/>
                <a:gd name="connsiteX13-171" fmla="*/ 950675 w 1194702"/>
                <a:gd name="connsiteY13-172" fmla="*/ 0 h 1023792"/>
                <a:gd name="connsiteX14-173" fmla="*/ 950675 w 1194702"/>
                <a:gd name="connsiteY14-174" fmla="*/ 210369 h 1023792"/>
                <a:gd name="connsiteX15-175" fmla="*/ 1001164 w 1194702"/>
                <a:gd name="connsiteY15-176" fmla="*/ 207564 h 1023792"/>
                <a:gd name="connsiteX16-177" fmla="*/ 1001164 w 1194702"/>
                <a:gd name="connsiteY16-178" fmla="*/ 84148 h 1023792"/>
                <a:gd name="connsiteX17-179" fmla="*/ 1147019 w 1194702"/>
                <a:gd name="connsiteY17-180" fmla="*/ 84148 h 1023792"/>
                <a:gd name="connsiteX18-181" fmla="*/ 1161043 w 1194702"/>
                <a:gd name="connsiteY18-182" fmla="*/ 409517 h 1023792"/>
                <a:gd name="connsiteX19-183" fmla="*/ 1189092 w 1194702"/>
                <a:gd name="connsiteY19-184" fmla="*/ 429151 h 1023792"/>
                <a:gd name="connsiteX20-185" fmla="*/ 1194702 w 1194702"/>
                <a:gd name="connsiteY20-186" fmla="*/ 768545 h 1023792"/>
                <a:gd name="connsiteX21-187" fmla="*/ 1020798 w 1194702"/>
                <a:gd name="connsiteY21-188" fmla="*/ 973303 h 1023792"/>
                <a:gd name="connsiteX22-189" fmla="*/ 1020798 w 1194702"/>
                <a:gd name="connsiteY22-190" fmla="*/ 1015377 h 1023792"/>
                <a:gd name="connsiteX23-191" fmla="*/ 451402 w 1194702"/>
                <a:gd name="connsiteY23-192" fmla="*/ 1023792 h 1023792"/>
                <a:gd name="connsiteX0-193" fmla="*/ 451402 w 1194702"/>
                <a:gd name="connsiteY0-194" fmla="*/ 1037938 h 1037938"/>
                <a:gd name="connsiteX1-195" fmla="*/ 11031 w 1194702"/>
                <a:gd name="connsiteY1-196" fmla="*/ 482566 h 1037938"/>
                <a:gd name="connsiteX2-197" fmla="*/ 207375 w 1194702"/>
                <a:gd name="connsiteY2-198" fmla="*/ 342321 h 1037938"/>
                <a:gd name="connsiteX3-199" fmla="*/ 313961 w 1194702"/>
                <a:gd name="connsiteY3-200" fmla="*/ 451712 h 1037938"/>
                <a:gd name="connsiteX4-201" fmla="*/ 316766 w 1194702"/>
                <a:gd name="connsiteY4-202" fmla="*/ 98294 h 1037938"/>
                <a:gd name="connsiteX5-203" fmla="*/ 496280 w 1194702"/>
                <a:gd name="connsiteY5-204" fmla="*/ 98294 h 1037938"/>
                <a:gd name="connsiteX6-205" fmla="*/ 496280 w 1194702"/>
                <a:gd name="connsiteY6-206" fmla="*/ 232929 h 1037938"/>
                <a:gd name="connsiteX7-207" fmla="*/ 527134 w 1194702"/>
                <a:gd name="connsiteY7-208" fmla="*/ 232929 h 1037938"/>
                <a:gd name="connsiteX8-209" fmla="*/ 527134 w 1194702"/>
                <a:gd name="connsiteY8-210" fmla="*/ 81464 h 1037938"/>
                <a:gd name="connsiteX9-211" fmla="*/ 717868 w 1194702"/>
                <a:gd name="connsiteY9-212" fmla="*/ 81464 h 1037938"/>
                <a:gd name="connsiteX10-213" fmla="*/ 729087 w 1194702"/>
                <a:gd name="connsiteY10-214" fmla="*/ 232929 h 1037938"/>
                <a:gd name="connsiteX11-215" fmla="*/ 748722 w 1194702"/>
                <a:gd name="connsiteY11-216" fmla="*/ 230124 h 1037938"/>
                <a:gd name="connsiteX12-217" fmla="*/ 748722 w 1194702"/>
                <a:gd name="connsiteY12-218" fmla="*/ 14146 h 1037938"/>
                <a:gd name="connsiteX13-219" fmla="*/ 950675 w 1194702"/>
                <a:gd name="connsiteY13-220" fmla="*/ 14146 h 1037938"/>
                <a:gd name="connsiteX14-221" fmla="*/ 950675 w 1194702"/>
                <a:gd name="connsiteY14-222" fmla="*/ 224515 h 1037938"/>
                <a:gd name="connsiteX15-223" fmla="*/ 1001164 w 1194702"/>
                <a:gd name="connsiteY15-224" fmla="*/ 221710 h 1037938"/>
                <a:gd name="connsiteX16-225" fmla="*/ 1001164 w 1194702"/>
                <a:gd name="connsiteY16-226" fmla="*/ 98294 h 1037938"/>
                <a:gd name="connsiteX17-227" fmla="*/ 1147019 w 1194702"/>
                <a:gd name="connsiteY17-228" fmla="*/ 98294 h 1037938"/>
                <a:gd name="connsiteX18-229" fmla="*/ 1161043 w 1194702"/>
                <a:gd name="connsiteY18-230" fmla="*/ 423663 h 1037938"/>
                <a:gd name="connsiteX19-231" fmla="*/ 1189092 w 1194702"/>
                <a:gd name="connsiteY19-232" fmla="*/ 443297 h 1037938"/>
                <a:gd name="connsiteX20-233" fmla="*/ 1194702 w 1194702"/>
                <a:gd name="connsiteY20-234" fmla="*/ 782691 h 1037938"/>
                <a:gd name="connsiteX21-235" fmla="*/ 1020798 w 1194702"/>
                <a:gd name="connsiteY21-236" fmla="*/ 987449 h 1037938"/>
                <a:gd name="connsiteX22-237" fmla="*/ 1020798 w 1194702"/>
                <a:gd name="connsiteY22-238" fmla="*/ 1029523 h 1037938"/>
                <a:gd name="connsiteX23-239" fmla="*/ 451402 w 1194702"/>
                <a:gd name="connsiteY23-240" fmla="*/ 1037938 h 1037938"/>
                <a:gd name="connsiteX0-241" fmla="*/ 451402 w 1194702"/>
                <a:gd name="connsiteY0-242" fmla="*/ 1064930 h 1064930"/>
                <a:gd name="connsiteX1-243" fmla="*/ 11031 w 1194702"/>
                <a:gd name="connsiteY1-244" fmla="*/ 509558 h 1064930"/>
                <a:gd name="connsiteX2-245" fmla="*/ 207375 w 1194702"/>
                <a:gd name="connsiteY2-246" fmla="*/ 369313 h 1064930"/>
                <a:gd name="connsiteX3-247" fmla="*/ 313961 w 1194702"/>
                <a:gd name="connsiteY3-248" fmla="*/ 478704 h 1064930"/>
                <a:gd name="connsiteX4-249" fmla="*/ 316766 w 1194702"/>
                <a:gd name="connsiteY4-250" fmla="*/ 125286 h 1064930"/>
                <a:gd name="connsiteX5-251" fmla="*/ 496280 w 1194702"/>
                <a:gd name="connsiteY5-252" fmla="*/ 125286 h 1064930"/>
                <a:gd name="connsiteX6-253" fmla="*/ 496280 w 1194702"/>
                <a:gd name="connsiteY6-254" fmla="*/ 259921 h 1064930"/>
                <a:gd name="connsiteX7-255" fmla="*/ 527134 w 1194702"/>
                <a:gd name="connsiteY7-256" fmla="*/ 259921 h 1064930"/>
                <a:gd name="connsiteX8-257" fmla="*/ 527134 w 1194702"/>
                <a:gd name="connsiteY8-258" fmla="*/ 108456 h 1064930"/>
                <a:gd name="connsiteX9-259" fmla="*/ 717868 w 1194702"/>
                <a:gd name="connsiteY9-260" fmla="*/ 108456 h 1064930"/>
                <a:gd name="connsiteX10-261" fmla="*/ 729087 w 1194702"/>
                <a:gd name="connsiteY10-262" fmla="*/ 259921 h 1064930"/>
                <a:gd name="connsiteX11-263" fmla="*/ 748722 w 1194702"/>
                <a:gd name="connsiteY11-264" fmla="*/ 257116 h 1064930"/>
                <a:gd name="connsiteX12-265" fmla="*/ 748722 w 1194702"/>
                <a:gd name="connsiteY12-266" fmla="*/ 41138 h 1064930"/>
                <a:gd name="connsiteX13-267" fmla="*/ 950675 w 1194702"/>
                <a:gd name="connsiteY13-268" fmla="*/ 41138 h 1064930"/>
                <a:gd name="connsiteX14-269" fmla="*/ 950675 w 1194702"/>
                <a:gd name="connsiteY14-270" fmla="*/ 251507 h 1064930"/>
                <a:gd name="connsiteX15-271" fmla="*/ 1001164 w 1194702"/>
                <a:gd name="connsiteY15-272" fmla="*/ 248702 h 1064930"/>
                <a:gd name="connsiteX16-273" fmla="*/ 1001164 w 1194702"/>
                <a:gd name="connsiteY16-274" fmla="*/ 125286 h 1064930"/>
                <a:gd name="connsiteX17-275" fmla="*/ 1147019 w 1194702"/>
                <a:gd name="connsiteY17-276" fmla="*/ 125286 h 1064930"/>
                <a:gd name="connsiteX18-277" fmla="*/ 1161043 w 1194702"/>
                <a:gd name="connsiteY18-278" fmla="*/ 450655 h 1064930"/>
                <a:gd name="connsiteX19-279" fmla="*/ 1189092 w 1194702"/>
                <a:gd name="connsiteY19-280" fmla="*/ 470289 h 1064930"/>
                <a:gd name="connsiteX20-281" fmla="*/ 1194702 w 1194702"/>
                <a:gd name="connsiteY20-282" fmla="*/ 809683 h 1064930"/>
                <a:gd name="connsiteX21-283" fmla="*/ 1020798 w 1194702"/>
                <a:gd name="connsiteY21-284" fmla="*/ 1014441 h 1064930"/>
                <a:gd name="connsiteX22-285" fmla="*/ 1020798 w 1194702"/>
                <a:gd name="connsiteY22-286" fmla="*/ 1056515 h 1064930"/>
                <a:gd name="connsiteX23-287" fmla="*/ 451402 w 1194702"/>
                <a:gd name="connsiteY23-288" fmla="*/ 1064930 h 1064930"/>
                <a:gd name="connsiteX0-289" fmla="*/ 451402 w 1194702"/>
                <a:gd name="connsiteY0-290" fmla="*/ 1110486 h 1110486"/>
                <a:gd name="connsiteX1-291" fmla="*/ 11031 w 1194702"/>
                <a:gd name="connsiteY1-292" fmla="*/ 555114 h 1110486"/>
                <a:gd name="connsiteX2-293" fmla="*/ 207375 w 1194702"/>
                <a:gd name="connsiteY2-294" fmla="*/ 414869 h 1110486"/>
                <a:gd name="connsiteX3-295" fmla="*/ 313961 w 1194702"/>
                <a:gd name="connsiteY3-296" fmla="*/ 524260 h 1110486"/>
                <a:gd name="connsiteX4-297" fmla="*/ 316766 w 1194702"/>
                <a:gd name="connsiteY4-298" fmla="*/ 170842 h 1110486"/>
                <a:gd name="connsiteX5-299" fmla="*/ 496280 w 1194702"/>
                <a:gd name="connsiteY5-300" fmla="*/ 170842 h 1110486"/>
                <a:gd name="connsiteX6-301" fmla="*/ 496280 w 1194702"/>
                <a:gd name="connsiteY6-302" fmla="*/ 305477 h 1110486"/>
                <a:gd name="connsiteX7-303" fmla="*/ 527134 w 1194702"/>
                <a:gd name="connsiteY7-304" fmla="*/ 305477 h 1110486"/>
                <a:gd name="connsiteX8-305" fmla="*/ 527134 w 1194702"/>
                <a:gd name="connsiteY8-306" fmla="*/ 154012 h 1110486"/>
                <a:gd name="connsiteX9-307" fmla="*/ 717868 w 1194702"/>
                <a:gd name="connsiteY9-308" fmla="*/ 154012 h 1110486"/>
                <a:gd name="connsiteX10-309" fmla="*/ 729087 w 1194702"/>
                <a:gd name="connsiteY10-310" fmla="*/ 305477 h 1110486"/>
                <a:gd name="connsiteX11-311" fmla="*/ 748722 w 1194702"/>
                <a:gd name="connsiteY11-312" fmla="*/ 302672 h 1110486"/>
                <a:gd name="connsiteX12-313" fmla="*/ 748722 w 1194702"/>
                <a:gd name="connsiteY12-314" fmla="*/ 86694 h 1110486"/>
                <a:gd name="connsiteX13-315" fmla="*/ 950675 w 1194702"/>
                <a:gd name="connsiteY13-316" fmla="*/ 86694 h 1110486"/>
                <a:gd name="connsiteX14-317" fmla="*/ 950675 w 1194702"/>
                <a:gd name="connsiteY14-318" fmla="*/ 297063 h 1110486"/>
                <a:gd name="connsiteX15-319" fmla="*/ 1001164 w 1194702"/>
                <a:gd name="connsiteY15-320" fmla="*/ 294258 h 1110486"/>
                <a:gd name="connsiteX16-321" fmla="*/ 1001164 w 1194702"/>
                <a:gd name="connsiteY16-322" fmla="*/ 170842 h 1110486"/>
                <a:gd name="connsiteX17-323" fmla="*/ 1147019 w 1194702"/>
                <a:gd name="connsiteY17-324" fmla="*/ 170842 h 1110486"/>
                <a:gd name="connsiteX18-325" fmla="*/ 1161043 w 1194702"/>
                <a:gd name="connsiteY18-326" fmla="*/ 496211 h 1110486"/>
                <a:gd name="connsiteX19-327" fmla="*/ 1189092 w 1194702"/>
                <a:gd name="connsiteY19-328" fmla="*/ 515845 h 1110486"/>
                <a:gd name="connsiteX20-329" fmla="*/ 1194702 w 1194702"/>
                <a:gd name="connsiteY20-330" fmla="*/ 855239 h 1110486"/>
                <a:gd name="connsiteX21-331" fmla="*/ 1020798 w 1194702"/>
                <a:gd name="connsiteY21-332" fmla="*/ 1059997 h 1110486"/>
                <a:gd name="connsiteX22-333" fmla="*/ 1020798 w 1194702"/>
                <a:gd name="connsiteY22-334" fmla="*/ 1102071 h 1110486"/>
                <a:gd name="connsiteX23-335" fmla="*/ 451402 w 1194702"/>
                <a:gd name="connsiteY23-336" fmla="*/ 1110486 h 1110486"/>
                <a:gd name="connsiteX0-337" fmla="*/ 451402 w 1194702"/>
                <a:gd name="connsiteY0-338" fmla="*/ 1124506 h 1124506"/>
                <a:gd name="connsiteX1-339" fmla="*/ 11031 w 1194702"/>
                <a:gd name="connsiteY1-340" fmla="*/ 569134 h 1124506"/>
                <a:gd name="connsiteX2-341" fmla="*/ 207375 w 1194702"/>
                <a:gd name="connsiteY2-342" fmla="*/ 428889 h 1124506"/>
                <a:gd name="connsiteX3-343" fmla="*/ 313961 w 1194702"/>
                <a:gd name="connsiteY3-344" fmla="*/ 538280 h 1124506"/>
                <a:gd name="connsiteX4-345" fmla="*/ 316766 w 1194702"/>
                <a:gd name="connsiteY4-346" fmla="*/ 184862 h 1124506"/>
                <a:gd name="connsiteX5-347" fmla="*/ 496280 w 1194702"/>
                <a:gd name="connsiteY5-348" fmla="*/ 184862 h 1124506"/>
                <a:gd name="connsiteX6-349" fmla="*/ 496280 w 1194702"/>
                <a:gd name="connsiteY6-350" fmla="*/ 319497 h 1124506"/>
                <a:gd name="connsiteX7-351" fmla="*/ 527134 w 1194702"/>
                <a:gd name="connsiteY7-352" fmla="*/ 319497 h 1124506"/>
                <a:gd name="connsiteX8-353" fmla="*/ 527134 w 1194702"/>
                <a:gd name="connsiteY8-354" fmla="*/ 168032 h 1124506"/>
                <a:gd name="connsiteX9-355" fmla="*/ 723478 w 1194702"/>
                <a:gd name="connsiteY9-356" fmla="*/ 137178 h 1124506"/>
                <a:gd name="connsiteX10-357" fmla="*/ 729087 w 1194702"/>
                <a:gd name="connsiteY10-358" fmla="*/ 319497 h 1124506"/>
                <a:gd name="connsiteX11-359" fmla="*/ 748722 w 1194702"/>
                <a:gd name="connsiteY11-360" fmla="*/ 316692 h 1124506"/>
                <a:gd name="connsiteX12-361" fmla="*/ 748722 w 1194702"/>
                <a:gd name="connsiteY12-362" fmla="*/ 100714 h 1124506"/>
                <a:gd name="connsiteX13-363" fmla="*/ 950675 w 1194702"/>
                <a:gd name="connsiteY13-364" fmla="*/ 100714 h 1124506"/>
                <a:gd name="connsiteX14-365" fmla="*/ 950675 w 1194702"/>
                <a:gd name="connsiteY14-366" fmla="*/ 311083 h 1124506"/>
                <a:gd name="connsiteX15-367" fmla="*/ 1001164 w 1194702"/>
                <a:gd name="connsiteY15-368" fmla="*/ 308278 h 1124506"/>
                <a:gd name="connsiteX16-369" fmla="*/ 1001164 w 1194702"/>
                <a:gd name="connsiteY16-370" fmla="*/ 184862 h 1124506"/>
                <a:gd name="connsiteX17-371" fmla="*/ 1147019 w 1194702"/>
                <a:gd name="connsiteY17-372" fmla="*/ 184862 h 1124506"/>
                <a:gd name="connsiteX18-373" fmla="*/ 1161043 w 1194702"/>
                <a:gd name="connsiteY18-374" fmla="*/ 510231 h 1124506"/>
                <a:gd name="connsiteX19-375" fmla="*/ 1189092 w 1194702"/>
                <a:gd name="connsiteY19-376" fmla="*/ 529865 h 1124506"/>
                <a:gd name="connsiteX20-377" fmla="*/ 1194702 w 1194702"/>
                <a:gd name="connsiteY20-378" fmla="*/ 869259 h 1124506"/>
                <a:gd name="connsiteX21-379" fmla="*/ 1020798 w 1194702"/>
                <a:gd name="connsiteY21-380" fmla="*/ 1074017 h 1124506"/>
                <a:gd name="connsiteX22-381" fmla="*/ 1020798 w 1194702"/>
                <a:gd name="connsiteY22-382" fmla="*/ 1116091 h 1124506"/>
                <a:gd name="connsiteX23-383" fmla="*/ 451402 w 1194702"/>
                <a:gd name="connsiteY23-384" fmla="*/ 1124506 h 1124506"/>
                <a:gd name="connsiteX0-385" fmla="*/ 451402 w 1194702"/>
                <a:gd name="connsiteY0-386" fmla="*/ 1141340 h 1141340"/>
                <a:gd name="connsiteX1-387" fmla="*/ 11031 w 1194702"/>
                <a:gd name="connsiteY1-388" fmla="*/ 585968 h 1141340"/>
                <a:gd name="connsiteX2-389" fmla="*/ 207375 w 1194702"/>
                <a:gd name="connsiteY2-390" fmla="*/ 445723 h 1141340"/>
                <a:gd name="connsiteX3-391" fmla="*/ 313961 w 1194702"/>
                <a:gd name="connsiteY3-392" fmla="*/ 555114 h 1141340"/>
                <a:gd name="connsiteX4-393" fmla="*/ 316766 w 1194702"/>
                <a:gd name="connsiteY4-394" fmla="*/ 201696 h 1141340"/>
                <a:gd name="connsiteX5-395" fmla="*/ 496280 w 1194702"/>
                <a:gd name="connsiteY5-396" fmla="*/ 201696 h 1141340"/>
                <a:gd name="connsiteX6-397" fmla="*/ 496280 w 1194702"/>
                <a:gd name="connsiteY6-398" fmla="*/ 336331 h 1141340"/>
                <a:gd name="connsiteX7-399" fmla="*/ 527134 w 1194702"/>
                <a:gd name="connsiteY7-400" fmla="*/ 336331 h 1141340"/>
                <a:gd name="connsiteX8-401" fmla="*/ 524329 w 1194702"/>
                <a:gd name="connsiteY8-402" fmla="*/ 154012 h 1141340"/>
                <a:gd name="connsiteX9-403" fmla="*/ 723478 w 1194702"/>
                <a:gd name="connsiteY9-404" fmla="*/ 154012 h 1141340"/>
                <a:gd name="connsiteX10-405" fmla="*/ 729087 w 1194702"/>
                <a:gd name="connsiteY10-406" fmla="*/ 336331 h 1141340"/>
                <a:gd name="connsiteX11-407" fmla="*/ 748722 w 1194702"/>
                <a:gd name="connsiteY11-408" fmla="*/ 333526 h 1141340"/>
                <a:gd name="connsiteX12-409" fmla="*/ 748722 w 1194702"/>
                <a:gd name="connsiteY12-410" fmla="*/ 117548 h 1141340"/>
                <a:gd name="connsiteX13-411" fmla="*/ 950675 w 1194702"/>
                <a:gd name="connsiteY13-412" fmla="*/ 117548 h 1141340"/>
                <a:gd name="connsiteX14-413" fmla="*/ 950675 w 1194702"/>
                <a:gd name="connsiteY14-414" fmla="*/ 327917 h 1141340"/>
                <a:gd name="connsiteX15-415" fmla="*/ 1001164 w 1194702"/>
                <a:gd name="connsiteY15-416" fmla="*/ 325112 h 1141340"/>
                <a:gd name="connsiteX16-417" fmla="*/ 1001164 w 1194702"/>
                <a:gd name="connsiteY16-418" fmla="*/ 201696 h 1141340"/>
                <a:gd name="connsiteX17-419" fmla="*/ 1147019 w 1194702"/>
                <a:gd name="connsiteY17-420" fmla="*/ 201696 h 1141340"/>
                <a:gd name="connsiteX18-421" fmla="*/ 1161043 w 1194702"/>
                <a:gd name="connsiteY18-422" fmla="*/ 527065 h 1141340"/>
                <a:gd name="connsiteX19-423" fmla="*/ 1189092 w 1194702"/>
                <a:gd name="connsiteY19-424" fmla="*/ 546699 h 1141340"/>
                <a:gd name="connsiteX20-425" fmla="*/ 1194702 w 1194702"/>
                <a:gd name="connsiteY20-426" fmla="*/ 886093 h 1141340"/>
                <a:gd name="connsiteX21-427" fmla="*/ 1020798 w 1194702"/>
                <a:gd name="connsiteY21-428" fmla="*/ 1090851 h 1141340"/>
                <a:gd name="connsiteX22-429" fmla="*/ 1020798 w 1194702"/>
                <a:gd name="connsiteY22-430" fmla="*/ 1132925 h 1141340"/>
                <a:gd name="connsiteX23-431" fmla="*/ 451402 w 1194702"/>
                <a:gd name="connsiteY23-432" fmla="*/ 1141340 h 1141340"/>
                <a:gd name="connsiteX0-433" fmla="*/ 451402 w 1194702"/>
                <a:gd name="connsiteY0-434" fmla="*/ 1104142 h 1104142"/>
                <a:gd name="connsiteX1-435" fmla="*/ 11031 w 1194702"/>
                <a:gd name="connsiteY1-436" fmla="*/ 548770 h 1104142"/>
                <a:gd name="connsiteX2-437" fmla="*/ 207375 w 1194702"/>
                <a:gd name="connsiteY2-438" fmla="*/ 408525 h 1104142"/>
                <a:gd name="connsiteX3-439" fmla="*/ 313961 w 1194702"/>
                <a:gd name="connsiteY3-440" fmla="*/ 517916 h 1104142"/>
                <a:gd name="connsiteX4-441" fmla="*/ 316766 w 1194702"/>
                <a:gd name="connsiteY4-442" fmla="*/ 164498 h 1104142"/>
                <a:gd name="connsiteX5-443" fmla="*/ 496280 w 1194702"/>
                <a:gd name="connsiteY5-444" fmla="*/ 164498 h 1104142"/>
                <a:gd name="connsiteX6-445" fmla="*/ 496280 w 1194702"/>
                <a:gd name="connsiteY6-446" fmla="*/ 299133 h 1104142"/>
                <a:gd name="connsiteX7-447" fmla="*/ 527134 w 1194702"/>
                <a:gd name="connsiteY7-448" fmla="*/ 299133 h 1104142"/>
                <a:gd name="connsiteX8-449" fmla="*/ 524329 w 1194702"/>
                <a:gd name="connsiteY8-450" fmla="*/ 116814 h 1104142"/>
                <a:gd name="connsiteX9-451" fmla="*/ 723478 w 1194702"/>
                <a:gd name="connsiteY9-452" fmla="*/ 116814 h 1104142"/>
                <a:gd name="connsiteX10-453" fmla="*/ 729087 w 1194702"/>
                <a:gd name="connsiteY10-454" fmla="*/ 299133 h 1104142"/>
                <a:gd name="connsiteX11-455" fmla="*/ 748722 w 1194702"/>
                <a:gd name="connsiteY11-456" fmla="*/ 296328 h 1104142"/>
                <a:gd name="connsiteX12-457" fmla="*/ 748722 w 1194702"/>
                <a:gd name="connsiteY12-458" fmla="*/ 80350 h 1104142"/>
                <a:gd name="connsiteX13-459" fmla="*/ 950675 w 1194702"/>
                <a:gd name="connsiteY13-460" fmla="*/ 80350 h 1104142"/>
                <a:gd name="connsiteX14-461" fmla="*/ 950675 w 1194702"/>
                <a:gd name="connsiteY14-462" fmla="*/ 290719 h 1104142"/>
                <a:gd name="connsiteX15-463" fmla="*/ 1001164 w 1194702"/>
                <a:gd name="connsiteY15-464" fmla="*/ 287914 h 1104142"/>
                <a:gd name="connsiteX16-465" fmla="*/ 1001164 w 1194702"/>
                <a:gd name="connsiteY16-466" fmla="*/ 164498 h 1104142"/>
                <a:gd name="connsiteX17-467" fmla="*/ 1147019 w 1194702"/>
                <a:gd name="connsiteY17-468" fmla="*/ 164498 h 1104142"/>
                <a:gd name="connsiteX18-469" fmla="*/ 1161043 w 1194702"/>
                <a:gd name="connsiteY18-470" fmla="*/ 489867 h 1104142"/>
                <a:gd name="connsiteX19-471" fmla="*/ 1189092 w 1194702"/>
                <a:gd name="connsiteY19-472" fmla="*/ 509501 h 1104142"/>
                <a:gd name="connsiteX20-473" fmla="*/ 1194702 w 1194702"/>
                <a:gd name="connsiteY20-474" fmla="*/ 848895 h 1104142"/>
                <a:gd name="connsiteX21-475" fmla="*/ 1020798 w 1194702"/>
                <a:gd name="connsiteY21-476" fmla="*/ 1053653 h 1104142"/>
                <a:gd name="connsiteX22-477" fmla="*/ 1020798 w 1194702"/>
                <a:gd name="connsiteY22-478" fmla="*/ 1095727 h 1104142"/>
                <a:gd name="connsiteX23-479" fmla="*/ 451402 w 1194702"/>
                <a:gd name="connsiteY23-480" fmla="*/ 1104142 h 1104142"/>
                <a:gd name="connsiteX0-481" fmla="*/ 451402 w 1194702"/>
                <a:gd name="connsiteY0-482" fmla="*/ 1104142 h 1104142"/>
                <a:gd name="connsiteX1-483" fmla="*/ 11031 w 1194702"/>
                <a:gd name="connsiteY1-484" fmla="*/ 548770 h 1104142"/>
                <a:gd name="connsiteX2-485" fmla="*/ 207375 w 1194702"/>
                <a:gd name="connsiteY2-486" fmla="*/ 408525 h 1104142"/>
                <a:gd name="connsiteX3-487" fmla="*/ 313961 w 1194702"/>
                <a:gd name="connsiteY3-488" fmla="*/ 517916 h 1104142"/>
                <a:gd name="connsiteX4-489" fmla="*/ 316766 w 1194702"/>
                <a:gd name="connsiteY4-490" fmla="*/ 164498 h 1104142"/>
                <a:gd name="connsiteX5-491" fmla="*/ 496280 w 1194702"/>
                <a:gd name="connsiteY5-492" fmla="*/ 164498 h 1104142"/>
                <a:gd name="connsiteX6-493" fmla="*/ 496280 w 1194702"/>
                <a:gd name="connsiteY6-494" fmla="*/ 299133 h 1104142"/>
                <a:gd name="connsiteX7-495" fmla="*/ 527134 w 1194702"/>
                <a:gd name="connsiteY7-496" fmla="*/ 299133 h 1104142"/>
                <a:gd name="connsiteX8-497" fmla="*/ 524329 w 1194702"/>
                <a:gd name="connsiteY8-498" fmla="*/ 116814 h 1104142"/>
                <a:gd name="connsiteX9-499" fmla="*/ 723478 w 1194702"/>
                <a:gd name="connsiteY9-500" fmla="*/ 116814 h 1104142"/>
                <a:gd name="connsiteX10-501" fmla="*/ 729087 w 1194702"/>
                <a:gd name="connsiteY10-502" fmla="*/ 299133 h 1104142"/>
                <a:gd name="connsiteX11-503" fmla="*/ 748722 w 1194702"/>
                <a:gd name="connsiteY11-504" fmla="*/ 296328 h 1104142"/>
                <a:gd name="connsiteX12-505" fmla="*/ 748722 w 1194702"/>
                <a:gd name="connsiteY12-506" fmla="*/ 80350 h 1104142"/>
                <a:gd name="connsiteX13-507" fmla="*/ 950675 w 1194702"/>
                <a:gd name="connsiteY13-508" fmla="*/ 80350 h 1104142"/>
                <a:gd name="connsiteX14-509" fmla="*/ 950675 w 1194702"/>
                <a:gd name="connsiteY14-510" fmla="*/ 290719 h 1104142"/>
                <a:gd name="connsiteX15-511" fmla="*/ 1001164 w 1194702"/>
                <a:gd name="connsiteY15-512" fmla="*/ 287914 h 1104142"/>
                <a:gd name="connsiteX16-513" fmla="*/ 1001164 w 1194702"/>
                <a:gd name="connsiteY16-514" fmla="*/ 164498 h 1104142"/>
                <a:gd name="connsiteX17-515" fmla="*/ 1147019 w 1194702"/>
                <a:gd name="connsiteY17-516" fmla="*/ 164498 h 1104142"/>
                <a:gd name="connsiteX18-517" fmla="*/ 1161043 w 1194702"/>
                <a:gd name="connsiteY18-518" fmla="*/ 489867 h 1104142"/>
                <a:gd name="connsiteX19-519" fmla="*/ 1189092 w 1194702"/>
                <a:gd name="connsiteY19-520" fmla="*/ 509501 h 1104142"/>
                <a:gd name="connsiteX20-521" fmla="*/ 1194702 w 1194702"/>
                <a:gd name="connsiteY20-522" fmla="*/ 848895 h 1104142"/>
                <a:gd name="connsiteX21-523" fmla="*/ 1020798 w 1194702"/>
                <a:gd name="connsiteY21-524" fmla="*/ 1053653 h 1104142"/>
                <a:gd name="connsiteX22-525" fmla="*/ 1020798 w 1194702"/>
                <a:gd name="connsiteY22-526" fmla="*/ 1095727 h 1104142"/>
                <a:gd name="connsiteX23-527" fmla="*/ 451402 w 1194702"/>
                <a:gd name="connsiteY23-528" fmla="*/ 1104142 h 1104142"/>
                <a:gd name="connsiteX0-529" fmla="*/ 451402 w 1194702"/>
                <a:gd name="connsiteY0-530" fmla="*/ 1104142 h 1104142"/>
                <a:gd name="connsiteX1-531" fmla="*/ 11031 w 1194702"/>
                <a:gd name="connsiteY1-532" fmla="*/ 548770 h 1104142"/>
                <a:gd name="connsiteX2-533" fmla="*/ 207375 w 1194702"/>
                <a:gd name="connsiteY2-534" fmla="*/ 408525 h 1104142"/>
                <a:gd name="connsiteX3-535" fmla="*/ 313961 w 1194702"/>
                <a:gd name="connsiteY3-536" fmla="*/ 517916 h 1104142"/>
                <a:gd name="connsiteX4-537" fmla="*/ 316766 w 1194702"/>
                <a:gd name="connsiteY4-538" fmla="*/ 164498 h 1104142"/>
                <a:gd name="connsiteX5-539" fmla="*/ 496280 w 1194702"/>
                <a:gd name="connsiteY5-540" fmla="*/ 164498 h 1104142"/>
                <a:gd name="connsiteX6-541" fmla="*/ 496280 w 1194702"/>
                <a:gd name="connsiteY6-542" fmla="*/ 299133 h 1104142"/>
                <a:gd name="connsiteX7-543" fmla="*/ 527134 w 1194702"/>
                <a:gd name="connsiteY7-544" fmla="*/ 299133 h 1104142"/>
                <a:gd name="connsiteX8-545" fmla="*/ 524329 w 1194702"/>
                <a:gd name="connsiteY8-546" fmla="*/ 116814 h 1104142"/>
                <a:gd name="connsiteX9-547" fmla="*/ 723478 w 1194702"/>
                <a:gd name="connsiteY9-548" fmla="*/ 116814 h 1104142"/>
                <a:gd name="connsiteX10-549" fmla="*/ 729087 w 1194702"/>
                <a:gd name="connsiteY10-550" fmla="*/ 299133 h 1104142"/>
                <a:gd name="connsiteX11-551" fmla="*/ 748722 w 1194702"/>
                <a:gd name="connsiteY11-552" fmla="*/ 296328 h 1104142"/>
                <a:gd name="connsiteX12-553" fmla="*/ 748722 w 1194702"/>
                <a:gd name="connsiteY12-554" fmla="*/ 80350 h 1104142"/>
                <a:gd name="connsiteX13-555" fmla="*/ 950675 w 1194702"/>
                <a:gd name="connsiteY13-556" fmla="*/ 80350 h 1104142"/>
                <a:gd name="connsiteX14-557" fmla="*/ 950675 w 1194702"/>
                <a:gd name="connsiteY14-558" fmla="*/ 290719 h 1104142"/>
                <a:gd name="connsiteX15-559" fmla="*/ 1001164 w 1194702"/>
                <a:gd name="connsiteY15-560" fmla="*/ 287914 h 1104142"/>
                <a:gd name="connsiteX16-561" fmla="*/ 1001164 w 1194702"/>
                <a:gd name="connsiteY16-562" fmla="*/ 164498 h 1104142"/>
                <a:gd name="connsiteX17-563" fmla="*/ 1147019 w 1194702"/>
                <a:gd name="connsiteY17-564" fmla="*/ 164498 h 1104142"/>
                <a:gd name="connsiteX18-565" fmla="*/ 1161043 w 1194702"/>
                <a:gd name="connsiteY18-566" fmla="*/ 489867 h 1104142"/>
                <a:gd name="connsiteX19-567" fmla="*/ 1189092 w 1194702"/>
                <a:gd name="connsiteY19-568" fmla="*/ 509501 h 1104142"/>
                <a:gd name="connsiteX20-569" fmla="*/ 1194702 w 1194702"/>
                <a:gd name="connsiteY20-570" fmla="*/ 848895 h 1104142"/>
                <a:gd name="connsiteX21-571" fmla="*/ 1020798 w 1194702"/>
                <a:gd name="connsiteY21-572" fmla="*/ 1053653 h 1104142"/>
                <a:gd name="connsiteX22-573" fmla="*/ 1020798 w 1194702"/>
                <a:gd name="connsiteY22-574" fmla="*/ 1095727 h 1104142"/>
                <a:gd name="connsiteX23-575" fmla="*/ 451402 w 1194702"/>
                <a:gd name="connsiteY23-576" fmla="*/ 1104142 h 1104142"/>
                <a:gd name="connsiteX0-577" fmla="*/ 451402 w 1194702"/>
                <a:gd name="connsiteY0-578" fmla="*/ 1104142 h 1104142"/>
                <a:gd name="connsiteX1-579" fmla="*/ 11031 w 1194702"/>
                <a:gd name="connsiteY1-580" fmla="*/ 548770 h 1104142"/>
                <a:gd name="connsiteX2-581" fmla="*/ 207375 w 1194702"/>
                <a:gd name="connsiteY2-582" fmla="*/ 408525 h 1104142"/>
                <a:gd name="connsiteX3-583" fmla="*/ 313961 w 1194702"/>
                <a:gd name="connsiteY3-584" fmla="*/ 517916 h 1104142"/>
                <a:gd name="connsiteX4-585" fmla="*/ 316766 w 1194702"/>
                <a:gd name="connsiteY4-586" fmla="*/ 164498 h 1104142"/>
                <a:gd name="connsiteX5-587" fmla="*/ 496280 w 1194702"/>
                <a:gd name="connsiteY5-588" fmla="*/ 164498 h 1104142"/>
                <a:gd name="connsiteX6-589" fmla="*/ 496280 w 1194702"/>
                <a:gd name="connsiteY6-590" fmla="*/ 299133 h 1104142"/>
                <a:gd name="connsiteX7-591" fmla="*/ 527134 w 1194702"/>
                <a:gd name="connsiteY7-592" fmla="*/ 299133 h 1104142"/>
                <a:gd name="connsiteX8-593" fmla="*/ 524329 w 1194702"/>
                <a:gd name="connsiteY8-594" fmla="*/ 116814 h 1104142"/>
                <a:gd name="connsiteX9-595" fmla="*/ 723478 w 1194702"/>
                <a:gd name="connsiteY9-596" fmla="*/ 116814 h 1104142"/>
                <a:gd name="connsiteX10-597" fmla="*/ 729087 w 1194702"/>
                <a:gd name="connsiteY10-598" fmla="*/ 299133 h 1104142"/>
                <a:gd name="connsiteX11-599" fmla="*/ 748722 w 1194702"/>
                <a:gd name="connsiteY11-600" fmla="*/ 296328 h 1104142"/>
                <a:gd name="connsiteX12-601" fmla="*/ 748722 w 1194702"/>
                <a:gd name="connsiteY12-602" fmla="*/ 80350 h 1104142"/>
                <a:gd name="connsiteX13-603" fmla="*/ 950675 w 1194702"/>
                <a:gd name="connsiteY13-604" fmla="*/ 80350 h 1104142"/>
                <a:gd name="connsiteX14-605" fmla="*/ 950675 w 1194702"/>
                <a:gd name="connsiteY14-606" fmla="*/ 290719 h 1104142"/>
                <a:gd name="connsiteX15-607" fmla="*/ 1001164 w 1194702"/>
                <a:gd name="connsiteY15-608" fmla="*/ 287914 h 1104142"/>
                <a:gd name="connsiteX16-609" fmla="*/ 1001164 w 1194702"/>
                <a:gd name="connsiteY16-610" fmla="*/ 164498 h 1104142"/>
                <a:gd name="connsiteX17-611" fmla="*/ 1147019 w 1194702"/>
                <a:gd name="connsiteY17-612" fmla="*/ 164498 h 1104142"/>
                <a:gd name="connsiteX18-613" fmla="*/ 1161043 w 1194702"/>
                <a:gd name="connsiteY18-614" fmla="*/ 489867 h 1104142"/>
                <a:gd name="connsiteX19-615" fmla="*/ 1189092 w 1194702"/>
                <a:gd name="connsiteY19-616" fmla="*/ 509501 h 1104142"/>
                <a:gd name="connsiteX20-617" fmla="*/ 1194702 w 1194702"/>
                <a:gd name="connsiteY20-618" fmla="*/ 848895 h 1104142"/>
                <a:gd name="connsiteX21-619" fmla="*/ 1020798 w 1194702"/>
                <a:gd name="connsiteY21-620" fmla="*/ 1053653 h 1104142"/>
                <a:gd name="connsiteX22-621" fmla="*/ 1020798 w 1194702"/>
                <a:gd name="connsiteY22-622" fmla="*/ 1095727 h 1104142"/>
                <a:gd name="connsiteX23-623" fmla="*/ 451402 w 1194702"/>
                <a:gd name="connsiteY23-624" fmla="*/ 1104142 h 1104142"/>
                <a:gd name="connsiteX0-625" fmla="*/ 451402 w 1194702"/>
                <a:gd name="connsiteY0-626" fmla="*/ 1104142 h 1104142"/>
                <a:gd name="connsiteX1-627" fmla="*/ 11031 w 1194702"/>
                <a:gd name="connsiteY1-628" fmla="*/ 548770 h 1104142"/>
                <a:gd name="connsiteX2-629" fmla="*/ 207375 w 1194702"/>
                <a:gd name="connsiteY2-630" fmla="*/ 408525 h 1104142"/>
                <a:gd name="connsiteX3-631" fmla="*/ 313961 w 1194702"/>
                <a:gd name="connsiteY3-632" fmla="*/ 517916 h 1104142"/>
                <a:gd name="connsiteX4-633" fmla="*/ 316766 w 1194702"/>
                <a:gd name="connsiteY4-634" fmla="*/ 164498 h 1104142"/>
                <a:gd name="connsiteX5-635" fmla="*/ 496280 w 1194702"/>
                <a:gd name="connsiteY5-636" fmla="*/ 164498 h 1104142"/>
                <a:gd name="connsiteX6-637" fmla="*/ 496280 w 1194702"/>
                <a:gd name="connsiteY6-638" fmla="*/ 299133 h 1104142"/>
                <a:gd name="connsiteX7-639" fmla="*/ 527134 w 1194702"/>
                <a:gd name="connsiteY7-640" fmla="*/ 299133 h 1104142"/>
                <a:gd name="connsiteX8-641" fmla="*/ 524329 w 1194702"/>
                <a:gd name="connsiteY8-642" fmla="*/ 116814 h 1104142"/>
                <a:gd name="connsiteX9-643" fmla="*/ 723478 w 1194702"/>
                <a:gd name="connsiteY9-644" fmla="*/ 116814 h 1104142"/>
                <a:gd name="connsiteX10-645" fmla="*/ 729087 w 1194702"/>
                <a:gd name="connsiteY10-646" fmla="*/ 299133 h 1104142"/>
                <a:gd name="connsiteX11-647" fmla="*/ 748722 w 1194702"/>
                <a:gd name="connsiteY11-648" fmla="*/ 296328 h 1104142"/>
                <a:gd name="connsiteX12-649" fmla="*/ 748722 w 1194702"/>
                <a:gd name="connsiteY12-650" fmla="*/ 80350 h 1104142"/>
                <a:gd name="connsiteX13-651" fmla="*/ 950675 w 1194702"/>
                <a:gd name="connsiteY13-652" fmla="*/ 80350 h 1104142"/>
                <a:gd name="connsiteX14-653" fmla="*/ 950675 w 1194702"/>
                <a:gd name="connsiteY14-654" fmla="*/ 290719 h 1104142"/>
                <a:gd name="connsiteX15-655" fmla="*/ 1001164 w 1194702"/>
                <a:gd name="connsiteY15-656" fmla="*/ 287914 h 1104142"/>
                <a:gd name="connsiteX16-657" fmla="*/ 1001164 w 1194702"/>
                <a:gd name="connsiteY16-658" fmla="*/ 164498 h 1104142"/>
                <a:gd name="connsiteX17-659" fmla="*/ 1147019 w 1194702"/>
                <a:gd name="connsiteY17-660" fmla="*/ 164498 h 1104142"/>
                <a:gd name="connsiteX18-661" fmla="*/ 1161043 w 1194702"/>
                <a:gd name="connsiteY18-662" fmla="*/ 489867 h 1104142"/>
                <a:gd name="connsiteX19-663" fmla="*/ 1189092 w 1194702"/>
                <a:gd name="connsiteY19-664" fmla="*/ 509501 h 1104142"/>
                <a:gd name="connsiteX20-665" fmla="*/ 1194702 w 1194702"/>
                <a:gd name="connsiteY20-666" fmla="*/ 848895 h 1104142"/>
                <a:gd name="connsiteX21-667" fmla="*/ 1020798 w 1194702"/>
                <a:gd name="connsiteY21-668" fmla="*/ 1053653 h 1104142"/>
                <a:gd name="connsiteX22-669" fmla="*/ 1020798 w 1194702"/>
                <a:gd name="connsiteY22-670" fmla="*/ 1095727 h 1104142"/>
                <a:gd name="connsiteX23-671" fmla="*/ 451402 w 1194702"/>
                <a:gd name="connsiteY23-672" fmla="*/ 1104142 h 1104142"/>
                <a:gd name="connsiteX0-673" fmla="*/ 451402 w 1194702"/>
                <a:gd name="connsiteY0-674" fmla="*/ 1104142 h 1104142"/>
                <a:gd name="connsiteX1-675" fmla="*/ 11031 w 1194702"/>
                <a:gd name="connsiteY1-676" fmla="*/ 548770 h 1104142"/>
                <a:gd name="connsiteX2-677" fmla="*/ 207375 w 1194702"/>
                <a:gd name="connsiteY2-678" fmla="*/ 408525 h 1104142"/>
                <a:gd name="connsiteX3-679" fmla="*/ 313961 w 1194702"/>
                <a:gd name="connsiteY3-680" fmla="*/ 517916 h 1104142"/>
                <a:gd name="connsiteX4-681" fmla="*/ 316766 w 1194702"/>
                <a:gd name="connsiteY4-682" fmla="*/ 164498 h 1104142"/>
                <a:gd name="connsiteX5-683" fmla="*/ 496280 w 1194702"/>
                <a:gd name="connsiteY5-684" fmla="*/ 164498 h 1104142"/>
                <a:gd name="connsiteX6-685" fmla="*/ 496280 w 1194702"/>
                <a:gd name="connsiteY6-686" fmla="*/ 299133 h 1104142"/>
                <a:gd name="connsiteX7-687" fmla="*/ 527134 w 1194702"/>
                <a:gd name="connsiteY7-688" fmla="*/ 299133 h 1104142"/>
                <a:gd name="connsiteX8-689" fmla="*/ 524329 w 1194702"/>
                <a:gd name="connsiteY8-690" fmla="*/ 116814 h 1104142"/>
                <a:gd name="connsiteX9-691" fmla="*/ 723478 w 1194702"/>
                <a:gd name="connsiteY9-692" fmla="*/ 116814 h 1104142"/>
                <a:gd name="connsiteX10-693" fmla="*/ 729087 w 1194702"/>
                <a:gd name="connsiteY10-694" fmla="*/ 299133 h 1104142"/>
                <a:gd name="connsiteX11-695" fmla="*/ 748722 w 1194702"/>
                <a:gd name="connsiteY11-696" fmla="*/ 296328 h 1104142"/>
                <a:gd name="connsiteX12-697" fmla="*/ 748722 w 1194702"/>
                <a:gd name="connsiteY12-698" fmla="*/ 80350 h 1104142"/>
                <a:gd name="connsiteX13-699" fmla="*/ 950675 w 1194702"/>
                <a:gd name="connsiteY13-700" fmla="*/ 80350 h 1104142"/>
                <a:gd name="connsiteX14-701" fmla="*/ 950675 w 1194702"/>
                <a:gd name="connsiteY14-702" fmla="*/ 290719 h 1104142"/>
                <a:gd name="connsiteX15-703" fmla="*/ 1001164 w 1194702"/>
                <a:gd name="connsiteY15-704" fmla="*/ 287914 h 1104142"/>
                <a:gd name="connsiteX16-705" fmla="*/ 1001164 w 1194702"/>
                <a:gd name="connsiteY16-706" fmla="*/ 164498 h 1104142"/>
                <a:gd name="connsiteX17-707" fmla="*/ 1147019 w 1194702"/>
                <a:gd name="connsiteY17-708" fmla="*/ 164498 h 1104142"/>
                <a:gd name="connsiteX18-709" fmla="*/ 1161043 w 1194702"/>
                <a:gd name="connsiteY18-710" fmla="*/ 489867 h 1104142"/>
                <a:gd name="connsiteX19-711" fmla="*/ 1189092 w 1194702"/>
                <a:gd name="connsiteY19-712" fmla="*/ 509501 h 1104142"/>
                <a:gd name="connsiteX20-713" fmla="*/ 1194702 w 1194702"/>
                <a:gd name="connsiteY20-714" fmla="*/ 848895 h 1104142"/>
                <a:gd name="connsiteX21-715" fmla="*/ 1020798 w 1194702"/>
                <a:gd name="connsiteY21-716" fmla="*/ 1053653 h 1104142"/>
                <a:gd name="connsiteX22-717" fmla="*/ 1020798 w 1194702"/>
                <a:gd name="connsiteY22-718" fmla="*/ 1095727 h 1104142"/>
                <a:gd name="connsiteX23-719" fmla="*/ 451402 w 1194702"/>
                <a:gd name="connsiteY23-720" fmla="*/ 1104142 h 1104142"/>
                <a:gd name="connsiteX0-721" fmla="*/ 451402 w 1194702"/>
                <a:gd name="connsiteY0-722" fmla="*/ 1104142 h 1104142"/>
                <a:gd name="connsiteX1-723" fmla="*/ 11031 w 1194702"/>
                <a:gd name="connsiteY1-724" fmla="*/ 548770 h 1104142"/>
                <a:gd name="connsiteX2-725" fmla="*/ 207375 w 1194702"/>
                <a:gd name="connsiteY2-726" fmla="*/ 408525 h 1104142"/>
                <a:gd name="connsiteX3-727" fmla="*/ 313961 w 1194702"/>
                <a:gd name="connsiteY3-728" fmla="*/ 517916 h 1104142"/>
                <a:gd name="connsiteX4-729" fmla="*/ 316766 w 1194702"/>
                <a:gd name="connsiteY4-730" fmla="*/ 164498 h 1104142"/>
                <a:gd name="connsiteX5-731" fmla="*/ 496280 w 1194702"/>
                <a:gd name="connsiteY5-732" fmla="*/ 164498 h 1104142"/>
                <a:gd name="connsiteX6-733" fmla="*/ 496280 w 1194702"/>
                <a:gd name="connsiteY6-734" fmla="*/ 299133 h 1104142"/>
                <a:gd name="connsiteX7-735" fmla="*/ 527134 w 1194702"/>
                <a:gd name="connsiteY7-736" fmla="*/ 299133 h 1104142"/>
                <a:gd name="connsiteX8-737" fmla="*/ 524329 w 1194702"/>
                <a:gd name="connsiteY8-738" fmla="*/ 116814 h 1104142"/>
                <a:gd name="connsiteX9-739" fmla="*/ 723478 w 1194702"/>
                <a:gd name="connsiteY9-740" fmla="*/ 116814 h 1104142"/>
                <a:gd name="connsiteX10-741" fmla="*/ 729087 w 1194702"/>
                <a:gd name="connsiteY10-742" fmla="*/ 299133 h 1104142"/>
                <a:gd name="connsiteX11-743" fmla="*/ 748722 w 1194702"/>
                <a:gd name="connsiteY11-744" fmla="*/ 296328 h 1104142"/>
                <a:gd name="connsiteX12-745" fmla="*/ 748722 w 1194702"/>
                <a:gd name="connsiteY12-746" fmla="*/ 80350 h 1104142"/>
                <a:gd name="connsiteX13-747" fmla="*/ 950675 w 1194702"/>
                <a:gd name="connsiteY13-748" fmla="*/ 80350 h 1104142"/>
                <a:gd name="connsiteX14-749" fmla="*/ 950675 w 1194702"/>
                <a:gd name="connsiteY14-750" fmla="*/ 290719 h 1104142"/>
                <a:gd name="connsiteX15-751" fmla="*/ 1001164 w 1194702"/>
                <a:gd name="connsiteY15-752" fmla="*/ 287914 h 1104142"/>
                <a:gd name="connsiteX16-753" fmla="*/ 1001164 w 1194702"/>
                <a:gd name="connsiteY16-754" fmla="*/ 164498 h 1104142"/>
                <a:gd name="connsiteX17-755" fmla="*/ 1147019 w 1194702"/>
                <a:gd name="connsiteY17-756" fmla="*/ 164498 h 1104142"/>
                <a:gd name="connsiteX18-757" fmla="*/ 1161043 w 1194702"/>
                <a:gd name="connsiteY18-758" fmla="*/ 489867 h 1104142"/>
                <a:gd name="connsiteX19-759" fmla="*/ 1189092 w 1194702"/>
                <a:gd name="connsiteY19-760" fmla="*/ 509501 h 1104142"/>
                <a:gd name="connsiteX20-761" fmla="*/ 1194702 w 1194702"/>
                <a:gd name="connsiteY20-762" fmla="*/ 848895 h 1104142"/>
                <a:gd name="connsiteX21-763" fmla="*/ 1020798 w 1194702"/>
                <a:gd name="connsiteY21-764" fmla="*/ 1053653 h 1104142"/>
                <a:gd name="connsiteX22-765" fmla="*/ 1020798 w 1194702"/>
                <a:gd name="connsiteY22-766" fmla="*/ 1095727 h 1104142"/>
                <a:gd name="connsiteX23-767" fmla="*/ 451402 w 1194702"/>
                <a:gd name="connsiteY23-768" fmla="*/ 1104142 h 1104142"/>
                <a:gd name="connsiteX0-769" fmla="*/ 451402 w 1194702"/>
                <a:gd name="connsiteY0-770" fmla="*/ 1104142 h 1104142"/>
                <a:gd name="connsiteX1-771" fmla="*/ 11031 w 1194702"/>
                <a:gd name="connsiteY1-772" fmla="*/ 548770 h 1104142"/>
                <a:gd name="connsiteX2-773" fmla="*/ 207375 w 1194702"/>
                <a:gd name="connsiteY2-774" fmla="*/ 408525 h 1104142"/>
                <a:gd name="connsiteX3-775" fmla="*/ 313961 w 1194702"/>
                <a:gd name="connsiteY3-776" fmla="*/ 517916 h 1104142"/>
                <a:gd name="connsiteX4-777" fmla="*/ 316766 w 1194702"/>
                <a:gd name="connsiteY4-778" fmla="*/ 164498 h 1104142"/>
                <a:gd name="connsiteX5-779" fmla="*/ 496280 w 1194702"/>
                <a:gd name="connsiteY5-780" fmla="*/ 164498 h 1104142"/>
                <a:gd name="connsiteX6-781" fmla="*/ 496280 w 1194702"/>
                <a:gd name="connsiteY6-782" fmla="*/ 299133 h 1104142"/>
                <a:gd name="connsiteX7-783" fmla="*/ 527134 w 1194702"/>
                <a:gd name="connsiteY7-784" fmla="*/ 299133 h 1104142"/>
                <a:gd name="connsiteX8-785" fmla="*/ 524329 w 1194702"/>
                <a:gd name="connsiteY8-786" fmla="*/ 116814 h 1104142"/>
                <a:gd name="connsiteX9-787" fmla="*/ 723478 w 1194702"/>
                <a:gd name="connsiteY9-788" fmla="*/ 116814 h 1104142"/>
                <a:gd name="connsiteX10-789" fmla="*/ 729087 w 1194702"/>
                <a:gd name="connsiteY10-790" fmla="*/ 299133 h 1104142"/>
                <a:gd name="connsiteX11-791" fmla="*/ 748722 w 1194702"/>
                <a:gd name="connsiteY11-792" fmla="*/ 296328 h 1104142"/>
                <a:gd name="connsiteX12-793" fmla="*/ 748722 w 1194702"/>
                <a:gd name="connsiteY12-794" fmla="*/ 80350 h 1104142"/>
                <a:gd name="connsiteX13-795" fmla="*/ 950675 w 1194702"/>
                <a:gd name="connsiteY13-796" fmla="*/ 80350 h 1104142"/>
                <a:gd name="connsiteX14-797" fmla="*/ 950675 w 1194702"/>
                <a:gd name="connsiteY14-798" fmla="*/ 290719 h 1104142"/>
                <a:gd name="connsiteX15-799" fmla="*/ 1001164 w 1194702"/>
                <a:gd name="connsiteY15-800" fmla="*/ 287914 h 1104142"/>
                <a:gd name="connsiteX16-801" fmla="*/ 1001164 w 1194702"/>
                <a:gd name="connsiteY16-802" fmla="*/ 164498 h 1104142"/>
                <a:gd name="connsiteX17-803" fmla="*/ 1147019 w 1194702"/>
                <a:gd name="connsiteY17-804" fmla="*/ 164498 h 1104142"/>
                <a:gd name="connsiteX18-805" fmla="*/ 1161043 w 1194702"/>
                <a:gd name="connsiteY18-806" fmla="*/ 489867 h 1104142"/>
                <a:gd name="connsiteX19-807" fmla="*/ 1189092 w 1194702"/>
                <a:gd name="connsiteY19-808" fmla="*/ 509501 h 1104142"/>
                <a:gd name="connsiteX20-809" fmla="*/ 1194702 w 1194702"/>
                <a:gd name="connsiteY20-810" fmla="*/ 848895 h 1104142"/>
                <a:gd name="connsiteX21-811" fmla="*/ 1020798 w 1194702"/>
                <a:gd name="connsiteY21-812" fmla="*/ 1053653 h 1104142"/>
                <a:gd name="connsiteX22-813" fmla="*/ 1020798 w 1194702"/>
                <a:gd name="connsiteY22-814" fmla="*/ 1095727 h 1104142"/>
                <a:gd name="connsiteX23-815" fmla="*/ 451402 w 1194702"/>
                <a:gd name="connsiteY23-816" fmla="*/ 1104142 h 1104142"/>
                <a:gd name="connsiteX0-817" fmla="*/ 451402 w 1194702"/>
                <a:gd name="connsiteY0-818" fmla="*/ 1104142 h 1104142"/>
                <a:gd name="connsiteX1-819" fmla="*/ 11031 w 1194702"/>
                <a:gd name="connsiteY1-820" fmla="*/ 548770 h 1104142"/>
                <a:gd name="connsiteX2-821" fmla="*/ 207375 w 1194702"/>
                <a:gd name="connsiteY2-822" fmla="*/ 408525 h 1104142"/>
                <a:gd name="connsiteX3-823" fmla="*/ 313961 w 1194702"/>
                <a:gd name="connsiteY3-824" fmla="*/ 517916 h 1104142"/>
                <a:gd name="connsiteX4-825" fmla="*/ 316766 w 1194702"/>
                <a:gd name="connsiteY4-826" fmla="*/ 164498 h 1104142"/>
                <a:gd name="connsiteX5-827" fmla="*/ 496280 w 1194702"/>
                <a:gd name="connsiteY5-828" fmla="*/ 164498 h 1104142"/>
                <a:gd name="connsiteX6-829" fmla="*/ 496280 w 1194702"/>
                <a:gd name="connsiteY6-830" fmla="*/ 299133 h 1104142"/>
                <a:gd name="connsiteX7-831" fmla="*/ 527134 w 1194702"/>
                <a:gd name="connsiteY7-832" fmla="*/ 299133 h 1104142"/>
                <a:gd name="connsiteX8-833" fmla="*/ 524329 w 1194702"/>
                <a:gd name="connsiteY8-834" fmla="*/ 116814 h 1104142"/>
                <a:gd name="connsiteX9-835" fmla="*/ 723478 w 1194702"/>
                <a:gd name="connsiteY9-836" fmla="*/ 116814 h 1104142"/>
                <a:gd name="connsiteX10-837" fmla="*/ 729087 w 1194702"/>
                <a:gd name="connsiteY10-838" fmla="*/ 299133 h 1104142"/>
                <a:gd name="connsiteX11-839" fmla="*/ 748722 w 1194702"/>
                <a:gd name="connsiteY11-840" fmla="*/ 296328 h 1104142"/>
                <a:gd name="connsiteX12-841" fmla="*/ 748722 w 1194702"/>
                <a:gd name="connsiteY12-842" fmla="*/ 80350 h 1104142"/>
                <a:gd name="connsiteX13-843" fmla="*/ 950675 w 1194702"/>
                <a:gd name="connsiteY13-844" fmla="*/ 80350 h 1104142"/>
                <a:gd name="connsiteX14-845" fmla="*/ 950675 w 1194702"/>
                <a:gd name="connsiteY14-846" fmla="*/ 290719 h 1104142"/>
                <a:gd name="connsiteX15-847" fmla="*/ 1001164 w 1194702"/>
                <a:gd name="connsiteY15-848" fmla="*/ 287914 h 1104142"/>
                <a:gd name="connsiteX16-849" fmla="*/ 1001164 w 1194702"/>
                <a:gd name="connsiteY16-850" fmla="*/ 164498 h 1104142"/>
                <a:gd name="connsiteX17-851" fmla="*/ 1147019 w 1194702"/>
                <a:gd name="connsiteY17-852" fmla="*/ 164498 h 1104142"/>
                <a:gd name="connsiteX18-853" fmla="*/ 1161043 w 1194702"/>
                <a:gd name="connsiteY18-854" fmla="*/ 489867 h 1104142"/>
                <a:gd name="connsiteX19-855" fmla="*/ 1189092 w 1194702"/>
                <a:gd name="connsiteY19-856" fmla="*/ 509501 h 1104142"/>
                <a:gd name="connsiteX20-857" fmla="*/ 1194702 w 1194702"/>
                <a:gd name="connsiteY20-858" fmla="*/ 848895 h 1104142"/>
                <a:gd name="connsiteX21-859" fmla="*/ 1020798 w 1194702"/>
                <a:gd name="connsiteY21-860" fmla="*/ 1053653 h 1104142"/>
                <a:gd name="connsiteX22-861" fmla="*/ 1020798 w 1194702"/>
                <a:gd name="connsiteY22-862" fmla="*/ 1095727 h 1104142"/>
                <a:gd name="connsiteX23-863" fmla="*/ 451402 w 1194702"/>
                <a:gd name="connsiteY23-864" fmla="*/ 1104142 h 1104142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  <a:cxn ang="0">
                  <a:pos x="connsiteX7-15" y="connsiteY7-16"/>
                </a:cxn>
                <a:cxn ang="0">
                  <a:pos x="connsiteX8-17" y="connsiteY8-18"/>
                </a:cxn>
                <a:cxn ang="0">
                  <a:pos x="connsiteX9-19" y="connsiteY9-20"/>
                </a:cxn>
                <a:cxn ang="0">
                  <a:pos x="connsiteX10-21" y="connsiteY10-22"/>
                </a:cxn>
                <a:cxn ang="0">
                  <a:pos x="connsiteX11-23" y="connsiteY11-24"/>
                </a:cxn>
                <a:cxn ang="0">
                  <a:pos x="connsiteX12-25" y="connsiteY12-26"/>
                </a:cxn>
                <a:cxn ang="0">
                  <a:pos x="connsiteX13-27" y="connsiteY13-28"/>
                </a:cxn>
                <a:cxn ang="0">
                  <a:pos x="connsiteX14-29" y="connsiteY14-30"/>
                </a:cxn>
                <a:cxn ang="0">
                  <a:pos x="connsiteX15-31" y="connsiteY15-32"/>
                </a:cxn>
                <a:cxn ang="0">
                  <a:pos x="connsiteX16-33" y="connsiteY16-34"/>
                </a:cxn>
                <a:cxn ang="0">
                  <a:pos x="connsiteX17-35" y="connsiteY17-36"/>
                </a:cxn>
                <a:cxn ang="0">
                  <a:pos x="connsiteX18-37" y="connsiteY18-38"/>
                </a:cxn>
                <a:cxn ang="0">
                  <a:pos x="connsiteX19-39" y="connsiteY19-40"/>
                </a:cxn>
                <a:cxn ang="0">
                  <a:pos x="connsiteX20-41" y="connsiteY20-42"/>
                </a:cxn>
                <a:cxn ang="0">
                  <a:pos x="connsiteX21-43" y="connsiteY21-44"/>
                </a:cxn>
                <a:cxn ang="0">
                  <a:pos x="connsiteX22-45" y="connsiteY22-46"/>
                </a:cxn>
                <a:cxn ang="0">
                  <a:pos x="connsiteX23-47" y="connsiteY23-48"/>
                </a:cxn>
              </a:cxnLst>
              <a:rect l="l" t="t" r="r" b="b"/>
              <a:pathLst>
                <a:path w="1194702" h="1104142">
                  <a:moveTo>
                    <a:pt x="451402" y="1104142"/>
                  </a:moveTo>
                  <a:cubicBezTo>
                    <a:pt x="287783" y="958287"/>
                    <a:pt x="157821" y="733894"/>
                    <a:pt x="11031" y="548770"/>
                  </a:cubicBezTo>
                  <a:cubicBezTo>
                    <a:pt x="-46937" y="471168"/>
                    <a:pt x="139122" y="340272"/>
                    <a:pt x="207375" y="408525"/>
                  </a:cubicBezTo>
                  <a:lnTo>
                    <a:pt x="313961" y="517916"/>
                  </a:lnTo>
                  <a:lnTo>
                    <a:pt x="316766" y="164498"/>
                  </a:lnTo>
                  <a:cubicBezTo>
                    <a:pt x="312091" y="15838"/>
                    <a:pt x="500955" y="52301"/>
                    <a:pt x="496280" y="164498"/>
                  </a:cubicBezTo>
                  <a:lnTo>
                    <a:pt x="496280" y="299133"/>
                  </a:lnTo>
                  <a:lnTo>
                    <a:pt x="527134" y="299133"/>
                  </a:lnTo>
                  <a:lnTo>
                    <a:pt x="524329" y="116814"/>
                  </a:lnTo>
                  <a:cubicBezTo>
                    <a:pt x="523394" y="-31846"/>
                    <a:pt x="721608" y="-45870"/>
                    <a:pt x="723478" y="116814"/>
                  </a:cubicBezTo>
                  <a:lnTo>
                    <a:pt x="729087" y="299133"/>
                  </a:lnTo>
                  <a:lnTo>
                    <a:pt x="748722" y="296328"/>
                  </a:lnTo>
                  <a:lnTo>
                    <a:pt x="748722" y="80350"/>
                  </a:lnTo>
                  <a:cubicBezTo>
                    <a:pt x="745918" y="-12212"/>
                    <a:pt x="950675" y="-37456"/>
                    <a:pt x="950675" y="80350"/>
                  </a:cubicBezTo>
                  <a:lnTo>
                    <a:pt x="950675" y="290719"/>
                  </a:lnTo>
                  <a:lnTo>
                    <a:pt x="1001164" y="287914"/>
                  </a:lnTo>
                  <a:lnTo>
                    <a:pt x="1001164" y="164498"/>
                  </a:lnTo>
                  <a:cubicBezTo>
                    <a:pt x="1002098" y="85960"/>
                    <a:pt x="1143280" y="94375"/>
                    <a:pt x="1147019" y="164498"/>
                  </a:cubicBezTo>
                  <a:lnTo>
                    <a:pt x="1161043" y="489867"/>
                  </a:lnTo>
                  <a:lnTo>
                    <a:pt x="1189092" y="509501"/>
                  </a:lnTo>
                  <a:lnTo>
                    <a:pt x="1194702" y="848895"/>
                  </a:lnTo>
                  <a:cubicBezTo>
                    <a:pt x="1187223" y="950807"/>
                    <a:pt x="1087181" y="1010644"/>
                    <a:pt x="1020798" y="1053653"/>
                  </a:cubicBezTo>
                  <a:lnTo>
                    <a:pt x="1020798" y="1095727"/>
                  </a:lnTo>
                  <a:lnTo>
                    <a:pt x="451402" y="1104142"/>
                  </a:lnTo>
                  <a:close/>
                </a:path>
              </a:pathLst>
            </a:custGeom>
            <a:solidFill>
              <a:srgbClr val="F0A8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5" name="矩形 94"/>
            <p:cNvSpPr/>
            <p:nvPr/>
          </p:nvSpPr>
          <p:spPr>
            <a:xfrm>
              <a:off x="5062859" y="6131529"/>
              <a:ext cx="718056" cy="15988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96" name="矩形 95"/>
            <p:cNvSpPr/>
            <p:nvPr/>
          </p:nvSpPr>
          <p:spPr>
            <a:xfrm>
              <a:off x="5009566" y="6291408"/>
              <a:ext cx="835861" cy="554798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grpSp>
        <p:nvGrpSpPr>
          <p:cNvPr id="97" name="组合 96"/>
          <p:cNvGrpSpPr/>
          <p:nvPr/>
        </p:nvGrpSpPr>
        <p:grpSpPr>
          <a:xfrm>
            <a:off x="6788906" y="3336705"/>
            <a:ext cx="1037640" cy="3521294"/>
            <a:chOff x="4681579" y="5027387"/>
            <a:chExt cx="1194702" cy="4054295"/>
          </a:xfrm>
        </p:grpSpPr>
        <p:sp>
          <p:nvSpPr>
            <p:cNvPr id="98" name="任意多边形 97"/>
            <p:cNvSpPr/>
            <p:nvPr/>
          </p:nvSpPr>
          <p:spPr>
            <a:xfrm>
              <a:off x="4681579" y="5027387"/>
              <a:ext cx="1194702" cy="1104142"/>
            </a:xfrm>
            <a:custGeom>
              <a:avLst/>
              <a:gdLst>
                <a:gd name="connsiteX0" fmla="*/ 440371 w 1183671"/>
                <a:gd name="connsiteY0" fmla="*/ 1023792 h 1023792"/>
                <a:gd name="connsiteX1" fmla="*/ 0 w 1183671"/>
                <a:gd name="connsiteY1" fmla="*/ 468420 h 1023792"/>
                <a:gd name="connsiteX2" fmla="*/ 196344 w 1183671"/>
                <a:gd name="connsiteY2" fmla="*/ 328175 h 1023792"/>
                <a:gd name="connsiteX3" fmla="*/ 302930 w 1183671"/>
                <a:gd name="connsiteY3" fmla="*/ 437566 h 1023792"/>
                <a:gd name="connsiteX4" fmla="*/ 305735 w 1183671"/>
                <a:gd name="connsiteY4" fmla="*/ 84148 h 1023792"/>
                <a:gd name="connsiteX5" fmla="*/ 485249 w 1183671"/>
                <a:gd name="connsiteY5" fmla="*/ 84148 h 1023792"/>
                <a:gd name="connsiteX6" fmla="*/ 485249 w 1183671"/>
                <a:gd name="connsiteY6" fmla="*/ 218783 h 1023792"/>
                <a:gd name="connsiteX7" fmla="*/ 516103 w 1183671"/>
                <a:gd name="connsiteY7" fmla="*/ 218783 h 1023792"/>
                <a:gd name="connsiteX8" fmla="*/ 516103 w 1183671"/>
                <a:gd name="connsiteY8" fmla="*/ 67318 h 1023792"/>
                <a:gd name="connsiteX9" fmla="*/ 706837 w 1183671"/>
                <a:gd name="connsiteY9" fmla="*/ 67318 h 1023792"/>
                <a:gd name="connsiteX10" fmla="*/ 718056 w 1183671"/>
                <a:gd name="connsiteY10" fmla="*/ 218783 h 1023792"/>
                <a:gd name="connsiteX11" fmla="*/ 737691 w 1183671"/>
                <a:gd name="connsiteY11" fmla="*/ 215978 h 1023792"/>
                <a:gd name="connsiteX12" fmla="*/ 737691 w 1183671"/>
                <a:gd name="connsiteY12" fmla="*/ 0 h 1023792"/>
                <a:gd name="connsiteX13" fmla="*/ 939644 w 1183671"/>
                <a:gd name="connsiteY13" fmla="*/ 0 h 1023792"/>
                <a:gd name="connsiteX14" fmla="*/ 939644 w 1183671"/>
                <a:gd name="connsiteY14" fmla="*/ 210369 h 1023792"/>
                <a:gd name="connsiteX15" fmla="*/ 990133 w 1183671"/>
                <a:gd name="connsiteY15" fmla="*/ 207564 h 1023792"/>
                <a:gd name="connsiteX16" fmla="*/ 990133 w 1183671"/>
                <a:gd name="connsiteY16" fmla="*/ 84148 h 1023792"/>
                <a:gd name="connsiteX17" fmla="*/ 1135988 w 1183671"/>
                <a:gd name="connsiteY17" fmla="*/ 84148 h 1023792"/>
                <a:gd name="connsiteX18" fmla="*/ 1150012 w 1183671"/>
                <a:gd name="connsiteY18" fmla="*/ 409517 h 1023792"/>
                <a:gd name="connsiteX19" fmla="*/ 1178061 w 1183671"/>
                <a:gd name="connsiteY19" fmla="*/ 429151 h 1023792"/>
                <a:gd name="connsiteX20" fmla="*/ 1183671 w 1183671"/>
                <a:gd name="connsiteY20" fmla="*/ 768545 h 1023792"/>
                <a:gd name="connsiteX21" fmla="*/ 1009767 w 1183671"/>
                <a:gd name="connsiteY21" fmla="*/ 973303 h 1023792"/>
                <a:gd name="connsiteX22" fmla="*/ 1009767 w 1183671"/>
                <a:gd name="connsiteY22" fmla="*/ 1015377 h 1023792"/>
                <a:gd name="connsiteX23" fmla="*/ 440371 w 1183671"/>
                <a:gd name="connsiteY23" fmla="*/ 1023792 h 1023792"/>
                <a:gd name="connsiteX0-1" fmla="*/ 445288 w 1188588"/>
                <a:gd name="connsiteY0-2" fmla="*/ 1023792 h 1023792"/>
                <a:gd name="connsiteX1-3" fmla="*/ 4917 w 1188588"/>
                <a:gd name="connsiteY1-4" fmla="*/ 468420 h 1023792"/>
                <a:gd name="connsiteX2-5" fmla="*/ 201261 w 1188588"/>
                <a:gd name="connsiteY2-6" fmla="*/ 328175 h 1023792"/>
                <a:gd name="connsiteX3-7" fmla="*/ 307847 w 1188588"/>
                <a:gd name="connsiteY3-8" fmla="*/ 437566 h 1023792"/>
                <a:gd name="connsiteX4-9" fmla="*/ 310652 w 1188588"/>
                <a:gd name="connsiteY4-10" fmla="*/ 84148 h 1023792"/>
                <a:gd name="connsiteX5-11" fmla="*/ 490166 w 1188588"/>
                <a:gd name="connsiteY5-12" fmla="*/ 84148 h 1023792"/>
                <a:gd name="connsiteX6-13" fmla="*/ 490166 w 1188588"/>
                <a:gd name="connsiteY6-14" fmla="*/ 218783 h 1023792"/>
                <a:gd name="connsiteX7-15" fmla="*/ 521020 w 1188588"/>
                <a:gd name="connsiteY7-16" fmla="*/ 218783 h 1023792"/>
                <a:gd name="connsiteX8-17" fmla="*/ 521020 w 1188588"/>
                <a:gd name="connsiteY8-18" fmla="*/ 67318 h 1023792"/>
                <a:gd name="connsiteX9-19" fmla="*/ 711754 w 1188588"/>
                <a:gd name="connsiteY9-20" fmla="*/ 67318 h 1023792"/>
                <a:gd name="connsiteX10-21" fmla="*/ 722973 w 1188588"/>
                <a:gd name="connsiteY10-22" fmla="*/ 218783 h 1023792"/>
                <a:gd name="connsiteX11-23" fmla="*/ 742608 w 1188588"/>
                <a:gd name="connsiteY11-24" fmla="*/ 215978 h 1023792"/>
                <a:gd name="connsiteX12-25" fmla="*/ 742608 w 1188588"/>
                <a:gd name="connsiteY12-26" fmla="*/ 0 h 1023792"/>
                <a:gd name="connsiteX13-27" fmla="*/ 944561 w 1188588"/>
                <a:gd name="connsiteY13-28" fmla="*/ 0 h 1023792"/>
                <a:gd name="connsiteX14-29" fmla="*/ 944561 w 1188588"/>
                <a:gd name="connsiteY14-30" fmla="*/ 210369 h 1023792"/>
                <a:gd name="connsiteX15-31" fmla="*/ 995050 w 1188588"/>
                <a:gd name="connsiteY15-32" fmla="*/ 207564 h 1023792"/>
                <a:gd name="connsiteX16-33" fmla="*/ 995050 w 1188588"/>
                <a:gd name="connsiteY16-34" fmla="*/ 84148 h 1023792"/>
                <a:gd name="connsiteX17-35" fmla="*/ 1140905 w 1188588"/>
                <a:gd name="connsiteY17-36" fmla="*/ 84148 h 1023792"/>
                <a:gd name="connsiteX18-37" fmla="*/ 1154929 w 1188588"/>
                <a:gd name="connsiteY18-38" fmla="*/ 409517 h 1023792"/>
                <a:gd name="connsiteX19-39" fmla="*/ 1182978 w 1188588"/>
                <a:gd name="connsiteY19-40" fmla="*/ 429151 h 1023792"/>
                <a:gd name="connsiteX20-41" fmla="*/ 1188588 w 1188588"/>
                <a:gd name="connsiteY20-42" fmla="*/ 768545 h 1023792"/>
                <a:gd name="connsiteX21-43" fmla="*/ 1014684 w 1188588"/>
                <a:gd name="connsiteY21-44" fmla="*/ 973303 h 1023792"/>
                <a:gd name="connsiteX22-45" fmla="*/ 1014684 w 1188588"/>
                <a:gd name="connsiteY22-46" fmla="*/ 1015377 h 1023792"/>
                <a:gd name="connsiteX23-47" fmla="*/ 445288 w 1188588"/>
                <a:gd name="connsiteY23-48" fmla="*/ 1023792 h 1023792"/>
                <a:gd name="connsiteX0-49" fmla="*/ 445357 w 1188657"/>
                <a:gd name="connsiteY0-50" fmla="*/ 1023792 h 1023792"/>
                <a:gd name="connsiteX1-51" fmla="*/ 4986 w 1188657"/>
                <a:gd name="connsiteY1-52" fmla="*/ 468420 h 1023792"/>
                <a:gd name="connsiteX2-53" fmla="*/ 201330 w 1188657"/>
                <a:gd name="connsiteY2-54" fmla="*/ 328175 h 1023792"/>
                <a:gd name="connsiteX3-55" fmla="*/ 307916 w 1188657"/>
                <a:gd name="connsiteY3-56" fmla="*/ 437566 h 1023792"/>
                <a:gd name="connsiteX4-57" fmla="*/ 310721 w 1188657"/>
                <a:gd name="connsiteY4-58" fmla="*/ 84148 h 1023792"/>
                <a:gd name="connsiteX5-59" fmla="*/ 490235 w 1188657"/>
                <a:gd name="connsiteY5-60" fmla="*/ 84148 h 1023792"/>
                <a:gd name="connsiteX6-61" fmla="*/ 490235 w 1188657"/>
                <a:gd name="connsiteY6-62" fmla="*/ 218783 h 1023792"/>
                <a:gd name="connsiteX7-63" fmla="*/ 521089 w 1188657"/>
                <a:gd name="connsiteY7-64" fmla="*/ 218783 h 1023792"/>
                <a:gd name="connsiteX8-65" fmla="*/ 521089 w 1188657"/>
                <a:gd name="connsiteY8-66" fmla="*/ 67318 h 1023792"/>
                <a:gd name="connsiteX9-67" fmla="*/ 711823 w 1188657"/>
                <a:gd name="connsiteY9-68" fmla="*/ 67318 h 1023792"/>
                <a:gd name="connsiteX10-69" fmla="*/ 723042 w 1188657"/>
                <a:gd name="connsiteY10-70" fmla="*/ 218783 h 1023792"/>
                <a:gd name="connsiteX11-71" fmla="*/ 742677 w 1188657"/>
                <a:gd name="connsiteY11-72" fmla="*/ 215978 h 1023792"/>
                <a:gd name="connsiteX12-73" fmla="*/ 742677 w 1188657"/>
                <a:gd name="connsiteY12-74" fmla="*/ 0 h 1023792"/>
                <a:gd name="connsiteX13-75" fmla="*/ 944630 w 1188657"/>
                <a:gd name="connsiteY13-76" fmla="*/ 0 h 1023792"/>
                <a:gd name="connsiteX14-77" fmla="*/ 944630 w 1188657"/>
                <a:gd name="connsiteY14-78" fmla="*/ 210369 h 1023792"/>
                <a:gd name="connsiteX15-79" fmla="*/ 995119 w 1188657"/>
                <a:gd name="connsiteY15-80" fmla="*/ 207564 h 1023792"/>
                <a:gd name="connsiteX16-81" fmla="*/ 995119 w 1188657"/>
                <a:gd name="connsiteY16-82" fmla="*/ 84148 h 1023792"/>
                <a:gd name="connsiteX17-83" fmla="*/ 1140974 w 1188657"/>
                <a:gd name="connsiteY17-84" fmla="*/ 84148 h 1023792"/>
                <a:gd name="connsiteX18-85" fmla="*/ 1154998 w 1188657"/>
                <a:gd name="connsiteY18-86" fmla="*/ 409517 h 1023792"/>
                <a:gd name="connsiteX19-87" fmla="*/ 1183047 w 1188657"/>
                <a:gd name="connsiteY19-88" fmla="*/ 429151 h 1023792"/>
                <a:gd name="connsiteX20-89" fmla="*/ 1188657 w 1188657"/>
                <a:gd name="connsiteY20-90" fmla="*/ 768545 h 1023792"/>
                <a:gd name="connsiteX21-91" fmla="*/ 1014753 w 1188657"/>
                <a:gd name="connsiteY21-92" fmla="*/ 973303 h 1023792"/>
                <a:gd name="connsiteX22-93" fmla="*/ 1014753 w 1188657"/>
                <a:gd name="connsiteY22-94" fmla="*/ 1015377 h 1023792"/>
                <a:gd name="connsiteX23-95" fmla="*/ 445357 w 1188657"/>
                <a:gd name="connsiteY23-96" fmla="*/ 1023792 h 1023792"/>
                <a:gd name="connsiteX0-97" fmla="*/ 451402 w 1194702"/>
                <a:gd name="connsiteY0-98" fmla="*/ 1023792 h 1023792"/>
                <a:gd name="connsiteX1-99" fmla="*/ 11031 w 1194702"/>
                <a:gd name="connsiteY1-100" fmla="*/ 468420 h 1023792"/>
                <a:gd name="connsiteX2-101" fmla="*/ 207375 w 1194702"/>
                <a:gd name="connsiteY2-102" fmla="*/ 328175 h 1023792"/>
                <a:gd name="connsiteX3-103" fmla="*/ 313961 w 1194702"/>
                <a:gd name="connsiteY3-104" fmla="*/ 437566 h 1023792"/>
                <a:gd name="connsiteX4-105" fmla="*/ 316766 w 1194702"/>
                <a:gd name="connsiteY4-106" fmla="*/ 84148 h 1023792"/>
                <a:gd name="connsiteX5-107" fmla="*/ 496280 w 1194702"/>
                <a:gd name="connsiteY5-108" fmla="*/ 84148 h 1023792"/>
                <a:gd name="connsiteX6-109" fmla="*/ 496280 w 1194702"/>
                <a:gd name="connsiteY6-110" fmla="*/ 218783 h 1023792"/>
                <a:gd name="connsiteX7-111" fmla="*/ 527134 w 1194702"/>
                <a:gd name="connsiteY7-112" fmla="*/ 218783 h 1023792"/>
                <a:gd name="connsiteX8-113" fmla="*/ 527134 w 1194702"/>
                <a:gd name="connsiteY8-114" fmla="*/ 67318 h 1023792"/>
                <a:gd name="connsiteX9-115" fmla="*/ 717868 w 1194702"/>
                <a:gd name="connsiteY9-116" fmla="*/ 67318 h 1023792"/>
                <a:gd name="connsiteX10-117" fmla="*/ 729087 w 1194702"/>
                <a:gd name="connsiteY10-118" fmla="*/ 218783 h 1023792"/>
                <a:gd name="connsiteX11-119" fmla="*/ 748722 w 1194702"/>
                <a:gd name="connsiteY11-120" fmla="*/ 215978 h 1023792"/>
                <a:gd name="connsiteX12-121" fmla="*/ 748722 w 1194702"/>
                <a:gd name="connsiteY12-122" fmla="*/ 0 h 1023792"/>
                <a:gd name="connsiteX13-123" fmla="*/ 950675 w 1194702"/>
                <a:gd name="connsiteY13-124" fmla="*/ 0 h 1023792"/>
                <a:gd name="connsiteX14-125" fmla="*/ 950675 w 1194702"/>
                <a:gd name="connsiteY14-126" fmla="*/ 210369 h 1023792"/>
                <a:gd name="connsiteX15-127" fmla="*/ 1001164 w 1194702"/>
                <a:gd name="connsiteY15-128" fmla="*/ 207564 h 1023792"/>
                <a:gd name="connsiteX16-129" fmla="*/ 1001164 w 1194702"/>
                <a:gd name="connsiteY16-130" fmla="*/ 84148 h 1023792"/>
                <a:gd name="connsiteX17-131" fmla="*/ 1147019 w 1194702"/>
                <a:gd name="connsiteY17-132" fmla="*/ 84148 h 1023792"/>
                <a:gd name="connsiteX18-133" fmla="*/ 1161043 w 1194702"/>
                <a:gd name="connsiteY18-134" fmla="*/ 409517 h 1023792"/>
                <a:gd name="connsiteX19-135" fmla="*/ 1189092 w 1194702"/>
                <a:gd name="connsiteY19-136" fmla="*/ 429151 h 1023792"/>
                <a:gd name="connsiteX20-137" fmla="*/ 1194702 w 1194702"/>
                <a:gd name="connsiteY20-138" fmla="*/ 768545 h 1023792"/>
                <a:gd name="connsiteX21-139" fmla="*/ 1020798 w 1194702"/>
                <a:gd name="connsiteY21-140" fmla="*/ 973303 h 1023792"/>
                <a:gd name="connsiteX22-141" fmla="*/ 1020798 w 1194702"/>
                <a:gd name="connsiteY22-142" fmla="*/ 1015377 h 1023792"/>
                <a:gd name="connsiteX23-143" fmla="*/ 451402 w 1194702"/>
                <a:gd name="connsiteY23-144" fmla="*/ 1023792 h 1023792"/>
                <a:gd name="connsiteX0-145" fmla="*/ 451402 w 1194702"/>
                <a:gd name="connsiteY0-146" fmla="*/ 1023792 h 1023792"/>
                <a:gd name="connsiteX1-147" fmla="*/ 11031 w 1194702"/>
                <a:gd name="connsiteY1-148" fmla="*/ 468420 h 1023792"/>
                <a:gd name="connsiteX2-149" fmla="*/ 207375 w 1194702"/>
                <a:gd name="connsiteY2-150" fmla="*/ 328175 h 1023792"/>
                <a:gd name="connsiteX3-151" fmla="*/ 313961 w 1194702"/>
                <a:gd name="connsiteY3-152" fmla="*/ 437566 h 1023792"/>
                <a:gd name="connsiteX4-153" fmla="*/ 316766 w 1194702"/>
                <a:gd name="connsiteY4-154" fmla="*/ 84148 h 1023792"/>
                <a:gd name="connsiteX5-155" fmla="*/ 496280 w 1194702"/>
                <a:gd name="connsiteY5-156" fmla="*/ 84148 h 1023792"/>
                <a:gd name="connsiteX6-157" fmla="*/ 496280 w 1194702"/>
                <a:gd name="connsiteY6-158" fmla="*/ 218783 h 1023792"/>
                <a:gd name="connsiteX7-159" fmla="*/ 527134 w 1194702"/>
                <a:gd name="connsiteY7-160" fmla="*/ 218783 h 1023792"/>
                <a:gd name="connsiteX8-161" fmla="*/ 527134 w 1194702"/>
                <a:gd name="connsiteY8-162" fmla="*/ 67318 h 1023792"/>
                <a:gd name="connsiteX9-163" fmla="*/ 717868 w 1194702"/>
                <a:gd name="connsiteY9-164" fmla="*/ 67318 h 1023792"/>
                <a:gd name="connsiteX10-165" fmla="*/ 729087 w 1194702"/>
                <a:gd name="connsiteY10-166" fmla="*/ 218783 h 1023792"/>
                <a:gd name="connsiteX11-167" fmla="*/ 748722 w 1194702"/>
                <a:gd name="connsiteY11-168" fmla="*/ 215978 h 1023792"/>
                <a:gd name="connsiteX12-169" fmla="*/ 748722 w 1194702"/>
                <a:gd name="connsiteY12-170" fmla="*/ 0 h 1023792"/>
                <a:gd name="connsiteX13-171" fmla="*/ 950675 w 1194702"/>
                <a:gd name="connsiteY13-172" fmla="*/ 0 h 1023792"/>
                <a:gd name="connsiteX14-173" fmla="*/ 950675 w 1194702"/>
                <a:gd name="connsiteY14-174" fmla="*/ 210369 h 1023792"/>
                <a:gd name="connsiteX15-175" fmla="*/ 1001164 w 1194702"/>
                <a:gd name="connsiteY15-176" fmla="*/ 207564 h 1023792"/>
                <a:gd name="connsiteX16-177" fmla="*/ 1001164 w 1194702"/>
                <a:gd name="connsiteY16-178" fmla="*/ 84148 h 1023792"/>
                <a:gd name="connsiteX17-179" fmla="*/ 1147019 w 1194702"/>
                <a:gd name="connsiteY17-180" fmla="*/ 84148 h 1023792"/>
                <a:gd name="connsiteX18-181" fmla="*/ 1161043 w 1194702"/>
                <a:gd name="connsiteY18-182" fmla="*/ 409517 h 1023792"/>
                <a:gd name="connsiteX19-183" fmla="*/ 1189092 w 1194702"/>
                <a:gd name="connsiteY19-184" fmla="*/ 429151 h 1023792"/>
                <a:gd name="connsiteX20-185" fmla="*/ 1194702 w 1194702"/>
                <a:gd name="connsiteY20-186" fmla="*/ 768545 h 1023792"/>
                <a:gd name="connsiteX21-187" fmla="*/ 1020798 w 1194702"/>
                <a:gd name="connsiteY21-188" fmla="*/ 973303 h 1023792"/>
                <a:gd name="connsiteX22-189" fmla="*/ 1020798 w 1194702"/>
                <a:gd name="connsiteY22-190" fmla="*/ 1015377 h 1023792"/>
                <a:gd name="connsiteX23-191" fmla="*/ 451402 w 1194702"/>
                <a:gd name="connsiteY23-192" fmla="*/ 1023792 h 1023792"/>
                <a:gd name="connsiteX0-193" fmla="*/ 451402 w 1194702"/>
                <a:gd name="connsiteY0-194" fmla="*/ 1037938 h 1037938"/>
                <a:gd name="connsiteX1-195" fmla="*/ 11031 w 1194702"/>
                <a:gd name="connsiteY1-196" fmla="*/ 482566 h 1037938"/>
                <a:gd name="connsiteX2-197" fmla="*/ 207375 w 1194702"/>
                <a:gd name="connsiteY2-198" fmla="*/ 342321 h 1037938"/>
                <a:gd name="connsiteX3-199" fmla="*/ 313961 w 1194702"/>
                <a:gd name="connsiteY3-200" fmla="*/ 451712 h 1037938"/>
                <a:gd name="connsiteX4-201" fmla="*/ 316766 w 1194702"/>
                <a:gd name="connsiteY4-202" fmla="*/ 98294 h 1037938"/>
                <a:gd name="connsiteX5-203" fmla="*/ 496280 w 1194702"/>
                <a:gd name="connsiteY5-204" fmla="*/ 98294 h 1037938"/>
                <a:gd name="connsiteX6-205" fmla="*/ 496280 w 1194702"/>
                <a:gd name="connsiteY6-206" fmla="*/ 232929 h 1037938"/>
                <a:gd name="connsiteX7-207" fmla="*/ 527134 w 1194702"/>
                <a:gd name="connsiteY7-208" fmla="*/ 232929 h 1037938"/>
                <a:gd name="connsiteX8-209" fmla="*/ 527134 w 1194702"/>
                <a:gd name="connsiteY8-210" fmla="*/ 81464 h 1037938"/>
                <a:gd name="connsiteX9-211" fmla="*/ 717868 w 1194702"/>
                <a:gd name="connsiteY9-212" fmla="*/ 81464 h 1037938"/>
                <a:gd name="connsiteX10-213" fmla="*/ 729087 w 1194702"/>
                <a:gd name="connsiteY10-214" fmla="*/ 232929 h 1037938"/>
                <a:gd name="connsiteX11-215" fmla="*/ 748722 w 1194702"/>
                <a:gd name="connsiteY11-216" fmla="*/ 230124 h 1037938"/>
                <a:gd name="connsiteX12-217" fmla="*/ 748722 w 1194702"/>
                <a:gd name="connsiteY12-218" fmla="*/ 14146 h 1037938"/>
                <a:gd name="connsiteX13-219" fmla="*/ 950675 w 1194702"/>
                <a:gd name="connsiteY13-220" fmla="*/ 14146 h 1037938"/>
                <a:gd name="connsiteX14-221" fmla="*/ 950675 w 1194702"/>
                <a:gd name="connsiteY14-222" fmla="*/ 224515 h 1037938"/>
                <a:gd name="connsiteX15-223" fmla="*/ 1001164 w 1194702"/>
                <a:gd name="connsiteY15-224" fmla="*/ 221710 h 1037938"/>
                <a:gd name="connsiteX16-225" fmla="*/ 1001164 w 1194702"/>
                <a:gd name="connsiteY16-226" fmla="*/ 98294 h 1037938"/>
                <a:gd name="connsiteX17-227" fmla="*/ 1147019 w 1194702"/>
                <a:gd name="connsiteY17-228" fmla="*/ 98294 h 1037938"/>
                <a:gd name="connsiteX18-229" fmla="*/ 1161043 w 1194702"/>
                <a:gd name="connsiteY18-230" fmla="*/ 423663 h 1037938"/>
                <a:gd name="connsiteX19-231" fmla="*/ 1189092 w 1194702"/>
                <a:gd name="connsiteY19-232" fmla="*/ 443297 h 1037938"/>
                <a:gd name="connsiteX20-233" fmla="*/ 1194702 w 1194702"/>
                <a:gd name="connsiteY20-234" fmla="*/ 782691 h 1037938"/>
                <a:gd name="connsiteX21-235" fmla="*/ 1020798 w 1194702"/>
                <a:gd name="connsiteY21-236" fmla="*/ 987449 h 1037938"/>
                <a:gd name="connsiteX22-237" fmla="*/ 1020798 w 1194702"/>
                <a:gd name="connsiteY22-238" fmla="*/ 1029523 h 1037938"/>
                <a:gd name="connsiteX23-239" fmla="*/ 451402 w 1194702"/>
                <a:gd name="connsiteY23-240" fmla="*/ 1037938 h 1037938"/>
                <a:gd name="connsiteX0-241" fmla="*/ 451402 w 1194702"/>
                <a:gd name="connsiteY0-242" fmla="*/ 1064930 h 1064930"/>
                <a:gd name="connsiteX1-243" fmla="*/ 11031 w 1194702"/>
                <a:gd name="connsiteY1-244" fmla="*/ 509558 h 1064930"/>
                <a:gd name="connsiteX2-245" fmla="*/ 207375 w 1194702"/>
                <a:gd name="connsiteY2-246" fmla="*/ 369313 h 1064930"/>
                <a:gd name="connsiteX3-247" fmla="*/ 313961 w 1194702"/>
                <a:gd name="connsiteY3-248" fmla="*/ 478704 h 1064930"/>
                <a:gd name="connsiteX4-249" fmla="*/ 316766 w 1194702"/>
                <a:gd name="connsiteY4-250" fmla="*/ 125286 h 1064930"/>
                <a:gd name="connsiteX5-251" fmla="*/ 496280 w 1194702"/>
                <a:gd name="connsiteY5-252" fmla="*/ 125286 h 1064930"/>
                <a:gd name="connsiteX6-253" fmla="*/ 496280 w 1194702"/>
                <a:gd name="connsiteY6-254" fmla="*/ 259921 h 1064930"/>
                <a:gd name="connsiteX7-255" fmla="*/ 527134 w 1194702"/>
                <a:gd name="connsiteY7-256" fmla="*/ 259921 h 1064930"/>
                <a:gd name="connsiteX8-257" fmla="*/ 527134 w 1194702"/>
                <a:gd name="connsiteY8-258" fmla="*/ 108456 h 1064930"/>
                <a:gd name="connsiteX9-259" fmla="*/ 717868 w 1194702"/>
                <a:gd name="connsiteY9-260" fmla="*/ 108456 h 1064930"/>
                <a:gd name="connsiteX10-261" fmla="*/ 729087 w 1194702"/>
                <a:gd name="connsiteY10-262" fmla="*/ 259921 h 1064930"/>
                <a:gd name="connsiteX11-263" fmla="*/ 748722 w 1194702"/>
                <a:gd name="connsiteY11-264" fmla="*/ 257116 h 1064930"/>
                <a:gd name="connsiteX12-265" fmla="*/ 748722 w 1194702"/>
                <a:gd name="connsiteY12-266" fmla="*/ 41138 h 1064930"/>
                <a:gd name="connsiteX13-267" fmla="*/ 950675 w 1194702"/>
                <a:gd name="connsiteY13-268" fmla="*/ 41138 h 1064930"/>
                <a:gd name="connsiteX14-269" fmla="*/ 950675 w 1194702"/>
                <a:gd name="connsiteY14-270" fmla="*/ 251507 h 1064930"/>
                <a:gd name="connsiteX15-271" fmla="*/ 1001164 w 1194702"/>
                <a:gd name="connsiteY15-272" fmla="*/ 248702 h 1064930"/>
                <a:gd name="connsiteX16-273" fmla="*/ 1001164 w 1194702"/>
                <a:gd name="connsiteY16-274" fmla="*/ 125286 h 1064930"/>
                <a:gd name="connsiteX17-275" fmla="*/ 1147019 w 1194702"/>
                <a:gd name="connsiteY17-276" fmla="*/ 125286 h 1064930"/>
                <a:gd name="connsiteX18-277" fmla="*/ 1161043 w 1194702"/>
                <a:gd name="connsiteY18-278" fmla="*/ 450655 h 1064930"/>
                <a:gd name="connsiteX19-279" fmla="*/ 1189092 w 1194702"/>
                <a:gd name="connsiteY19-280" fmla="*/ 470289 h 1064930"/>
                <a:gd name="connsiteX20-281" fmla="*/ 1194702 w 1194702"/>
                <a:gd name="connsiteY20-282" fmla="*/ 809683 h 1064930"/>
                <a:gd name="connsiteX21-283" fmla="*/ 1020798 w 1194702"/>
                <a:gd name="connsiteY21-284" fmla="*/ 1014441 h 1064930"/>
                <a:gd name="connsiteX22-285" fmla="*/ 1020798 w 1194702"/>
                <a:gd name="connsiteY22-286" fmla="*/ 1056515 h 1064930"/>
                <a:gd name="connsiteX23-287" fmla="*/ 451402 w 1194702"/>
                <a:gd name="connsiteY23-288" fmla="*/ 1064930 h 1064930"/>
                <a:gd name="connsiteX0-289" fmla="*/ 451402 w 1194702"/>
                <a:gd name="connsiteY0-290" fmla="*/ 1110486 h 1110486"/>
                <a:gd name="connsiteX1-291" fmla="*/ 11031 w 1194702"/>
                <a:gd name="connsiteY1-292" fmla="*/ 555114 h 1110486"/>
                <a:gd name="connsiteX2-293" fmla="*/ 207375 w 1194702"/>
                <a:gd name="connsiteY2-294" fmla="*/ 414869 h 1110486"/>
                <a:gd name="connsiteX3-295" fmla="*/ 313961 w 1194702"/>
                <a:gd name="connsiteY3-296" fmla="*/ 524260 h 1110486"/>
                <a:gd name="connsiteX4-297" fmla="*/ 316766 w 1194702"/>
                <a:gd name="connsiteY4-298" fmla="*/ 170842 h 1110486"/>
                <a:gd name="connsiteX5-299" fmla="*/ 496280 w 1194702"/>
                <a:gd name="connsiteY5-300" fmla="*/ 170842 h 1110486"/>
                <a:gd name="connsiteX6-301" fmla="*/ 496280 w 1194702"/>
                <a:gd name="connsiteY6-302" fmla="*/ 305477 h 1110486"/>
                <a:gd name="connsiteX7-303" fmla="*/ 527134 w 1194702"/>
                <a:gd name="connsiteY7-304" fmla="*/ 305477 h 1110486"/>
                <a:gd name="connsiteX8-305" fmla="*/ 527134 w 1194702"/>
                <a:gd name="connsiteY8-306" fmla="*/ 154012 h 1110486"/>
                <a:gd name="connsiteX9-307" fmla="*/ 717868 w 1194702"/>
                <a:gd name="connsiteY9-308" fmla="*/ 154012 h 1110486"/>
                <a:gd name="connsiteX10-309" fmla="*/ 729087 w 1194702"/>
                <a:gd name="connsiteY10-310" fmla="*/ 305477 h 1110486"/>
                <a:gd name="connsiteX11-311" fmla="*/ 748722 w 1194702"/>
                <a:gd name="connsiteY11-312" fmla="*/ 302672 h 1110486"/>
                <a:gd name="connsiteX12-313" fmla="*/ 748722 w 1194702"/>
                <a:gd name="connsiteY12-314" fmla="*/ 86694 h 1110486"/>
                <a:gd name="connsiteX13-315" fmla="*/ 950675 w 1194702"/>
                <a:gd name="connsiteY13-316" fmla="*/ 86694 h 1110486"/>
                <a:gd name="connsiteX14-317" fmla="*/ 950675 w 1194702"/>
                <a:gd name="connsiteY14-318" fmla="*/ 297063 h 1110486"/>
                <a:gd name="connsiteX15-319" fmla="*/ 1001164 w 1194702"/>
                <a:gd name="connsiteY15-320" fmla="*/ 294258 h 1110486"/>
                <a:gd name="connsiteX16-321" fmla="*/ 1001164 w 1194702"/>
                <a:gd name="connsiteY16-322" fmla="*/ 170842 h 1110486"/>
                <a:gd name="connsiteX17-323" fmla="*/ 1147019 w 1194702"/>
                <a:gd name="connsiteY17-324" fmla="*/ 170842 h 1110486"/>
                <a:gd name="connsiteX18-325" fmla="*/ 1161043 w 1194702"/>
                <a:gd name="connsiteY18-326" fmla="*/ 496211 h 1110486"/>
                <a:gd name="connsiteX19-327" fmla="*/ 1189092 w 1194702"/>
                <a:gd name="connsiteY19-328" fmla="*/ 515845 h 1110486"/>
                <a:gd name="connsiteX20-329" fmla="*/ 1194702 w 1194702"/>
                <a:gd name="connsiteY20-330" fmla="*/ 855239 h 1110486"/>
                <a:gd name="connsiteX21-331" fmla="*/ 1020798 w 1194702"/>
                <a:gd name="connsiteY21-332" fmla="*/ 1059997 h 1110486"/>
                <a:gd name="connsiteX22-333" fmla="*/ 1020798 w 1194702"/>
                <a:gd name="connsiteY22-334" fmla="*/ 1102071 h 1110486"/>
                <a:gd name="connsiteX23-335" fmla="*/ 451402 w 1194702"/>
                <a:gd name="connsiteY23-336" fmla="*/ 1110486 h 1110486"/>
                <a:gd name="connsiteX0-337" fmla="*/ 451402 w 1194702"/>
                <a:gd name="connsiteY0-338" fmla="*/ 1124506 h 1124506"/>
                <a:gd name="connsiteX1-339" fmla="*/ 11031 w 1194702"/>
                <a:gd name="connsiteY1-340" fmla="*/ 569134 h 1124506"/>
                <a:gd name="connsiteX2-341" fmla="*/ 207375 w 1194702"/>
                <a:gd name="connsiteY2-342" fmla="*/ 428889 h 1124506"/>
                <a:gd name="connsiteX3-343" fmla="*/ 313961 w 1194702"/>
                <a:gd name="connsiteY3-344" fmla="*/ 538280 h 1124506"/>
                <a:gd name="connsiteX4-345" fmla="*/ 316766 w 1194702"/>
                <a:gd name="connsiteY4-346" fmla="*/ 184862 h 1124506"/>
                <a:gd name="connsiteX5-347" fmla="*/ 496280 w 1194702"/>
                <a:gd name="connsiteY5-348" fmla="*/ 184862 h 1124506"/>
                <a:gd name="connsiteX6-349" fmla="*/ 496280 w 1194702"/>
                <a:gd name="connsiteY6-350" fmla="*/ 319497 h 1124506"/>
                <a:gd name="connsiteX7-351" fmla="*/ 527134 w 1194702"/>
                <a:gd name="connsiteY7-352" fmla="*/ 319497 h 1124506"/>
                <a:gd name="connsiteX8-353" fmla="*/ 527134 w 1194702"/>
                <a:gd name="connsiteY8-354" fmla="*/ 168032 h 1124506"/>
                <a:gd name="connsiteX9-355" fmla="*/ 723478 w 1194702"/>
                <a:gd name="connsiteY9-356" fmla="*/ 137178 h 1124506"/>
                <a:gd name="connsiteX10-357" fmla="*/ 729087 w 1194702"/>
                <a:gd name="connsiteY10-358" fmla="*/ 319497 h 1124506"/>
                <a:gd name="connsiteX11-359" fmla="*/ 748722 w 1194702"/>
                <a:gd name="connsiteY11-360" fmla="*/ 316692 h 1124506"/>
                <a:gd name="connsiteX12-361" fmla="*/ 748722 w 1194702"/>
                <a:gd name="connsiteY12-362" fmla="*/ 100714 h 1124506"/>
                <a:gd name="connsiteX13-363" fmla="*/ 950675 w 1194702"/>
                <a:gd name="connsiteY13-364" fmla="*/ 100714 h 1124506"/>
                <a:gd name="connsiteX14-365" fmla="*/ 950675 w 1194702"/>
                <a:gd name="connsiteY14-366" fmla="*/ 311083 h 1124506"/>
                <a:gd name="connsiteX15-367" fmla="*/ 1001164 w 1194702"/>
                <a:gd name="connsiteY15-368" fmla="*/ 308278 h 1124506"/>
                <a:gd name="connsiteX16-369" fmla="*/ 1001164 w 1194702"/>
                <a:gd name="connsiteY16-370" fmla="*/ 184862 h 1124506"/>
                <a:gd name="connsiteX17-371" fmla="*/ 1147019 w 1194702"/>
                <a:gd name="connsiteY17-372" fmla="*/ 184862 h 1124506"/>
                <a:gd name="connsiteX18-373" fmla="*/ 1161043 w 1194702"/>
                <a:gd name="connsiteY18-374" fmla="*/ 510231 h 1124506"/>
                <a:gd name="connsiteX19-375" fmla="*/ 1189092 w 1194702"/>
                <a:gd name="connsiteY19-376" fmla="*/ 529865 h 1124506"/>
                <a:gd name="connsiteX20-377" fmla="*/ 1194702 w 1194702"/>
                <a:gd name="connsiteY20-378" fmla="*/ 869259 h 1124506"/>
                <a:gd name="connsiteX21-379" fmla="*/ 1020798 w 1194702"/>
                <a:gd name="connsiteY21-380" fmla="*/ 1074017 h 1124506"/>
                <a:gd name="connsiteX22-381" fmla="*/ 1020798 w 1194702"/>
                <a:gd name="connsiteY22-382" fmla="*/ 1116091 h 1124506"/>
                <a:gd name="connsiteX23-383" fmla="*/ 451402 w 1194702"/>
                <a:gd name="connsiteY23-384" fmla="*/ 1124506 h 1124506"/>
                <a:gd name="connsiteX0-385" fmla="*/ 451402 w 1194702"/>
                <a:gd name="connsiteY0-386" fmla="*/ 1141340 h 1141340"/>
                <a:gd name="connsiteX1-387" fmla="*/ 11031 w 1194702"/>
                <a:gd name="connsiteY1-388" fmla="*/ 585968 h 1141340"/>
                <a:gd name="connsiteX2-389" fmla="*/ 207375 w 1194702"/>
                <a:gd name="connsiteY2-390" fmla="*/ 445723 h 1141340"/>
                <a:gd name="connsiteX3-391" fmla="*/ 313961 w 1194702"/>
                <a:gd name="connsiteY3-392" fmla="*/ 555114 h 1141340"/>
                <a:gd name="connsiteX4-393" fmla="*/ 316766 w 1194702"/>
                <a:gd name="connsiteY4-394" fmla="*/ 201696 h 1141340"/>
                <a:gd name="connsiteX5-395" fmla="*/ 496280 w 1194702"/>
                <a:gd name="connsiteY5-396" fmla="*/ 201696 h 1141340"/>
                <a:gd name="connsiteX6-397" fmla="*/ 496280 w 1194702"/>
                <a:gd name="connsiteY6-398" fmla="*/ 336331 h 1141340"/>
                <a:gd name="connsiteX7-399" fmla="*/ 527134 w 1194702"/>
                <a:gd name="connsiteY7-400" fmla="*/ 336331 h 1141340"/>
                <a:gd name="connsiteX8-401" fmla="*/ 524329 w 1194702"/>
                <a:gd name="connsiteY8-402" fmla="*/ 154012 h 1141340"/>
                <a:gd name="connsiteX9-403" fmla="*/ 723478 w 1194702"/>
                <a:gd name="connsiteY9-404" fmla="*/ 154012 h 1141340"/>
                <a:gd name="connsiteX10-405" fmla="*/ 729087 w 1194702"/>
                <a:gd name="connsiteY10-406" fmla="*/ 336331 h 1141340"/>
                <a:gd name="connsiteX11-407" fmla="*/ 748722 w 1194702"/>
                <a:gd name="connsiteY11-408" fmla="*/ 333526 h 1141340"/>
                <a:gd name="connsiteX12-409" fmla="*/ 748722 w 1194702"/>
                <a:gd name="connsiteY12-410" fmla="*/ 117548 h 1141340"/>
                <a:gd name="connsiteX13-411" fmla="*/ 950675 w 1194702"/>
                <a:gd name="connsiteY13-412" fmla="*/ 117548 h 1141340"/>
                <a:gd name="connsiteX14-413" fmla="*/ 950675 w 1194702"/>
                <a:gd name="connsiteY14-414" fmla="*/ 327917 h 1141340"/>
                <a:gd name="connsiteX15-415" fmla="*/ 1001164 w 1194702"/>
                <a:gd name="connsiteY15-416" fmla="*/ 325112 h 1141340"/>
                <a:gd name="connsiteX16-417" fmla="*/ 1001164 w 1194702"/>
                <a:gd name="connsiteY16-418" fmla="*/ 201696 h 1141340"/>
                <a:gd name="connsiteX17-419" fmla="*/ 1147019 w 1194702"/>
                <a:gd name="connsiteY17-420" fmla="*/ 201696 h 1141340"/>
                <a:gd name="connsiteX18-421" fmla="*/ 1161043 w 1194702"/>
                <a:gd name="connsiteY18-422" fmla="*/ 527065 h 1141340"/>
                <a:gd name="connsiteX19-423" fmla="*/ 1189092 w 1194702"/>
                <a:gd name="connsiteY19-424" fmla="*/ 546699 h 1141340"/>
                <a:gd name="connsiteX20-425" fmla="*/ 1194702 w 1194702"/>
                <a:gd name="connsiteY20-426" fmla="*/ 886093 h 1141340"/>
                <a:gd name="connsiteX21-427" fmla="*/ 1020798 w 1194702"/>
                <a:gd name="connsiteY21-428" fmla="*/ 1090851 h 1141340"/>
                <a:gd name="connsiteX22-429" fmla="*/ 1020798 w 1194702"/>
                <a:gd name="connsiteY22-430" fmla="*/ 1132925 h 1141340"/>
                <a:gd name="connsiteX23-431" fmla="*/ 451402 w 1194702"/>
                <a:gd name="connsiteY23-432" fmla="*/ 1141340 h 1141340"/>
                <a:gd name="connsiteX0-433" fmla="*/ 451402 w 1194702"/>
                <a:gd name="connsiteY0-434" fmla="*/ 1104142 h 1104142"/>
                <a:gd name="connsiteX1-435" fmla="*/ 11031 w 1194702"/>
                <a:gd name="connsiteY1-436" fmla="*/ 548770 h 1104142"/>
                <a:gd name="connsiteX2-437" fmla="*/ 207375 w 1194702"/>
                <a:gd name="connsiteY2-438" fmla="*/ 408525 h 1104142"/>
                <a:gd name="connsiteX3-439" fmla="*/ 313961 w 1194702"/>
                <a:gd name="connsiteY3-440" fmla="*/ 517916 h 1104142"/>
                <a:gd name="connsiteX4-441" fmla="*/ 316766 w 1194702"/>
                <a:gd name="connsiteY4-442" fmla="*/ 164498 h 1104142"/>
                <a:gd name="connsiteX5-443" fmla="*/ 496280 w 1194702"/>
                <a:gd name="connsiteY5-444" fmla="*/ 164498 h 1104142"/>
                <a:gd name="connsiteX6-445" fmla="*/ 496280 w 1194702"/>
                <a:gd name="connsiteY6-446" fmla="*/ 299133 h 1104142"/>
                <a:gd name="connsiteX7-447" fmla="*/ 527134 w 1194702"/>
                <a:gd name="connsiteY7-448" fmla="*/ 299133 h 1104142"/>
                <a:gd name="connsiteX8-449" fmla="*/ 524329 w 1194702"/>
                <a:gd name="connsiteY8-450" fmla="*/ 116814 h 1104142"/>
                <a:gd name="connsiteX9-451" fmla="*/ 723478 w 1194702"/>
                <a:gd name="connsiteY9-452" fmla="*/ 116814 h 1104142"/>
                <a:gd name="connsiteX10-453" fmla="*/ 729087 w 1194702"/>
                <a:gd name="connsiteY10-454" fmla="*/ 299133 h 1104142"/>
                <a:gd name="connsiteX11-455" fmla="*/ 748722 w 1194702"/>
                <a:gd name="connsiteY11-456" fmla="*/ 296328 h 1104142"/>
                <a:gd name="connsiteX12-457" fmla="*/ 748722 w 1194702"/>
                <a:gd name="connsiteY12-458" fmla="*/ 80350 h 1104142"/>
                <a:gd name="connsiteX13-459" fmla="*/ 950675 w 1194702"/>
                <a:gd name="connsiteY13-460" fmla="*/ 80350 h 1104142"/>
                <a:gd name="connsiteX14-461" fmla="*/ 950675 w 1194702"/>
                <a:gd name="connsiteY14-462" fmla="*/ 290719 h 1104142"/>
                <a:gd name="connsiteX15-463" fmla="*/ 1001164 w 1194702"/>
                <a:gd name="connsiteY15-464" fmla="*/ 287914 h 1104142"/>
                <a:gd name="connsiteX16-465" fmla="*/ 1001164 w 1194702"/>
                <a:gd name="connsiteY16-466" fmla="*/ 164498 h 1104142"/>
                <a:gd name="connsiteX17-467" fmla="*/ 1147019 w 1194702"/>
                <a:gd name="connsiteY17-468" fmla="*/ 164498 h 1104142"/>
                <a:gd name="connsiteX18-469" fmla="*/ 1161043 w 1194702"/>
                <a:gd name="connsiteY18-470" fmla="*/ 489867 h 1104142"/>
                <a:gd name="connsiteX19-471" fmla="*/ 1189092 w 1194702"/>
                <a:gd name="connsiteY19-472" fmla="*/ 509501 h 1104142"/>
                <a:gd name="connsiteX20-473" fmla="*/ 1194702 w 1194702"/>
                <a:gd name="connsiteY20-474" fmla="*/ 848895 h 1104142"/>
                <a:gd name="connsiteX21-475" fmla="*/ 1020798 w 1194702"/>
                <a:gd name="connsiteY21-476" fmla="*/ 1053653 h 1104142"/>
                <a:gd name="connsiteX22-477" fmla="*/ 1020798 w 1194702"/>
                <a:gd name="connsiteY22-478" fmla="*/ 1095727 h 1104142"/>
                <a:gd name="connsiteX23-479" fmla="*/ 451402 w 1194702"/>
                <a:gd name="connsiteY23-480" fmla="*/ 1104142 h 1104142"/>
                <a:gd name="connsiteX0-481" fmla="*/ 451402 w 1194702"/>
                <a:gd name="connsiteY0-482" fmla="*/ 1104142 h 1104142"/>
                <a:gd name="connsiteX1-483" fmla="*/ 11031 w 1194702"/>
                <a:gd name="connsiteY1-484" fmla="*/ 548770 h 1104142"/>
                <a:gd name="connsiteX2-485" fmla="*/ 207375 w 1194702"/>
                <a:gd name="connsiteY2-486" fmla="*/ 408525 h 1104142"/>
                <a:gd name="connsiteX3-487" fmla="*/ 313961 w 1194702"/>
                <a:gd name="connsiteY3-488" fmla="*/ 517916 h 1104142"/>
                <a:gd name="connsiteX4-489" fmla="*/ 316766 w 1194702"/>
                <a:gd name="connsiteY4-490" fmla="*/ 164498 h 1104142"/>
                <a:gd name="connsiteX5-491" fmla="*/ 496280 w 1194702"/>
                <a:gd name="connsiteY5-492" fmla="*/ 164498 h 1104142"/>
                <a:gd name="connsiteX6-493" fmla="*/ 496280 w 1194702"/>
                <a:gd name="connsiteY6-494" fmla="*/ 299133 h 1104142"/>
                <a:gd name="connsiteX7-495" fmla="*/ 527134 w 1194702"/>
                <a:gd name="connsiteY7-496" fmla="*/ 299133 h 1104142"/>
                <a:gd name="connsiteX8-497" fmla="*/ 524329 w 1194702"/>
                <a:gd name="connsiteY8-498" fmla="*/ 116814 h 1104142"/>
                <a:gd name="connsiteX9-499" fmla="*/ 723478 w 1194702"/>
                <a:gd name="connsiteY9-500" fmla="*/ 116814 h 1104142"/>
                <a:gd name="connsiteX10-501" fmla="*/ 729087 w 1194702"/>
                <a:gd name="connsiteY10-502" fmla="*/ 299133 h 1104142"/>
                <a:gd name="connsiteX11-503" fmla="*/ 748722 w 1194702"/>
                <a:gd name="connsiteY11-504" fmla="*/ 296328 h 1104142"/>
                <a:gd name="connsiteX12-505" fmla="*/ 748722 w 1194702"/>
                <a:gd name="connsiteY12-506" fmla="*/ 80350 h 1104142"/>
                <a:gd name="connsiteX13-507" fmla="*/ 950675 w 1194702"/>
                <a:gd name="connsiteY13-508" fmla="*/ 80350 h 1104142"/>
                <a:gd name="connsiteX14-509" fmla="*/ 950675 w 1194702"/>
                <a:gd name="connsiteY14-510" fmla="*/ 290719 h 1104142"/>
                <a:gd name="connsiteX15-511" fmla="*/ 1001164 w 1194702"/>
                <a:gd name="connsiteY15-512" fmla="*/ 287914 h 1104142"/>
                <a:gd name="connsiteX16-513" fmla="*/ 1001164 w 1194702"/>
                <a:gd name="connsiteY16-514" fmla="*/ 164498 h 1104142"/>
                <a:gd name="connsiteX17-515" fmla="*/ 1147019 w 1194702"/>
                <a:gd name="connsiteY17-516" fmla="*/ 164498 h 1104142"/>
                <a:gd name="connsiteX18-517" fmla="*/ 1161043 w 1194702"/>
                <a:gd name="connsiteY18-518" fmla="*/ 489867 h 1104142"/>
                <a:gd name="connsiteX19-519" fmla="*/ 1189092 w 1194702"/>
                <a:gd name="connsiteY19-520" fmla="*/ 509501 h 1104142"/>
                <a:gd name="connsiteX20-521" fmla="*/ 1194702 w 1194702"/>
                <a:gd name="connsiteY20-522" fmla="*/ 848895 h 1104142"/>
                <a:gd name="connsiteX21-523" fmla="*/ 1020798 w 1194702"/>
                <a:gd name="connsiteY21-524" fmla="*/ 1053653 h 1104142"/>
                <a:gd name="connsiteX22-525" fmla="*/ 1020798 w 1194702"/>
                <a:gd name="connsiteY22-526" fmla="*/ 1095727 h 1104142"/>
                <a:gd name="connsiteX23-527" fmla="*/ 451402 w 1194702"/>
                <a:gd name="connsiteY23-528" fmla="*/ 1104142 h 1104142"/>
                <a:gd name="connsiteX0-529" fmla="*/ 451402 w 1194702"/>
                <a:gd name="connsiteY0-530" fmla="*/ 1104142 h 1104142"/>
                <a:gd name="connsiteX1-531" fmla="*/ 11031 w 1194702"/>
                <a:gd name="connsiteY1-532" fmla="*/ 548770 h 1104142"/>
                <a:gd name="connsiteX2-533" fmla="*/ 207375 w 1194702"/>
                <a:gd name="connsiteY2-534" fmla="*/ 408525 h 1104142"/>
                <a:gd name="connsiteX3-535" fmla="*/ 313961 w 1194702"/>
                <a:gd name="connsiteY3-536" fmla="*/ 517916 h 1104142"/>
                <a:gd name="connsiteX4-537" fmla="*/ 316766 w 1194702"/>
                <a:gd name="connsiteY4-538" fmla="*/ 164498 h 1104142"/>
                <a:gd name="connsiteX5-539" fmla="*/ 496280 w 1194702"/>
                <a:gd name="connsiteY5-540" fmla="*/ 164498 h 1104142"/>
                <a:gd name="connsiteX6-541" fmla="*/ 496280 w 1194702"/>
                <a:gd name="connsiteY6-542" fmla="*/ 299133 h 1104142"/>
                <a:gd name="connsiteX7-543" fmla="*/ 527134 w 1194702"/>
                <a:gd name="connsiteY7-544" fmla="*/ 299133 h 1104142"/>
                <a:gd name="connsiteX8-545" fmla="*/ 524329 w 1194702"/>
                <a:gd name="connsiteY8-546" fmla="*/ 116814 h 1104142"/>
                <a:gd name="connsiteX9-547" fmla="*/ 723478 w 1194702"/>
                <a:gd name="connsiteY9-548" fmla="*/ 116814 h 1104142"/>
                <a:gd name="connsiteX10-549" fmla="*/ 729087 w 1194702"/>
                <a:gd name="connsiteY10-550" fmla="*/ 299133 h 1104142"/>
                <a:gd name="connsiteX11-551" fmla="*/ 748722 w 1194702"/>
                <a:gd name="connsiteY11-552" fmla="*/ 296328 h 1104142"/>
                <a:gd name="connsiteX12-553" fmla="*/ 748722 w 1194702"/>
                <a:gd name="connsiteY12-554" fmla="*/ 80350 h 1104142"/>
                <a:gd name="connsiteX13-555" fmla="*/ 950675 w 1194702"/>
                <a:gd name="connsiteY13-556" fmla="*/ 80350 h 1104142"/>
                <a:gd name="connsiteX14-557" fmla="*/ 950675 w 1194702"/>
                <a:gd name="connsiteY14-558" fmla="*/ 290719 h 1104142"/>
                <a:gd name="connsiteX15-559" fmla="*/ 1001164 w 1194702"/>
                <a:gd name="connsiteY15-560" fmla="*/ 287914 h 1104142"/>
                <a:gd name="connsiteX16-561" fmla="*/ 1001164 w 1194702"/>
                <a:gd name="connsiteY16-562" fmla="*/ 164498 h 1104142"/>
                <a:gd name="connsiteX17-563" fmla="*/ 1147019 w 1194702"/>
                <a:gd name="connsiteY17-564" fmla="*/ 164498 h 1104142"/>
                <a:gd name="connsiteX18-565" fmla="*/ 1161043 w 1194702"/>
                <a:gd name="connsiteY18-566" fmla="*/ 489867 h 1104142"/>
                <a:gd name="connsiteX19-567" fmla="*/ 1189092 w 1194702"/>
                <a:gd name="connsiteY19-568" fmla="*/ 509501 h 1104142"/>
                <a:gd name="connsiteX20-569" fmla="*/ 1194702 w 1194702"/>
                <a:gd name="connsiteY20-570" fmla="*/ 848895 h 1104142"/>
                <a:gd name="connsiteX21-571" fmla="*/ 1020798 w 1194702"/>
                <a:gd name="connsiteY21-572" fmla="*/ 1053653 h 1104142"/>
                <a:gd name="connsiteX22-573" fmla="*/ 1020798 w 1194702"/>
                <a:gd name="connsiteY22-574" fmla="*/ 1095727 h 1104142"/>
                <a:gd name="connsiteX23-575" fmla="*/ 451402 w 1194702"/>
                <a:gd name="connsiteY23-576" fmla="*/ 1104142 h 1104142"/>
                <a:gd name="connsiteX0-577" fmla="*/ 451402 w 1194702"/>
                <a:gd name="connsiteY0-578" fmla="*/ 1104142 h 1104142"/>
                <a:gd name="connsiteX1-579" fmla="*/ 11031 w 1194702"/>
                <a:gd name="connsiteY1-580" fmla="*/ 548770 h 1104142"/>
                <a:gd name="connsiteX2-581" fmla="*/ 207375 w 1194702"/>
                <a:gd name="connsiteY2-582" fmla="*/ 408525 h 1104142"/>
                <a:gd name="connsiteX3-583" fmla="*/ 313961 w 1194702"/>
                <a:gd name="connsiteY3-584" fmla="*/ 517916 h 1104142"/>
                <a:gd name="connsiteX4-585" fmla="*/ 316766 w 1194702"/>
                <a:gd name="connsiteY4-586" fmla="*/ 164498 h 1104142"/>
                <a:gd name="connsiteX5-587" fmla="*/ 496280 w 1194702"/>
                <a:gd name="connsiteY5-588" fmla="*/ 164498 h 1104142"/>
                <a:gd name="connsiteX6-589" fmla="*/ 496280 w 1194702"/>
                <a:gd name="connsiteY6-590" fmla="*/ 299133 h 1104142"/>
                <a:gd name="connsiteX7-591" fmla="*/ 527134 w 1194702"/>
                <a:gd name="connsiteY7-592" fmla="*/ 299133 h 1104142"/>
                <a:gd name="connsiteX8-593" fmla="*/ 524329 w 1194702"/>
                <a:gd name="connsiteY8-594" fmla="*/ 116814 h 1104142"/>
                <a:gd name="connsiteX9-595" fmla="*/ 723478 w 1194702"/>
                <a:gd name="connsiteY9-596" fmla="*/ 116814 h 1104142"/>
                <a:gd name="connsiteX10-597" fmla="*/ 729087 w 1194702"/>
                <a:gd name="connsiteY10-598" fmla="*/ 299133 h 1104142"/>
                <a:gd name="connsiteX11-599" fmla="*/ 748722 w 1194702"/>
                <a:gd name="connsiteY11-600" fmla="*/ 296328 h 1104142"/>
                <a:gd name="connsiteX12-601" fmla="*/ 748722 w 1194702"/>
                <a:gd name="connsiteY12-602" fmla="*/ 80350 h 1104142"/>
                <a:gd name="connsiteX13-603" fmla="*/ 950675 w 1194702"/>
                <a:gd name="connsiteY13-604" fmla="*/ 80350 h 1104142"/>
                <a:gd name="connsiteX14-605" fmla="*/ 950675 w 1194702"/>
                <a:gd name="connsiteY14-606" fmla="*/ 290719 h 1104142"/>
                <a:gd name="connsiteX15-607" fmla="*/ 1001164 w 1194702"/>
                <a:gd name="connsiteY15-608" fmla="*/ 287914 h 1104142"/>
                <a:gd name="connsiteX16-609" fmla="*/ 1001164 w 1194702"/>
                <a:gd name="connsiteY16-610" fmla="*/ 164498 h 1104142"/>
                <a:gd name="connsiteX17-611" fmla="*/ 1147019 w 1194702"/>
                <a:gd name="connsiteY17-612" fmla="*/ 164498 h 1104142"/>
                <a:gd name="connsiteX18-613" fmla="*/ 1161043 w 1194702"/>
                <a:gd name="connsiteY18-614" fmla="*/ 489867 h 1104142"/>
                <a:gd name="connsiteX19-615" fmla="*/ 1189092 w 1194702"/>
                <a:gd name="connsiteY19-616" fmla="*/ 509501 h 1104142"/>
                <a:gd name="connsiteX20-617" fmla="*/ 1194702 w 1194702"/>
                <a:gd name="connsiteY20-618" fmla="*/ 848895 h 1104142"/>
                <a:gd name="connsiteX21-619" fmla="*/ 1020798 w 1194702"/>
                <a:gd name="connsiteY21-620" fmla="*/ 1053653 h 1104142"/>
                <a:gd name="connsiteX22-621" fmla="*/ 1020798 w 1194702"/>
                <a:gd name="connsiteY22-622" fmla="*/ 1095727 h 1104142"/>
                <a:gd name="connsiteX23-623" fmla="*/ 451402 w 1194702"/>
                <a:gd name="connsiteY23-624" fmla="*/ 1104142 h 1104142"/>
                <a:gd name="connsiteX0-625" fmla="*/ 451402 w 1194702"/>
                <a:gd name="connsiteY0-626" fmla="*/ 1104142 h 1104142"/>
                <a:gd name="connsiteX1-627" fmla="*/ 11031 w 1194702"/>
                <a:gd name="connsiteY1-628" fmla="*/ 548770 h 1104142"/>
                <a:gd name="connsiteX2-629" fmla="*/ 207375 w 1194702"/>
                <a:gd name="connsiteY2-630" fmla="*/ 408525 h 1104142"/>
                <a:gd name="connsiteX3-631" fmla="*/ 313961 w 1194702"/>
                <a:gd name="connsiteY3-632" fmla="*/ 517916 h 1104142"/>
                <a:gd name="connsiteX4-633" fmla="*/ 316766 w 1194702"/>
                <a:gd name="connsiteY4-634" fmla="*/ 164498 h 1104142"/>
                <a:gd name="connsiteX5-635" fmla="*/ 496280 w 1194702"/>
                <a:gd name="connsiteY5-636" fmla="*/ 164498 h 1104142"/>
                <a:gd name="connsiteX6-637" fmla="*/ 496280 w 1194702"/>
                <a:gd name="connsiteY6-638" fmla="*/ 299133 h 1104142"/>
                <a:gd name="connsiteX7-639" fmla="*/ 527134 w 1194702"/>
                <a:gd name="connsiteY7-640" fmla="*/ 299133 h 1104142"/>
                <a:gd name="connsiteX8-641" fmla="*/ 524329 w 1194702"/>
                <a:gd name="connsiteY8-642" fmla="*/ 116814 h 1104142"/>
                <a:gd name="connsiteX9-643" fmla="*/ 723478 w 1194702"/>
                <a:gd name="connsiteY9-644" fmla="*/ 116814 h 1104142"/>
                <a:gd name="connsiteX10-645" fmla="*/ 729087 w 1194702"/>
                <a:gd name="connsiteY10-646" fmla="*/ 299133 h 1104142"/>
                <a:gd name="connsiteX11-647" fmla="*/ 748722 w 1194702"/>
                <a:gd name="connsiteY11-648" fmla="*/ 296328 h 1104142"/>
                <a:gd name="connsiteX12-649" fmla="*/ 748722 w 1194702"/>
                <a:gd name="connsiteY12-650" fmla="*/ 80350 h 1104142"/>
                <a:gd name="connsiteX13-651" fmla="*/ 950675 w 1194702"/>
                <a:gd name="connsiteY13-652" fmla="*/ 80350 h 1104142"/>
                <a:gd name="connsiteX14-653" fmla="*/ 950675 w 1194702"/>
                <a:gd name="connsiteY14-654" fmla="*/ 290719 h 1104142"/>
                <a:gd name="connsiteX15-655" fmla="*/ 1001164 w 1194702"/>
                <a:gd name="connsiteY15-656" fmla="*/ 287914 h 1104142"/>
                <a:gd name="connsiteX16-657" fmla="*/ 1001164 w 1194702"/>
                <a:gd name="connsiteY16-658" fmla="*/ 164498 h 1104142"/>
                <a:gd name="connsiteX17-659" fmla="*/ 1147019 w 1194702"/>
                <a:gd name="connsiteY17-660" fmla="*/ 164498 h 1104142"/>
                <a:gd name="connsiteX18-661" fmla="*/ 1161043 w 1194702"/>
                <a:gd name="connsiteY18-662" fmla="*/ 489867 h 1104142"/>
                <a:gd name="connsiteX19-663" fmla="*/ 1189092 w 1194702"/>
                <a:gd name="connsiteY19-664" fmla="*/ 509501 h 1104142"/>
                <a:gd name="connsiteX20-665" fmla="*/ 1194702 w 1194702"/>
                <a:gd name="connsiteY20-666" fmla="*/ 848895 h 1104142"/>
                <a:gd name="connsiteX21-667" fmla="*/ 1020798 w 1194702"/>
                <a:gd name="connsiteY21-668" fmla="*/ 1053653 h 1104142"/>
                <a:gd name="connsiteX22-669" fmla="*/ 1020798 w 1194702"/>
                <a:gd name="connsiteY22-670" fmla="*/ 1095727 h 1104142"/>
                <a:gd name="connsiteX23-671" fmla="*/ 451402 w 1194702"/>
                <a:gd name="connsiteY23-672" fmla="*/ 1104142 h 1104142"/>
                <a:gd name="connsiteX0-673" fmla="*/ 451402 w 1194702"/>
                <a:gd name="connsiteY0-674" fmla="*/ 1104142 h 1104142"/>
                <a:gd name="connsiteX1-675" fmla="*/ 11031 w 1194702"/>
                <a:gd name="connsiteY1-676" fmla="*/ 548770 h 1104142"/>
                <a:gd name="connsiteX2-677" fmla="*/ 207375 w 1194702"/>
                <a:gd name="connsiteY2-678" fmla="*/ 408525 h 1104142"/>
                <a:gd name="connsiteX3-679" fmla="*/ 313961 w 1194702"/>
                <a:gd name="connsiteY3-680" fmla="*/ 517916 h 1104142"/>
                <a:gd name="connsiteX4-681" fmla="*/ 316766 w 1194702"/>
                <a:gd name="connsiteY4-682" fmla="*/ 164498 h 1104142"/>
                <a:gd name="connsiteX5-683" fmla="*/ 496280 w 1194702"/>
                <a:gd name="connsiteY5-684" fmla="*/ 164498 h 1104142"/>
                <a:gd name="connsiteX6-685" fmla="*/ 496280 w 1194702"/>
                <a:gd name="connsiteY6-686" fmla="*/ 299133 h 1104142"/>
                <a:gd name="connsiteX7-687" fmla="*/ 527134 w 1194702"/>
                <a:gd name="connsiteY7-688" fmla="*/ 299133 h 1104142"/>
                <a:gd name="connsiteX8-689" fmla="*/ 524329 w 1194702"/>
                <a:gd name="connsiteY8-690" fmla="*/ 116814 h 1104142"/>
                <a:gd name="connsiteX9-691" fmla="*/ 723478 w 1194702"/>
                <a:gd name="connsiteY9-692" fmla="*/ 116814 h 1104142"/>
                <a:gd name="connsiteX10-693" fmla="*/ 729087 w 1194702"/>
                <a:gd name="connsiteY10-694" fmla="*/ 299133 h 1104142"/>
                <a:gd name="connsiteX11-695" fmla="*/ 748722 w 1194702"/>
                <a:gd name="connsiteY11-696" fmla="*/ 296328 h 1104142"/>
                <a:gd name="connsiteX12-697" fmla="*/ 748722 w 1194702"/>
                <a:gd name="connsiteY12-698" fmla="*/ 80350 h 1104142"/>
                <a:gd name="connsiteX13-699" fmla="*/ 950675 w 1194702"/>
                <a:gd name="connsiteY13-700" fmla="*/ 80350 h 1104142"/>
                <a:gd name="connsiteX14-701" fmla="*/ 950675 w 1194702"/>
                <a:gd name="connsiteY14-702" fmla="*/ 290719 h 1104142"/>
                <a:gd name="connsiteX15-703" fmla="*/ 1001164 w 1194702"/>
                <a:gd name="connsiteY15-704" fmla="*/ 287914 h 1104142"/>
                <a:gd name="connsiteX16-705" fmla="*/ 1001164 w 1194702"/>
                <a:gd name="connsiteY16-706" fmla="*/ 164498 h 1104142"/>
                <a:gd name="connsiteX17-707" fmla="*/ 1147019 w 1194702"/>
                <a:gd name="connsiteY17-708" fmla="*/ 164498 h 1104142"/>
                <a:gd name="connsiteX18-709" fmla="*/ 1161043 w 1194702"/>
                <a:gd name="connsiteY18-710" fmla="*/ 489867 h 1104142"/>
                <a:gd name="connsiteX19-711" fmla="*/ 1189092 w 1194702"/>
                <a:gd name="connsiteY19-712" fmla="*/ 509501 h 1104142"/>
                <a:gd name="connsiteX20-713" fmla="*/ 1194702 w 1194702"/>
                <a:gd name="connsiteY20-714" fmla="*/ 848895 h 1104142"/>
                <a:gd name="connsiteX21-715" fmla="*/ 1020798 w 1194702"/>
                <a:gd name="connsiteY21-716" fmla="*/ 1053653 h 1104142"/>
                <a:gd name="connsiteX22-717" fmla="*/ 1020798 w 1194702"/>
                <a:gd name="connsiteY22-718" fmla="*/ 1095727 h 1104142"/>
                <a:gd name="connsiteX23-719" fmla="*/ 451402 w 1194702"/>
                <a:gd name="connsiteY23-720" fmla="*/ 1104142 h 1104142"/>
                <a:gd name="connsiteX0-721" fmla="*/ 451402 w 1194702"/>
                <a:gd name="connsiteY0-722" fmla="*/ 1104142 h 1104142"/>
                <a:gd name="connsiteX1-723" fmla="*/ 11031 w 1194702"/>
                <a:gd name="connsiteY1-724" fmla="*/ 548770 h 1104142"/>
                <a:gd name="connsiteX2-725" fmla="*/ 207375 w 1194702"/>
                <a:gd name="connsiteY2-726" fmla="*/ 408525 h 1104142"/>
                <a:gd name="connsiteX3-727" fmla="*/ 313961 w 1194702"/>
                <a:gd name="connsiteY3-728" fmla="*/ 517916 h 1104142"/>
                <a:gd name="connsiteX4-729" fmla="*/ 316766 w 1194702"/>
                <a:gd name="connsiteY4-730" fmla="*/ 164498 h 1104142"/>
                <a:gd name="connsiteX5-731" fmla="*/ 496280 w 1194702"/>
                <a:gd name="connsiteY5-732" fmla="*/ 164498 h 1104142"/>
                <a:gd name="connsiteX6-733" fmla="*/ 496280 w 1194702"/>
                <a:gd name="connsiteY6-734" fmla="*/ 299133 h 1104142"/>
                <a:gd name="connsiteX7-735" fmla="*/ 527134 w 1194702"/>
                <a:gd name="connsiteY7-736" fmla="*/ 299133 h 1104142"/>
                <a:gd name="connsiteX8-737" fmla="*/ 524329 w 1194702"/>
                <a:gd name="connsiteY8-738" fmla="*/ 116814 h 1104142"/>
                <a:gd name="connsiteX9-739" fmla="*/ 723478 w 1194702"/>
                <a:gd name="connsiteY9-740" fmla="*/ 116814 h 1104142"/>
                <a:gd name="connsiteX10-741" fmla="*/ 729087 w 1194702"/>
                <a:gd name="connsiteY10-742" fmla="*/ 299133 h 1104142"/>
                <a:gd name="connsiteX11-743" fmla="*/ 748722 w 1194702"/>
                <a:gd name="connsiteY11-744" fmla="*/ 296328 h 1104142"/>
                <a:gd name="connsiteX12-745" fmla="*/ 748722 w 1194702"/>
                <a:gd name="connsiteY12-746" fmla="*/ 80350 h 1104142"/>
                <a:gd name="connsiteX13-747" fmla="*/ 950675 w 1194702"/>
                <a:gd name="connsiteY13-748" fmla="*/ 80350 h 1104142"/>
                <a:gd name="connsiteX14-749" fmla="*/ 950675 w 1194702"/>
                <a:gd name="connsiteY14-750" fmla="*/ 290719 h 1104142"/>
                <a:gd name="connsiteX15-751" fmla="*/ 1001164 w 1194702"/>
                <a:gd name="connsiteY15-752" fmla="*/ 287914 h 1104142"/>
                <a:gd name="connsiteX16-753" fmla="*/ 1001164 w 1194702"/>
                <a:gd name="connsiteY16-754" fmla="*/ 164498 h 1104142"/>
                <a:gd name="connsiteX17-755" fmla="*/ 1147019 w 1194702"/>
                <a:gd name="connsiteY17-756" fmla="*/ 164498 h 1104142"/>
                <a:gd name="connsiteX18-757" fmla="*/ 1161043 w 1194702"/>
                <a:gd name="connsiteY18-758" fmla="*/ 489867 h 1104142"/>
                <a:gd name="connsiteX19-759" fmla="*/ 1189092 w 1194702"/>
                <a:gd name="connsiteY19-760" fmla="*/ 509501 h 1104142"/>
                <a:gd name="connsiteX20-761" fmla="*/ 1194702 w 1194702"/>
                <a:gd name="connsiteY20-762" fmla="*/ 848895 h 1104142"/>
                <a:gd name="connsiteX21-763" fmla="*/ 1020798 w 1194702"/>
                <a:gd name="connsiteY21-764" fmla="*/ 1053653 h 1104142"/>
                <a:gd name="connsiteX22-765" fmla="*/ 1020798 w 1194702"/>
                <a:gd name="connsiteY22-766" fmla="*/ 1095727 h 1104142"/>
                <a:gd name="connsiteX23-767" fmla="*/ 451402 w 1194702"/>
                <a:gd name="connsiteY23-768" fmla="*/ 1104142 h 1104142"/>
                <a:gd name="connsiteX0-769" fmla="*/ 451402 w 1194702"/>
                <a:gd name="connsiteY0-770" fmla="*/ 1104142 h 1104142"/>
                <a:gd name="connsiteX1-771" fmla="*/ 11031 w 1194702"/>
                <a:gd name="connsiteY1-772" fmla="*/ 548770 h 1104142"/>
                <a:gd name="connsiteX2-773" fmla="*/ 207375 w 1194702"/>
                <a:gd name="connsiteY2-774" fmla="*/ 408525 h 1104142"/>
                <a:gd name="connsiteX3-775" fmla="*/ 313961 w 1194702"/>
                <a:gd name="connsiteY3-776" fmla="*/ 517916 h 1104142"/>
                <a:gd name="connsiteX4-777" fmla="*/ 316766 w 1194702"/>
                <a:gd name="connsiteY4-778" fmla="*/ 164498 h 1104142"/>
                <a:gd name="connsiteX5-779" fmla="*/ 496280 w 1194702"/>
                <a:gd name="connsiteY5-780" fmla="*/ 164498 h 1104142"/>
                <a:gd name="connsiteX6-781" fmla="*/ 496280 w 1194702"/>
                <a:gd name="connsiteY6-782" fmla="*/ 299133 h 1104142"/>
                <a:gd name="connsiteX7-783" fmla="*/ 527134 w 1194702"/>
                <a:gd name="connsiteY7-784" fmla="*/ 299133 h 1104142"/>
                <a:gd name="connsiteX8-785" fmla="*/ 524329 w 1194702"/>
                <a:gd name="connsiteY8-786" fmla="*/ 116814 h 1104142"/>
                <a:gd name="connsiteX9-787" fmla="*/ 723478 w 1194702"/>
                <a:gd name="connsiteY9-788" fmla="*/ 116814 h 1104142"/>
                <a:gd name="connsiteX10-789" fmla="*/ 729087 w 1194702"/>
                <a:gd name="connsiteY10-790" fmla="*/ 299133 h 1104142"/>
                <a:gd name="connsiteX11-791" fmla="*/ 748722 w 1194702"/>
                <a:gd name="connsiteY11-792" fmla="*/ 296328 h 1104142"/>
                <a:gd name="connsiteX12-793" fmla="*/ 748722 w 1194702"/>
                <a:gd name="connsiteY12-794" fmla="*/ 80350 h 1104142"/>
                <a:gd name="connsiteX13-795" fmla="*/ 950675 w 1194702"/>
                <a:gd name="connsiteY13-796" fmla="*/ 80350 h 1104142"/>
                <a:gd name="connsiteX14-797" fmla="*/ 950675 w 1194702"/>
                <a:gd name="connsiteY14-798" fmla="*/ 290719 h 1104142"/>
                <a:gd name="connsiteX15-799" fmla="*/ 1001164 w 1194702"/>
                <a:gd name="connsiteY15-800" fmla="*/ 287914 h 1104142"/>
                <a:gd name="connsiteX16-801" fmla="*/ 1001164 w 1194702"/>
                <a:gd name="connsiteY16-802" fmla="*/ 164498 h 1104142"/>
                <a:gd name="connsiteX17-803" fmla="*/ 1147019 w 1194702"/>
                <a:gd name="connsiteY17-804" fmla="*/ 164498 h 1104142"/>
                <a:gd name="connsiteX18-805" fmla="*/ 1161043 w 1194702"/>
                <a:gd name="connsiteY18-806" fmla="*/ 489867 h 1104142"/>
                <a:gd name="connsiteX19-807" fmla="*/ 1189092 w 1194702"/>
                <a:gd name="connsiteY19-808" fmla="*/ 509501 h 1104142"/>
                <a:gd name="connsiteX20-809" fmla="*/ 1194702 w 1194702"/>
                <a:gd name="connsiteY20-810" fmla="*/ 848895 h 1104142"/>
                <a:gd name="connsiteX21-811" fmla="*/ 1020798 w 1194702"/>
                <a:gd name="connsiteY21-812" fmla="*/ 1053653 h 1104142"/>
                <a:gd name="connsiteX22-813" fmla="*/ 1020798 w 1194702"/>
                <a:gd name="connsiteY22-814" fmla="*/ 1095727 h 1104142"/>
                <a:gd name="connsiteX23-815" fmla="*/ 451402 w 1194702"/>
                <a:gd name="connsiteY23-816" fmla="*/ 1104142 h 1104142"/>
                <a:gd name="connsiteX0-817" fmla="*/ 451402 w 1194702"/>
                <a:gd name="connsiteY0-818" fmla="*/ 1104142 h 1104142"/>
                <a:gd name="connsiteX1-819" fmla="*/ 11031 w 1194702"/>
                <a:gd name="connsiteY1-820" fmla="*/ 548770 h 1104142"/>
                <a:gd name="connsiteX2-821" fmla="*/ 207375 w 1194702"/>
                <a:gd name="connsiteY2-822" fmla="*/ 408525 h 1104142"/>
                <a:gd name="connsiteX3-823" fmla="*/ 313961 w 1194702"/>
                <a:gd name="connsiteY3-824" fmla="*/ 517916 h 1104142"/>
                <a:gd name="connsiteX4-825" fmla="*/ 316766 w 1194702"/>
                <a:gd name="connsiteY4-826" fmla="*/ 164498 h 1104142"/>
                <a:gd name="connsiteX5-827" fmla="*/ 496280 w 1194702"/>
                <a:gd name="connsiteY5-828" fmla="*/ 164498 h 1104142"/>
                <a:gd name="connsiteX6-829" fmla="*/ 496280 w 1194702"/>
                <a:gd name="connsiteY6-830" fmla="*/ 299133 h 1104142"/>
                <a:gd name="connsiteX7-831" fmla="*/ 527134 w 1194702"/>
                <a:gd name="connsiteY7-832" fmla="*/ 299133 h 1104142"/>
                <a:gd name="connsiteX8-833" fmla="*/ 524329 w 1194702"/>
                <a:gd name="connsiteY8-834" fmla="*/ 116814 h 1104142"/>
                <a:gd name="connsiteX9-835" fmla="*/ 723478 w 1194702"/>
                <a:gd name="connsiteY9-836" fmla="*/ 116814 h 1104142"/>
                <a:gd name="connsiteX10-837" fmla="*/ 729087 w 1194702"/>
                <a:gd name="connsiteY10-838" fmla="*/ 299133 h 1104142"/>
                <a:gd name="connsiteX11-839" fmla="*/ 748722 w 1194702"/>
                <a:gd name="connsiteY11-840" fmla="*/ 296328 h 1104142"/>
                <a:gd name="connsiteX12-841" fmla="*/ 748722 w 1194702"/>
                <a:gd name="connsiteY12-842" fmla="*/ 80350 h 1104142"/>
                <a:gd name="connsiteX13-843" fmla="*/ 950675 w 1194702"/>
                <a:gd name="connsiteY13-844" fmla="*/ 80350 h 1104142"/>
                <a:gd name="connsiteX14-845" fmla="*/ 950675 w 1194702"/>
                <a:gd name="connsiteY14-846" fmla="*/ 290719 h 1104142"/>
                <a:gd name="connsiteX15-847" fmla="*/ 1001164 w 1194702"/>
                <a:gd name="connsiteY15-848" fmla="*/ 287914 h 1104142"/>
                <a:gd name="connsiteX16-849" fmla="*/ 1001164 w 1194702"/>
                <a:gd name="connsiteY16-850" fmla="*/ 164498 h 1104142"/>
                <a:gd name="connsiteX17-851" fmla="*/ 1147019 w 1194702"/>
                <a:gd name="connsiteY17-852" fmla="*/ 164498 h 1104142"/>
                <a:gd name="connsiteX18-853" fmla="*/ 1161043 w 1194702"/>
                <a:gd name="connsiteY18-854" fmla="*/ 489867 h 1104142"/>
                <a:gd name="connsiteX19-855" fmla="*/ 1189092 w 1194702"/>
                <a:gd name="connsiteY19-856" fmla="*/ 509501 h 1104142"/>
                <a:gd name="connsiteX20-857" fmla="*/ 1194702 w 1194702"/>
                <a:gd name="connsiteY20-858" fmla="*/ 848895 h 1104142"/>
                <a:gd name="connsiteX21-859" fmla="*/ 1020798 w 1194702"/>
                <a:gd name="connsiteY21-860" fmla="*/ 1053653 h 1104142"/>
                <a:gd name="connsiteX22-861" fmla="*/ 1020798 w 1194702"/>
                <a:gd name="connsiteY22-862" fmla="*/ 1095727 h 1104142"/>
                <a:gd name="connsiteX23-863" fmla="*/ 451402 w 1194702"/>
                <a:gd name="connsiteY23-864" fmla="*/ 1104142 h 1104142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  <a:cxn ang="0">
                  <a:pos x="connsiteX7-15" y="connsiteY7-16"/>
                </a:cxn>
                <a:cxn ang="0">
                  <a:pos x="connsiteX8-17" y="connsiteY8-18"/>
                </a:cxn>
                <a:cxn ang="0">
                  <a:pos x="connsiteX9-19" y="connsiteY9-20"/>
                </a:cxn>
                <a:cxn ang="0">
                  <a:pos x="connsiteX10-21" y="connsiteY10-22"/>
                </a:cxn>
                <a:cxn ang="0">
                  <a:pos x="connsiteX11-23" y="connsiteY11-24"/>
                </a:cxn>
                <a:cxn ang="0">
                  <a:pos x="connsiteX12-25" y="connsiteY12-26"/>
                </a:cxn>
                <a:cxn ang="0">
                  <a:pos x="connsiteX13-27" y="connsiteY13-28"/>
                </a:cxn>
                <a:cxn ang="0">
                  <a:pos x="connsiteX14-29" y="connsiteY14-30"/>
                </a:cxn>
                <a:cxn ang="0">
                  <a:pos x="connsiteX15-31" y="connsiteY15-32"/>
                </a:cxn>
                <a:cxn ang="0">
                  <a:pos x="connsiteX16-33" y="connsiteY16-34"/>
                </a:cxn>
                <a:cxn ang="0">
                  <a:pos x="connsiteX17-35" y="connsiteY17-36"/>
                </a:cxn>
                <a:cxn ang="0">
                  <a:pos x="connsiteX18-37" y="connsiteY18-38"/>
                </a:cxn>
                <a:cxn ang="0">
                  <a:pos x="connsiteX19-39" y="connsiteY19-40"/>
                </a:cxn>
                <a:cxn ang="0">
                  <a:pos x="connsiteX20-41" y="connsiteY20-42"/>
                </a:cxn>
                <a:cxn ang="0">
                  <a:pos x="connsiteX21-43" y="connsiteY21-44"/>
                </a:cxn>
                <a:cxn ang="0">
                  <a:pos x="connsiteX22-45" y="connsiteY22-46"/>
                </a:cxn>
                <a:cxn ang="0">
                  <a:pos x="connsiteX23-47" y="connsiteY23-48"/>
                </a:cxn>
              </a:cxnLst>
              <a:rect l="l" t="t" r="r" b="b"/>
              <a:pathLst>
                <a:path w="1194702" h="1104142">
                  <a:moveTo>
                    <a:pt x="451402" y="1104142"/>
                  </a:moveTo>
                  <a:cubicBezTo>
                    <a:pt x="287783" y="958287"/>
                    <a:pt x="157821" y="733894"/>
                    <a:pt x="11031" y="548770"/>
                  </a:cubicBezTo>
                  <a:cubicBezTo>
                    <a:pt x="-46937" y="471168"/>
                    <a:pt x="139122" y="340272"/>
                    <a:pt x="207375" y="408525"/>
                  </a:cubicBezTo>
                  <a:lnTo>
                    <a:pt x="313961" y="517916"/>
                  </a:lnTo>
                  <a:lnTo>
                    <a:pt x="316766" y="164498"/>
                  </a:lnTo>
                  <a:cubicBezTo>
                    <a:pt x="312091" y="15838"/>
                    <a:pt x="500955" y="52301"/>
                    <a:pt x="496280" y="164498"/>
                  </a:cubicBezTo>
                  <a:lnTo>
                    <a:pt x="496280" y="299133"/>
                  </a:lnTo>
                  <a:lnTo>
                    <a:pt x="527134" y="299133"/>
                  </a:lnTo>
                  <a:lnTo>
                    <a:pt x="524329" y="116814"/>
                  </a:lnTo>
                  <a:cubicBezTo>
                    <a:pt x="523394" y="-31846"/>
                    <a:pt x="721608" y="-45870"/>
                    <a:pt x="723478" y="116814"/>
                  </a:cubicBezTo>
                  <a:lnTo>
                    <a:pt x="729087" y="299133"/>
                  </a:lnTo>
                  <a:lnTo>
                    <a:pt x="748722" y="296328"/>
                  </a:lnTo>
                  <a:lnTo>
                    <a:pt x="748722" y="80350"/>
                  </a:lnTo>
                  <a:cubicBezTo>
                    <a:pt x="745918" y="-12212"/>
                    <a:pt x="950675" y="-37456"/>
                    <a:pt x="950675" y="80350"/>
                  </a:cubicBezTo>
                  <a:lnTo>
                    <a:pt x="950675" y="290719"/>
                  </a:lnTo>
                  <a:lnTo>
                    <a:pt x="1001164" y="287914"/>
                  </a:lnTo>
                  <a:lnTo>
                    <a:pt x="1001164" y="164498"/>
                  </a:lnTo>
                  <a:cubicBezTo>
                    <a:pt x="1002098" y="85960"/>
                    <a:pt x="1143280" y="94375"/>
                    <a:pt x="1147019" y="164498"/>
                  </a:cubicBezTo>
                  <a:lnTo>
                    <a:pt x="1161043" y="489867"/>
                  </a:lnTo>
                  <a:lnTo>
                    <a:pt x="1189092" y="509501"/>
                  </a:lnTo>
                  <a:lnTo>
                    <a:pt x="1194702" y="848895"/>
                  </a:lnTo>
                  <a:cubicBezTo>
                    <a:pt x="1187223" y="950807"/>
                    <a:pt x="1087181" y="1010644"/>
                    <a:pt x="1020798" y="1053653"/>
                  </a:cubicBezTo>
                  <a:lnTo>
                    <a:pt x="1020798" y="1095727"/>
                  </a:lnTo>
                  <a:lnTo>
                    <a:pt x="451402" y="1104142"/>
                  </a:lnTo>
                  <a:close/>
                </a:path>
              </a:pathLst>
            </a:custGeom>
            <a:solidFill>
              <a:srgbClr val="F0A8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99" name="矩形 98"/>
            <p:cNvSpPr/>
            <p:nvPr/>
          </p:nvSpPr>
          <p:spPr>
            <a:xfrm>
              <a:off x="5062859" y="6131529"/>
              <a:ext cx="718056" cy="15988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0" name="矩形 99"/>
            <p:cNvSpPr/>
            <p:nvPr/>
          </p:nvSpPr>
          <p:spPr>
            <a:xfrm>
              <a:off x="5009566" y="6291408"/>
              <a:ext cx="835861" cy="2790274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sp>
        <p:nvSpPr>
          <p:cNvPr id="101" name="Freeform 22"/>
          <p:cNvSpPr>
            <a:spLocks noEditPoints="1"/>
          </p:cNvSpPr>
          <p:nvPr/>
        </p:nvSpPr>
        <p:spPr bwMode="auto">
          <a:xfrm>
            <a:off x="8217688" y="2585749"/>
            <a:ext cx="1572343" cy="1565337"/>
          </a:xfrm>
          <a:custGeom>
            <a:avLst/>
            <a:gdLst>
              <a:gd name="T0" fmla="*/ 713 w 800"/>
              <a:gd name="T1" fmla="*/ 273 h 796"/>
              <a:gd name="T2" fmla="*/ 720 w 800"/>
              <a:gd name="T3" fmla="*/ 157 h 796"/>
              <a:gd name="T4" fmla="*/ 651 w 800"/>
              <a:gd name="T5" fmla="*/ 174 h 796"/>
              <a:gd name="T6" fmla="*/ 618 w 800"/>
              <a:gd name="T7" fmla="*/ 62 h 796"/>
              <a:gd name="T8" fmla="*/ 560 w 800"/>
              <a:gd name="T9" fmla="*/ 101 h 796"/>
              <a:gd name="T10" fmla="*/ 490 w 800"/>
              <a:gd name="T11" fmla="*/ 8 h 796"/>
              <a:gd name="T12" fmla="*/ 448 w 800"/>
              <a:gd name="T13" fmla="*/ 65 h 796"/>
              <a:gd name="T14" fmla="*/ 351 w 800"/>
              <a:gd name="T15" fmla="*/ 0 h 796"/>
              <a:gd name="T16" fmla="*/ 331 w 800"/>
              <a:gd name="T17" fmla="*/ 68 h 796"/>
              <a:gd name="T18" fmla="*/ 218 w 800"/>
              <a:gd name="T19" fmla="*/ 41 h 796"/>
              <a:gd name="T20" fmla="*/ 223 w 800"/>
              <a:gd name="T21" fmla="*/ 111 h 796"/>
              <a:gd name="T22" fmla="*/ 107 w 800"/>
              <a:gd name="T23" fmla="*/ 125 h 796"/>
              <a:gd name="T24" fmla="*/ 135 w 800"/>
              <a:gd name="T25" fmla="*/ 189 h 796"/>
              <a:gd name="T26" fmla="*/ 31 w 800"/>
              <a:gd name="T27" fmla="*/ 241 h 796"/>
              <a:gd name="T28" fmla="*/ 80 w 800"/>
              <a:gd name="T29" fmla="*/ 292 h 796"/>
              <a:gd name="T30" fmla="*/ 0 w 800"/>
              <a:gd name="T31" fmla="*/ 377 h 796"/>
              <a:gd name="T32" fmla="*/ 63 w 800"/>
              <a:gd name="T33" fmla="*/ 398 h 796"/>
              <a:gd name="T34" fmla="*/ 0 w 800"/>
              <a:gd name="T35" fmla="*/ 419 h 796"/>
              <a:gd name="T36" fmla="*/ 80 w 800"/>
              <a:gd name="T37" fmla="*/ 504 h 796"/>
              <a:gd name="T38" fmla="*/ 31 w 800"/>
              <a:gd name="T39" fmla="*/ 555 h 796"/>
              <a:gd name="T40" fmla="*/ 135 w 800"/>
              <a:gd name="T41" fmla="*/ 607 h 796"/>
              <a:gd name="T42" fmla="*/ 107 w 800"/>
              <a:gd name="T43" fmla="*/ 671 h 796"/>
              <a:gd name="T44" fmla="*/ 223 w 800"/>
              <a:gd name="T45" fmla="*/ 685 h 796"/>
              <a:gd name="T46" fmla="*/ 218 w 800"/>
              <a:gd name="T47" fmla="*/ 755 h 796"/>
              <a:gd name="T48" fmla="*/ 331 w 800"/>
              <a:gd name="T49" fmla="*/ 728 h 796"/>
              <a:gd name="T50" fmla="*/ 351 w 800"/>
              <a:gd name="T51" fmla="*/ 796 h 796"/>
              <a:gd name="T52" fmla="*/ 448 w 800"/>
              <a:gd name="T53" fmla="*/ 731 h 796"/>
              <a:gd name="T54" fmla="*/ 490 w 800"/>
              <a:gd name="T55" fmla="*/ 788 h 796"/>
              <a:gd name="T56" fmla="*/ 560 w 800"/>
              <a:gd name="T57" fmla="*/ 695 h 796"/>
              <a:gd name="T58" fmla="*/ 618 w 800"/>
              <a:gd name="T59" fmla="*/ 734 h 796"/>
              <a:gd name="T60" fmla="*/ 651 w 800"/>
              <a:gd name="T61" fmla="*/ 622 h 796"/>
              <a:gd name="T62" fmla="*/ 720 w 800"/>
              <a:gd name="T63" fmla="*/ 639 h 796"/>
              <a:gd name="T64" fmla="*/ 713 w 800"/>
              <a:gd name="T65" fmla="*/ 523 h 796"/>
              <a:gd name="T66" fmla="*/ 783 w 800"/>
              <a:gd name="T67" fmla="*/ 515 h 796"/>
              <a:gd name="T68" fmla="*/ 737 w 800"/>
              <a:gd name="T69" fmla="*/ 408 h 796"/>
              <a:gd name="T70" fmla="*/ 737 w 800"/>
              <a:gd name="T71" fmla="*/ 388 h 796"/>
              <a:gd name="T72" fmla="*/ 783 w 800"/>
              <a:gd name="T73" fmla="*/ 281 h 796"/>
              <a:gd name="T74" fmla="*/ 674 w 800"/>
              <a:gd name="T75" fmla="*/ 398 h 796"/>
              <a:gd name="T76" fmla="*/ 126 w 800"/>
              <a:gd name="T77" fmla="*/ 398 h 796"/>
              <a:gd name="T78" fmla="*/ 674 w 800"/>
              <a:gd name="T79" fmla="*/ 398 h 796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  <a:cxn ang="0">
                <a:pos x="T46" y="T47"/>
              </a:cxn>
              <a:cxn ang="0">
                <a:pos x="T48" y="T49"/>
              </a:cxn>
              <a:cxn ang="0">
                <a:pos x="T50" y="T51"/>
              </a:cxn>
              <a:cxn ang="0">
                <a:pos x="T52" y="T53"/>
              </a:cxn>
              <a:cxn ang="0">
                <a:pos x="T54" y="T55"/>
              </a:cxn>
              <a:cxn ang="0">
                <a:pos x="T56" y="T57"/>
              </a:cxn>
              <a:cxn ang="0">
                <a:pos x="T58" y="T59"/>
              </a:cxn>
              <a:cxn ang="0">
                <a:pos x="T60" y="T61"/>
              </a:cxn>
              <a:cxn ang="0">
                <a:pos x="T62" y="T63"/>
              </a:cxn>
              <a:cxn ang="0">
                <a:pos x="T64" y="T65"/>
              </a:cxn>
              <a:cxn ang="0">
                <a:pos x="T66" y="T67"/>
              </a:cxn>
              <a:cxn ang="0">
                <a:pos x="T68" y="T69"/>
              </a:cxn>
              <a:cxn ang="0">
                <a:pos x="T70" y="T71"/>
              </a:cxn>
              <a:cxn ang="0">
                <a:pos x="T72" y="T73"/>
              </a:cxn>
              <a:cxn ang="0">
                <a:pos x="T74" y="T75"/>
              </a:cxn>
              <a:cxn ang="0">
                <a:pos x="T76" y="T77"/>
              </a:cxn>
              <a:cxn ang="0">
                <a:pos x="T78" y="T79"/>
              </a:cxn>
            </a:cxnLst>
            <a:rect l="0" t="0" r="r" b="b"/>
            <a:pathLst>
              <a:path w="800" h="796">
                <a:moveTo>
                  <a:pt x="720" y="292"/>
                </a:moveTo>
                <a:cubicBezTo>
                  <a:pt x="718" y="286"/>
                  <a:pt x="715" y="280"/>
                  <a:pt x="713" y="273"/>
                </a:cubicBezTo>
                <a:cubicBezTo>
                  <a:pt x="769" y="241"/>
                  <a:pt x="769" y="241"/>
                  <a:pt x="769" y="241"/>
                </a:cubicBezTo>
                <a:cubicBezTo>
                  <a:pt x="720" y="157"/>
                  <a:pt x="720" y="157"/>
                  <a:pt x="720" y="157"/>
                </a:cubicBezTo>
                <a:cubicBezTo>
                  <a:pt x="664" y="189"/>
                  <a:pt x="664" y="189"/>
                  <a:pt x="664" y="189"/>
                </a:cubicBezTo>
                <a:cubicBezTo>
                  <a:pt x="660" y="184"/>
                  <a:pt x="656" y="179"/>
                  <a:pt x="651" y="174"/>
                </a:cubicBezTo>
                <a:cubicBezTo>
                  <a:pt x="693" y="125"/>
                  <a:pt x="693" y="125"/>
                  <a:pt x="693" y="125"/>
                </a:cubicBezTo>
                <a:cubicBezTo>
                  <a:pt x="618" y="62"/>
                  <a:pt x="618" y="62"/>
                  <a:pt x="618" y="62"/>
                </a:cubicBezTo>
                <a:cubicBezTo>
                  <a:pt x="577" y="111"/>
                  <a:pt x="577" y="111"/>
                  <a:pt x="577" y="111"/>
                </a:cubicBezTo>
                <a:cubicBezTo>
                  <a:pt x="571" y="108"/>
                  <a:pt x="566" y="104"/>
                  <a:pt x="560" y="101"/>
                </a:cubicBezTo>
                <a:cubicBezTo>
                  <a:pt x="582" y="41"/>
                  <a:pt x="582" y="41"/>
                  <a:pt x="582" y="41"/>
                </a:cubicBezTo>
                <a:cubicBezTo>
                  <a:pt x="490" y="8"/>
                  <a:pt x="490" y="8"/>
                  <a:pt x="490" y="8"/>
                </a:cubicBezTo>
                <a:cubicBezTo>
                  <a:pt x="468" y="68"/>
                  <a:pt x="468" y="68"/>
                  <a:pt x="468" y="68"/>
                </a:cubicBezTo>
                <a:cubicBezTo>
                  <a:pt x="462" y="67"/>
                  <a:pt x="455" y="66"/>
                  <a:pt x="448" y="65"/>
                </a:cubicBezTo>
                <a:cubicBezTo>
                  <a:pt x="448" y="0"/>
                  <a:pt x="448" y="0"/>
                  <a:pt x="448" y="0"/>
                </a:cubicBezTo>
                <a:cubicBezTo>
                  <a:pt x="351" y="0"/>
                  <a:pt x="351" y="0"/>
                  <a:pt x="351" y="0"/>
                </a:cubicBezTo>
                <a:cubicBezTo>
                  <a:pt x="351" y="65"/>
                  <a:pt x="351" y="65"/>
                  <a:pt x="351" y="65"/>
                </a:cubicBezTo>
                <a:cubicBezTo>
                  <a:pt x="345" y="66"/>
                  <a:pt x="338" y="67"/>
                  <a:pt x="331" y="68"/>
                </a:cubicBezTo>
                <a:cubicBezTo>
                  <a:pt x="309" y="8"/>
                  <a:pt x="309" y="8"/>
                  <a:pt x="309" y="8"/>
                </a:cubicBezTo>
                <a:cubicBezTo>
                  <a:pt x="218" y="41"/>
                  <a:pt x="218" y="41"/>
                  <a:pt x="218" y="41"/>
                </a:cubicBezTo>
                <a:cubicBezTo>
                  <a:pt x="240" y="101"/>
                  <a:pt x="240" y="101"/>
                  <a:pt x="240" y="101"/>
                </a:cubicBezTo>
                <a:cubicBezTo>
                  <a:pt x="234" y="104"/>
                  <a:pt x="228" y="108"/>
                  <a:pt x="223" y="111"/>
                </a:cubicBezTo>
                <a:cubicBezTo>
                  <a:pt x="181" y="62"/>
                  <a:pt x="181" y="62"/>
                  <a:pt x="181" y="62"/>
                </a:cubicBezTo>
                <a:cubicBezTo>
                  <a:pt x="107" y="125"/>
                  <a:pt x="107" y="125"/>
                  <a:pt x="107" y="125"/>
                </a:cubicBezTo>
                <a:cubicBezTo>
                  <a:pt x="148" y="174"/>
                  <a:pt x="148" y="174"/>
                  <a:pt x="148" y="174"/>
                </a:cubicBezTo>
                <a:cubicBezTo>
                  <a:pt x="144" y="179"/>
                  <a:pt x="140" y="184"/>
                  <a:pt x="135" y="189"/>
                </a:cubicBezTo>
                <a:cubicBezTo>
                  <a:pt x="80" y="157"/>
                  <a:pt x="80" y="157"/>
                  <a:pt x="80" y="157"/>
                </a:cubicBezTo>
                <a:cubicBezTo>
                  <a:pt x="31" y="241"/>
                  <a:pt x="31" y="241"/>
                  <a:pt x="31" y="241"/>
                </a:cubicBezTo>
                <a:cubicBezTo>
                  <a:pt x="87" y="273"/>
                  <a:pt x="87" y="273"/>
                  <a:pt x="87" y="273"/>
                </a:cubicBezTo>
                <a:cubicBezTo>
                  <a:pt x="84" y="280"/>
                  <a:pt x="82" y="286"/>
                  <a:pt x="80" y="292"/>
                </a:cubicBezTo>
                <a:cubicBezTo>
                  <a:pt x="17" y="281"/>
                  <a:pt x="17" y="281"/>
                  <a:pt x="17" y="281"/>
                </a:cubicBezTo>
                <a:cubicBezTo>
                  <a:pt x="0" y="377"/>
                  <a:pt x="0" y="377"/>
                  <a:pt x="0" y="377"/>
                </a:cubicBezTo>
                <a:cubicBezTo>
                  <a:pt x="63" y="388"/>
                  <a:pt x="63" y="388"/>
                  <a:pt x="63" y="388"/>
                </a:cubicBezTo>
                <a:cubicBezTo>
                  <a:pt x="63" y="391"/>
                  <a:pt x="63" y="395"/>
                  <a:pt x="63" y="398"/>
                </a:cubicBezTo>
                <a:cubicBezTo>
                  <a:pt x="63" y="401"/>
                  <a:pt x="63" y="405"/>
                  <a:pt x="63" y="408"/>
                </a:cubicBezTo>
                <a:cubicBezTo>
                  <a:pt x="0" y="419"/>
                  <a:pt x="0" y="419"/>
                  <a:pt x="0" y="419"/>
                </a:cubicBezTo>
                <a:cubicBezTo>
                  <a:pt x="17" y="515"/>
                  <a:pt x="17" y="515"/>
                  <a:pt x="17" y="515"/>
                </a:cubicBezTo>
                <a:cubicBezTo>
                  <a:pt x="80" y="504"/>
                  <a:pt x="80" y="504"/>
                  <a:pt x="80" y="504"/>
                </a:cubicBezTo>
                <a:cubicBezTo>
                  <a:pt x="82" y="510"/>
                  <a:pt x="84" y="516"/>
                  <a:pt x="87" y="523"/>
                </a:cubicBezTo>
                <a:cubicBezTo>
                  <a:pt x="31" y="555"/>
                  <a:pt x="31" y="555"/>
                  <a:pt x="31" y="555"/>
                </a:cubicBezTo>
                <a:cubicBezTo>
                  <a:pt x="80" y="639"/>
                  <a:pt x="80" y="639"/>
                  <a:pt x="80" y="639"/>
                </a:cubicBezTo>
                <a:cubicBezTo>
                  <a:pt x="135" y="607"/>
                  <a:pt x="135" y="607"/>
                  <a:pt x="135" y="607"/>
                </a:cubicBezTo>
                <a:cubicBezTo>
                  <a:pt x="140" y="612"/>
                  <a:pt x="144" y="617"/>
                  <a:pt x="148" y="622"/>
                </a:cubicBezTo>
                <a:cubicBezTo>
                  <a:pt x="107" y="671"/>
                  <a:pt x="107" y="671"/>
                  <a:pt x="107" y="671"/>
                </a:cubicBezTo>
                <a:cubicBezTo>
                  <a:pt x="181" y="734"/>
                  <a:pt x="181" y="734"/>
                  <a:pt x="181" y="734"/>
                </a:cubicBezTo>
                <a:cubicBezTo>
                  <a:pt x="223" y="685"/>
                  <a:pt x="223" y="685"/>
                  <a:pt x="223" y="685"/>
                </a:cubicBezTo>
                <a:cubicBezTo>
                  <a:pt x="228" y="688"/>
                  <a:pt x="234" y="692"/>
                  <a:pt x="240" y="695"/>
                </a:cubicBezTo>
                <a:cubicBezTo>
                  <a:pt x="218" y="755"/>
                  <a:pt x="218" y="755"/>
                  <a:pt x="218" y="755"/>
                </a:cubicBezTo>
                <a:cubicBezTo>
                  <a:pt x="310" y="788"/>
                  <a:pt x="310" y="788"/>
                  <a:pt x="310" y="788"/>
                </a:cubicBezTo>
                <a:cubicBezTo>
                  <a:pt x="331" y="728"/>
                  <a:pt x="331" y="728"/>
                  <a:pt x="331" y="728"/>
                </a:cubicBezTo>
                <a:cubicBezTo>
                  <a:pt x="338" y="729"/>
                  <a:pt x="345" y="731"/>
                  <a:pt x="351" y="731"/>
                </a:cubicBezTo>
                <a:cubicBezTo>
                  <a:pt x="351" y="796"/>
                  <a:pt x="351" y="796"/>
                  <a:pt x="351" y="796"/>
                </a:cubicBezTo>
                <a:cubicBezTo>
                  <a:pt x="448" y="796"/>
                  <a:pt x="448" y="796"/>
                  <a:pt x="448" y="796"/>
                </a:cubicBezTo>
                <a:cubicBezTo>
                  <a:pt x="448" y="731"/>
                  <a:pt x="448" y="731"/>
                  <a:pt x="448" y="731"/>
                </a:cubicBezTo>
                <a:cubicBezTo>
                  <a:pt x="455" y="731"/>
                  <a:pt x="462" y="729"/>
                  <a:pt x="468" y="728"/>
                </a:cubicBezTo>
                <a:cubicBezTo>
                  <a:pt x="490" y="788"/>
                  <a:pt x="490" y="788"/>
                  <a:pt x="490" y="788"/>
                </a:cubicBezTo>
                <a:cubicBezTo>
                  <a:pt x="582" y="755"/>
                  <a:pt x="582" y="755"/>
                  <a:pt x="582" y="755"/>
                </a:cubicBezTo>
                <a:cubicBezTo>
                  <a:pt x="560" y="695"/>
                  <a:pt x="560" y="695"/>
                  <a:pt x="560" y="695"/>
                </a:cubicBezTo>
                <a:cubicBezTo>
                  <a:pt x="566" y="692"/>
                  <a:pt x="571" y="688"/>
                  <a:pt x="577" y="685"/>
                </a:cubicBezTo>
                <a:cubicBezTo>
                  <a:pt x="618" y="734"/>
                  <a:pt x="618" y="734"/>
                  <a:pt x="618" y="734"/>
                </a:cubicBezTo>
                <a:cubicBezTo>
                  <a:pt x="693" y="671"/>
                  <a:pt x="693" y="671"/>
                  <a:pt x="693" y="671"/>
                </a:cubicBezTo>
                <a:cubicBezTo>
                  <a:pt x="651" y="622"/>
                  <a:pt x="651" y="622"/>
                  <a:pt x="651" y="622"/>
                </a:cubicBezTo>
                <a:cubicBezTo>
                  <a:pt x="656" y="617"/>
                  <a:pt x="660" y="612"/>
                  <a:pt x="664" y="607"/>
                </a:cubicBezTo>
                <a:cubicBezTo>
                  <a:pt x="720" y="639"/>
                  <a:pt x="720" y="639"/>
                  <a:pt x="720" y="639"/>
                </a:cubicBezTo>
                <a:cubicBezTo>
                  <a:pt x="769" y="555"/>
                  <a:pt x="769" y="555"/>
                  <a:pt x="769" y="555"/>
                </a:cubicBezTo>
                <a:cubicBezTo>
                  <a:pt x="713" y="523"/>
                  <a:pt x="713" y="523"/>
                  <a:pt x="713" y="523"/>
                </a:cubicBezTo>
                <a:cubicBezTo>
                  <a:pt x="715" y="516"/>
                  <a:pt x="718" y="510"/>
                  <a:pt x="720" y="504"/>
                </a:cubicBezTo>
                <a:cubicBezTo>
                  <a:pt x="783" y="515"/>
                  <a:pt x="783" y="515"/>
                  <a:pt x="783" y="515"/>
                </a:cubicBezTo>
                <a:cubicBezTo>
                  <a:pt x="800" y="419"/>
                  <a:pt x="800" y="419"/>
                  <a:pt x="800" y="419"/>
                </a:cubicBezTo>
                <a:cubicBezTo>
                  <a:pt x="737" y="408"/>
                  <a:pt x="737" y="408"/>
                  <a:pt x="737" y="408"/>
                </a:cubicBezTo>
                <a:cubicBezTo>
                  <a:pt x="737" y="405"/>
                  <a:pt x="737" y="401"/>
                  <a:pt x="737" y="398"/>
                </a:cubicBezTo>
                <a:cubicBezTo>
                  <a:pt x="737" y="395"/>
                  <a:pt x="737" y="391"/>
                  <a:pt x="737" y="388"/>
                </a:cubicBezTo>
                <a:cubicBezTo>
                  <a:pt x="800" y="377"/>
                  <a:pt x="800" y="377"/>
                  <a:pt x="800" y="377"/>
                </a:cubicBezTo>
                <a:cubicBezTo>
                  <a:pt x="783" y="281"/>
                  <a:pt x="783" y="281"/>
                  <a:pt x="783" y="281"/>
                </a:cubicBezTo>
                <a:lnTo>
                  <a:pt x="720" y="292"/>
                </a:lnTo>
                <a:close/>
                <a:moveTo>
                  <a:pt x="674" y="398"/>
                </a:moveTo>
                <a:cubicBezTo>
                  <a:pt x="674" y="549"/>
                  <a:pt x="551" y="672"/>
                  <a:pt x="400" y="672"/>
                </a:cubicBezTo>
                <a:cubicBezTo>
                  <a:pt x="248" y="672"/>
                  <a:pt x="126" y="549"/>
                  <a:pt x="126" y="398"/>
                </a:cubicBezTo>
                <a:cubicBezTo>
                  <a:pt x="126" y="247"/>
                  <a:pt x="248" y="124"/>
                  <a:pt x="400" y="124"/>
                </a:cubicBezTo>
                <a:cubicBezTo>
                  <a:pt x="551" y="124"/>
                  <a:pt x="674" y="247"/>
                  <a:pt x="674" y="398"/>
                </a:cubicBezTo>
                <a:close/>
              </a:path>
            </a:pathLst>
          </a:cu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>
              <a:solidFill>
                <a:prstClr val="white"/>
              </a:solidFill>
            </a:endParaRPr>
          </a:p>
        </p:txBody>
      </p:sp>
      <p:grpSp>
        <p:nvGrpSpPr>
          <p:cNvPr id="102" name="组合 101"/>
          <p:cNvGrpSpPr/>
          <p:nvPr/>
        </p:nvGrpSpPr>
        <p:grpSpPr>
          <a:xfrm>
            <a:off x="8387901" y="3545257"/>
            <a:ext cx="949496" cy="3312741"/>
            <a:chOff x="4681579" y="5027387"/>
            <a:chExt cx="1194702" cy="4168255"/>
          </a:xfrm>
        </p:grpSpPr>
        <p:sp>
          <p:nvSpPr>
            <p:cNvPr id="103" name="任意多边形 102"/>
            <p:cNvSpPr/>
            <p:nvPr/>
          </p:nvSpPr>
          <p:spPr>
            <a:xfrm>
              <a:off x="4681579" y="5027387"/>
              <a:ext cx="1194702" cy="1104142"/>
            </a:xfrm>
            <a:custGeom>
              <a:avLst/>
              <a:gdLst>
                <a:gd name="connsiteX0" fmla="*/ 440371 w 1183671"/>
                <a:gd name="connsiteY0" fmla="*/ 1023792 h 1023792"/>
                <a:gd name="connsiteX1" fmla="*/ 0 w 1183671"/>
                <a:gd name="connsiteY1" fmla="*/ 468420 h 1023792"/>
                <a:gd name="connsiteX2" fmla="*/ 196344 w 1183671"/>
                <a:gd name="connsiteY2" fmla="*/ 328175 h 1023792"/>
                <a:gd name="connsiteX3" fmla="*/ 302930 w 1183671"/>
                <a:gd name="connsiteY3" fmla="*/ 437566 h 1023792"/>
                <a:gd name="connsiteX4" fmla="*/ 305735 w 1183671"/>
                <a:gd name="connsiteY4" fmla="*/ 84148 h 1023792"/>
                <a:gd name="connsiteX5" fmla="*/ 485249 w 1183671"/>
                <a:gd name="connsiteY5" fmla="*/ 84148 h 1023792"/>
                <a:gd name="connsiteX6" fmla="*/ 485249 w 1183671"/>
                <a:gd name="connsiteY6" fmla="*/ 218783 h 1023792"/>
                <a:gd name="connsiteX7" fmla="*/ 516103 w 1183671"/>
                <a:gd name="connsiteY7" fmla="*/ 218783 h 1023792"/>
                <a:gd name="connsiteX8" fmla="*/ 516103 w 1183671"/>
                <a:gd name="connsiteY8" fmla="*/ 67318 h 1023792"/>
                <a:gd name="connsiteX9" fmla="*/ 706837 w 1183671"/>
                <a:gd name="connsiteY9" fmla="*/ 67318 h 1023792"/>
                <a:gd name="connsiteX10" fmla="*/ 718056 w 1183671"/>
                <a:gd name="connsiteY10" fmla="*/ 218783 h 1023792"/>
                <a:gd name="connsiteX11" fmla="*/ 737691 w 1183671"/>
                <a:gd name="connsiteY11" fmla="*/ 215978 h 1023792"/>
                <a:gd name="connsiteX12" fmla="*/ 737691 w 1183671"/>
                <a:gd name="connsiteY12" fmla="*/ 0 h 1023792"/>
                <a:gd name="connsiteX13" fmla="*/ 939644 w 1183671"/>
                <a:gd name="connsiteY13" fmla="*/ 0 h 1023792"/>
                <a:gd name="connsiteX14" fmla="*/ 939644 w 1183671"/>
                <a:gd name="connsiteY14" fmla="*/ 210369 h 1023792"/>
                <a:gd name="connsiteX15" fmla="*/ 990133 w 1183671"/>
                <a:gd name="connsiteY15" fmla="*/ 207564 h 1023792"/>
                <a:gd name="connsiteX16" fmla="*/ 990133 w 1183671"/>
                <a:gd name="connsiteY16" fmla="*/ 84148 h 1023792"/>
                <a:gd name="connsiteX17" fmla="*/ 1135988 w 1183671"/>
                <a:gd name="connsiteY17" fmla="*/ 84148 h 1023792"/>
                <a:gd name="connsiteX18" fmla="*/ 1150012 w 1183671"/>
                <a:gd name="connsiteY18" fmla="*/ 409517 h 1023792"/>
                <a:gd name="connsiteX19" fmla="*/ 1178061 w 1183671"/>
                <a:gd name="connsiteY19" fmla="*/ 429151 h 1023792"/>
                <a:gd name="connsiteX20" fmla="*/ 1183671 w 1183671"/>
                <a:gd name="connsiteY20" fmla="*/ 768545 h 1023792"/>
                <a:gd name="connsiteX21" fmla="*/ 1009767 w 1183671"/>
                <a:gd name="connsiteY21" fmla="*/ 973303 h 1023792"/>
                <a:gd name="connsiteX22" fmla="*/ 1009767 w 1183671"/>
                <a:gd name="connsiteY22" fmla="*/ 1015377 h 1023792"/>
                <a:gd name="connsiteX23" fmla="*/ 440371 w 1183671"/>
                <a:gd name="connsiteY23" fmla="*/ 1023792 h 1023792"/>
                <a:gd name="connsiteX0-1" fmla="*/ 445288 w 1188588"/>
                <a:gd name="connsiteY0-2" fmla="*/ 1023792 h 1023792"/>
                <a:gd name="connsiteX1-3" fmla="*/ 4917 w 1188588"/>
                <a:gd name="connsiteY1-4" fmla="*/ 468420 h 1023792"/>
                <a:gd name="connsiteX2-5" fmla="*/ 201261 w 1188588"/>
                <a:gd name="connsiteY2-6" fmla="*/ 328175 h 1023792"/>
                <a:gd name="connsiteX3-7" fmla="*/ 307847 w 1188588"/>
                <a:gd name="connsiteY3-8" fmla="*/ 437566 h 1023792"/>
                <a:gd name="connsiteX4-9" fmla="*/ 310652 w 1188588"/>
                <a:gd name="connsiteY4-10" fmla="*/ 84148 h 1023792"/>
                <a:gd name="connsiteX5-11" fmla="*/ 490166 w 1188588"/>
                <a:gd name="connsiteY5-12" fmla="*/ 84148 h 1023792"/>
                <a:gd name="connsiteX6-13" fmla="*/ 490166 w 1188588"/>
                <a:gd name="connsiteY6-14" fmla="*/ 218783 h 1023792"/>
                <a:gd name="connsiteX7-15" fmla="*/ 521020 w 1188588"/>
                <a:gd name="connsiteY7-16" fmla="*/ 218783 h 1023792"/>
                <a:gd name="connsiteX8-17" fmla="*/ 521020 w 1188588"/>
                <a:gd name="connsiteY8-18" fmla="*/ 67318 h 1023792"/>
                <a:gd name="connsiteX9-19" fmla="*/ 711754 w 1188588"/>
                <a:gd name="connsiteY9-20" fmla="*/ 67318 h 1023792"/>
                <a:gd name="connsiteX10-21" fmla="*/ 722973 w 1188588"/>
                <a:gd name="connsiteY10-22" fmla="*/ 218783 h 1023792"/>
                <a:gd name="connsiteX11-23" fmla="*/ 742608 w 1188588"/>
                <a:gd name="connsiteY11-24" fmla="*/ 215978 h 1023792"/>
                <a:gd name="connsiteX12-25" fmla="*/ 742608 w 1188588"/>
                <a:gd name="connsiteY12-26" fmla="*/ 0 h 1023792"/>
                <a:gd name="connsiteX13-27" fmla="*/ 944561 w 1188588"/>
                <a:gd name="connsiteY13-28" fmla="*/ 0 h 1023792"/>
                <a:gd name="connsiteX14-29" fmla="*/ 944561 w 1188588"/>
                <a:gd name="connsiteY14-30" fmla="*/ 210369 h 1023792"/>
                <a:gd name="connsiteX15-31" fmla="*/ 995050 w 1188588"/>
                <a:gd name="connsiteY15-32" fmla="*/ 207564 h 1023792"/>
                <a:gd name="connsiteX16-33" fmla="*/ 995050 w 1188588"/>
                <a:gd name="connsiteY16-34" fmla="*/ 84148 h 1023792"/>
                <a:gd name="connsiteX17-35" fmla="*/ 1140905 w 1188588"/>
                <a:gd name="connsiteY17-36" fmla="*/ 84148 h 1023792"/>
                <a:gd name="connsiteX18-37" fmla="*/ 1154929 w 1188588"/>
                <a:gd name="connsiteY18-38" fmla="*/ 409517 h 1023792"/>
                <a:gd name="connsiteX19-39" fmla="*/ 1182978 w 1188588"/>
                <a:gd name="connsiteY19-40" fmla="*/ 429151 h 1023792"/>
                <a:gd name="connsiteX20-41" fmla="*/ 1188588 w 1188588"/>
                <a:gd name="connsiteY20-42" fmla="*/ 768545 h 1023792"/>
                <a:gd name="connsiteX21-43" fmla="*/ 1014684 w 1188588"/>
                <a:gd name="connsiteY21-44" fmla="*/ 973303 h 1023792"/>
                <a:gd name="connsiteX22-45" fmla="*/ 1014684 w 1188588"/>
                <a:gd name="connsiteY22-46" fmla="*/ 1015377 h 1023792"/>
                <a:gd name="connsiteX23-47" fmla="*/ 445288 w 1188588"/>
                <a:gd name="connsiteY23-48" fmla="*/ 1023792 h 1023792"/>
                <a:gd name="connsiteX0-49" fmla="*/ 445357 w 1188657"/>
                <a:gd name="connsiteY0-50" fmla="*/ 1023792 h 1023792"/>
                <a:gd name="connsiteX1-51" fmla="*/ 4986 w 1188657"/>
                <a:gd name="connsiteY1-52" fmla="*/ 468420 h 1023792"/>
                <a:gd name="connsiteX2-53" fmla="*/ 201330 w 1188657"/>
                <a:gd name="connsiteY2-54" fmla="*/ 328175 h 1023792"/>
                <a:gd name="connsiteX3-55" fmla="*/ 307916 w 1188657"/>
                <a:gd name="connsiteY3-56" fmla="*/ 437566 h 1023792"/>
                <a:gd name="connsiteX4-57" fmla="*/ 310721 w 1188657"/>
                <a:gd name="connsiteY4-58" fmla="*/ 84148 h 1023792"/>
                <a:gd name="connsiteX5-59" fmla="*/ 490235 w 1188657"/>
                <a:gd name="connsiteY5-60" fmla="*/ 84148 h 1023792"/>
                <a:gd name="connsiteX6-61" fmla="*/ 490235 w 1188657"/>
                <a:gd name="connsiteY6-62" fmla="*/ 218783 h 1023792"/>
                <a:gd name="connsiteX7-63" fmla="*/ 521089 w 1188657"/>
                <a:gd name="connsiteY7-64" fmla="*/ 218783 h 1023792"/>
                <a:gd name="connsiteX8-65" fmla="*/ 521089 w 1188657"/>
                <a:gd name="connsiteY8-66" fmla="*/ 67318 h 1023792"/>
                <a:gd name="connsiteX9-67" fmla="*/ 711823 w 1188657"/>
                <a:gd name="connsiteY9-68" fmla="*/ 67318 h 1023792"/>
                <a:gd name="connsiteX10-69" fmla="*/ 723042 w 1188657"/>
                <a:gd name="connsiteY10-70" fmla="*/ 218783 h 1023792"/>
                <a:gd name="connsiteX11-71" fmla="*/ 742677 w 1188657"/>
                <a:gd name="connsiteY11-72" fmla="*/ 215978 h 1023792"/>
                <a:gd name="connsiteX12-73" fmla="*/ 742677 w 1188657"/>
                <a:gd name="connsiteY12-74" fmla="*/ 0 h 1023792"/>
                <a:gd name="connsiteX13-75" fmla="*/ 944630 w 1188657"/>
                <a:gd name="connsiteY13-76" fmla="*/ 0 h 1023792"/>
                <a:gd name="connsiteX14-77" fmla="*/ 944630 w 1188657"/>
                <a:gd name="connsiteY14-78" fmla="*/ 210369 h 1023792"/>
                <a:gd name="connsiteX15-79" fmla="*/ 995119 w 1188657"/>
                <a:gd name="connsiteY15-80" fmla="*/ 207564 h 1023792"/>
                <a:gd name="connsiteX16-81" fmla="*/ 995119 w 1188657"/>
                <a:gd name="connsiteY16-82" fmla="*/ 84148 h 1023792"/>
                <a:gd name="connsiteX17-83" fmla="*/ 1140974 w 1188657"/>
                <a:gd name="connsiteY17-84" fmla="*/ 84148 h 1023792"/>
                <a:gd name="connsiteX18-85" fmla="*/ 1154998 w 1188657"/>
                <a:gd name="connsiteY18-86" fmla="*/ 409517 h 1023792"/>
                <a:gd name="connsiteX19-87" fmla="*/ 1183047 w 1188657"/>
                <a:gd name="connsiteY19-88" fmla="*/ 429151 h 1023792"/>
                <a:gd name="connsiteX20-89" fmla="*/ 1188657 w 1188657"/>
                <a:gd name="connsiteY20-90" fmla="*/ 768545 h 1023792"/>
                <a:gd name="connsiteX21-91" fmla="*/ 1014753 w 1188657"/>
                <a:gd name="connsiteY21-92" fmla="*/ 973303 h 1023792"/>
                <a:gd name="connsiteX22-93" fmla="*/ 1014753 w 1188657"/>
                <a:gd name="connsiteY22-94" fmla="*/ 1015377 h 1023792"/>
                <a:gd name="connsiteX23-95" fmla="*/ 445357 w 1188657"/>
                <a:gd name="connsiteY23-96" fmla="*/ 1023792 h 1023792"/>
                <a:gd name="connsiteX0-97" fmla="*/ 451402 w 1194702"/>
                <a:gd name="connsiteY0-98" fmla="*/ 1023792 h 1023792"/>
                <a:gd name="connsiteX1-99" fmla="*/ 11031 w 1194702"/>
                <a:gd name="connsiteY1-100" fmla="*/ 468420 h 1023792"/>
                <a:gd name="connsiteX2-101" fmla="*/ 207375 w 1194702"/>
                <a:gd name="connsiteY2-102" fmla="*/ 328175 h 1023792"/>
                <a:gd name="connsiteX3-103" fmla="*/ 313961 w 1194702"/>
                <a:gd name="connsiteY3-104" fmla="*/ 437566 h 1023792"/>
                <a:gd name="connsiteX4-105" fmla="*/ 316766 w 1194702"/>
                <a:gd name="connsiteY4-106" fmla="*/ 84148 h 1023792"/>
                <a:gd name="connsiteX5-107" fmla="*/ 496280 w 1194702"/>
                <a:gd name="connsiteY5-108" fmla="*/ 84148 h 1023792"/>
                <a:gd name="connsiteX6-109" fmla="*/ 496280 w 1194702"/>
                <a:gd name="connsiteY6-110" fmla="*/ 218783 h 1023792"/>
                <a:gd name="connsiteX7-111" fmla="*/ 527134 w 1194702"/>
                <a:gd name="connsiteY7-112" fmla="*/ 218783 h 1023792"/>
                <a:gd name="connsiteX8-113" fmla="*/ 527134 w 1194702"/>
                <a:gd name="connsiteY8-114" fmla="*/ 67318 h 1023792"/>
                <a:gd name="connsiteX9-115" fmla="*/ 717868 w 1194702"/>
                <a:gd name="connsiteY9-116" fmla="*/ 67318 h 1023792"/>
                <a:gd name="connsiteX10-117" fmla="*/ 729087 w 1194702"/>
                <a:gd name="connsiteY10-118" fmla="*/ 218783 h 1023792"/>
                <a:gd name="connsiteX11-119" fmla="*/ 748722 w 1194702"/>
                <a:gd name="connsiteY11-120" fmla="*/ 215978 h 1023792"/>
                <a:gd name="connsiteX12-121" fmla="*/ 748722 w 1194702"/>
                <a:gd name="connsiteY12-122" fmla="*/ 0 h 1023792"/>
                <a:gd name="connsiteX13-123" fmla="*/ 950675 w 1194702"/>
                <a:gd name="connsiteY13-124" fmla="*/ 0 h 1023792"/>
                <a:gd name="connsiteX14-125" fmla="*/ 950675 w 1194702"/>
                <a:gd name="connsiteY14-126" fmla="*/ 210369 h 1023792"/>
                <a:gd name="connsiteX15-127" fmla="*/ 1001164 w 1194702"/>
                <a:gd name="connsiteY15-128" fmla="*/ 207564 h 1023792"/>
                <a:gd name="connsiteX16-129" fmla="*/ 1001164 w 1194702"/>
                <a:gd name="connsiteY16-130" fmla="*/ 84148 h 1023792"/>
                <a:gd name="connsiteX17-131" fmla="*/ 1147019 w 1194702"/>
                <a:gd name="connsiteY17-132" fmla="*/ 84148 h 1023792"/>
                <a:gd name="connsiteX18-133" fmla="*/ 1161043 w 1194702"/>
                <a:gd name="connsiteY18-134" fmla="*/ 409517 h 1023792"/>
                <a:gd name="connsiteX19-135" fmla="*/ 1189092 w 1194702"/>
                <a:gd name="connsiteY19-136" fmla="*/ 429151 h 1023792"/>
                <a:gd name="connsiteX20-137" fmla="*/ 1194702 w 1194702"/>
                <a:gd name="connsiteY20-138" fmla="*/ 768545 h 1023792"/>
                <a:gd name="connsiteX21-139" fmla="*/ 1020798 w 1194702"/>
                <a:gd name="connsiteY21-140" fmla="*/ 973303 h 1023792"/>
                <a:gd name="connsiteX22-141" fmla="*/ 1020798 w 1194702"/>
                <a:gd name="connsiteY22-142" fmla="*/ 1015377 h 1023792"/>
                <a:gd name="connsiteX23-143" fmla="*/ 451402 w 1194702"/>
                <a:gd name="connsiteY23-144" fmla="*/ 1023792 h 1023792"/>
                <a:gd name="connsiteX0-145" fmla="*/ 451402 w 1194702"/>
                <a:gd name="connsiteY0-146" fmla="*/ 1023792 h 1023792"/>
                <a:gd name="connsiteX1-147" fmla="*/ 11031 w 1194702"/>
                <a:gd name="connsiteY1-148" fmla="*/ 468420 h 1023792"/>
                <a:gd name="connsiteX2-149" fmla="*/ 207375 w 1194702"/>
                <a:gd name="connsiteY2-150" fmla="*/ 328175 h 1023792"/>
                <a:gd name="connsiteX3-151" fmla="*/ 313961 w 1194702"/>
                <a:gd name="connsiteY3-152" fmla="*/ 437566 h 1023792"/>
                <a:gd name="connsiteX4-153" fmla="*/ 316766 w 1194702"/>
                <a:gd name="connsiteY4-154" fmla="*/ 84148 h 1023792"/>
                <a:gd name="connsiteX5-155" fmla="*/ 496280 w 1194702"/>
                <a:gd name="connsiteY5-156" fmla="*/ 84148 h 1023792"/>
                <a:gd name="connsiteX6-157" fmla="*/ 496280 w 1194702"/>
                <a:gd name="connsiteY6-158" fmla="*/ 218783 h 1023792"/>
                <a:gd name="connsiteX7-159" fmla="*/ 527134 w 1194702"/>
                <a:gd name="connsiteY7-160" fmla="*/ 218783 h 1023792"/>
                <a:gd name="connsiteX8-161" fmla="*/ 527134 w 1194702"/>
                <a:gd name="connsiteY8-162" fmla="*/ 67318 h 1023792"/>
                <a:gd name="connsiteX9-163" fmla="*/ 717868 w 1194702"/>
                <a:gd name="connsiteY9-164" fmla="*/ 67318 h 1023792"/>
                <a:gd name="connsiteX10-165" fmla="*/ 729087 w 1194702"/>
                <a:gd name="connsiteY10-166" fmla="*/ 218783 h 1023792"/>
                <a:gd name="connsiteX11-167" fmla="*/ 748722 w 1194702"/>
                <a:gd name="connsiteY11-168" fmla="*/ 215978 h 1023792"/>
                <a:gd name="connsiteX12-169" fmla="*/ 748722 w 1194702"/>
                <a:gd name="connsiteY12-170" fmla="*/ 0 h 1023792"/>
                <a:gd name="connsiteX13-171" fmla="*/ 950675 w 1194702"/>
                <a:gd name="connsiteY13-172" fmla="*/ 0 h 1023792"/>
                <a:gd name="connsiteX14-173" fmla="*/ 950675 w 1194702"/>
                <a:gd name="connsiteY14-174" fmla="*/ 210369 h 1023792"/>
                <a:gd name="connsiteX15-175" fmla="*/ 1001164 w 1194702"/>
                <a:gd name="connsiteY15-176" fmla="*/ 207564 h 1023792"/>
                <a:gd name="connsiteX16-177" fmla="*/ 1001164 w 1194702"/>
                <a:gd name="connsiteY16-178" fmla="*/ 84148 h 1023792"/>
                <a:gd name="connsiteX17-179" fmla="*/ 1147019 w 1194702"/>
                <a:gd name="connsiteY17-180" fmla="*/ 84148 h 1023792"/>
                <a:gd name="connsiteX18-181" fmla="*/ 1161043 w 1194702"/>
                <a:gd name="connsiteY18-182" fmla="*/ 409517 h 1023792"/>
                <a:gd name="connsiteX19-183" fmla="*/ 1189092 w 1194702"/>
                <a:gd name="connsiteY19-184" fmla="*/ 429151 h 1023792"/>
                <a:gd name="connsiteX20-185" fmla="*/ 1194702 w 1194702"/>
                <a:gd name="connsiteY20-186" fmla="*/ 768545 h 1023792"/>
                <a:gd name="connsiteX21-187" fmla="*/ 1020798 w 1194702"/>
                <a:gd name="connsiteY21-188" fmla="*/ 973303 h 1023792"/>
                <a:gd name="connsiteX22-189" fmla="*/ 1020798 w 1194702"/>
                <a:gd name="connsiteY22-190" fmla="*/ 1015377 h 1023792"/>
                <a:gd name="connsiteX23-191" fmla="*/ 451402 w 1194702"/>
                <a:gd name="connsiteY23-192" fmla="*/ 1023792 h 1023792"/>
                <a:gd name="connsiteX0-193" fmla="*/ 451402 w 1194702"/>
                <a:gd name="connsiteY0-194" fmla="*/ 1037938 h 1037938"/>
                <a:gd name="connsiteX1-195" fmla="*/ 11031 w 1194702"/>
                <a:gd name="connsiteY1-196" fmla="*/ 482566 h 1037938"/>
                <a:gd name="connsiteX2-197" fmla="*/ 207375 w 1194702"/>
                <a:gd name="connsiteY2-198" fmla="*/ 342321 h 1037938"/>
                <a:gd name="connsiteX3-199" fmla="*/ 313961 w 1194702"/>
                <a:gd name="connsiteY3-200" fmla="*/ 451712 h 1037938"/>
                <a:gd name="connsiteX4-201" fmla="*/ 316766 w 1194702"/>
                <a:gd name="connsiteY4-202" fmla="*/ 98294 h 1037938"/>
                <a:gd name="connsiteX5-203" fmla="*/ 496280 w 1194702"/>
                <a:gd name="connsiteY5-204" fmla="*/ 98294 h 1037938"/>
                <a:gd name="connsiteX6-205" fmla="*/ 496280 w 1194702"/>
                <a:gd name="connsiteY6-206" fmla="*/ 232929 h 1037938"/>
                <a:gd name="connsiteX7-207" fmla="*/ 527134 w 1194702"/>
                <a:gd name="connsiteY7-208" fmla="*/ 232929 h 1037938"/>
                <a:gd name="connsiteX8-209" fmla="*/ 527134 w 1194702"/>
                <a:gd name="connsiteY8-210" fmla="*/ 81464 h 1037938"/>
                <a:gd name="connsiteX9-211" fmla="*/ 717868 w 1194702"/>
                <a:gd name="connsiteY9-212" fmla="*/ 81464 h 1037938"/>
                <a:gd name="connsiteX10-213" fmla="*/ 729087 w 1194702"/>
                <a:gd name="connsiteY10-214" fmla="*/ 232929 h 1037938"/>
                <a:gd name="connsiteX11-215" fmla="*/ 748722 w 1194702"/>
                <a:gd name="connsiteY11-216" fmla="*/ 230124 h 1037938"/>
                <a:gd name="connsiteX12-217" fmla="*/ 748722 w 1194702"/>
                <a:gd name="connsiteY12-218" fmla="*/ 14146 h 1037938"/>
                <a:gd name="connsiteX13-219" fmla="*/ 950675 w 1194702"/>
                <a:gd name="connsiteY13-220" fmla="*/ 14146 h 1037938"/>
                <a:gd name="connsiteX14-221" fmla="*/ 950675 w 1194702"/>
                <a:gd name="connsiteY14-222" fmla="*/ 224515 h 1037938"/>
                <a:gd name="connsiteX15-223" fmla="*/ 1001164 w 1194702"/>
                <a:gd name="connsiteY15-224" fmla="*/ 221710 h 1037938"/>
                <a:gd name="connsiteX16-225" fmla="*/ 1001164 w 1194702"/>
                <a:gd name="connsiteY16-226" fmla="*/ 98294 h 1037938"/>
                <a:gd name="connsiteX17-227" fmla="*/ 1147019 w 1194702"/>
                <a:gd name="connsiteY17-228" fmla="*/ 98294 h 1037938"/>
                <a:gd name="connsiteX18-229" fmla="*/ 1161043 w 1194702"/>
                <a:gd name="connsiteY18-230" fmla="*/ 423663 h 1037938"/>
                <a:gd name="connsiteX19-231" fmla="*/ 1189092 w 1194702"/>
                <a:gd name="connsiteY19-232" fmla="*/ 443297 h 1037938"/>
                <a:gd name="connsiteX20-233" fmla="*/ 1194702 w 1194702"/>
                <a:gd name="connsiteY20-234" fmla="*/ 782691 h 1037938"/>
                <a:gd name="connsiteX21-235" fmla="*/ 1020798 w 1194702"/>
                <a:gd name="connsiteY21-236" fmla="*/ 987449 h 1037938"/>
                <a:gd name="connsiteX22-237" fmla="*/ 1020798 w 1194702"/>
                <a:gd name="connsiteY22-238" fmla="*/ 1029523 h 1037938"/>
                <a:gd name="connsiteX23-239" fmla="*/ 451402 w 1194702"/>
                <a:gd name="connsiteY23-240" fmla="*/ 1037938 h 1037938"/>
                <a:gd name="connsiteX0-241" fmla="*/ 451402 w 1194702"/>
                <a:gd name="connsiteY0-242" fmla="*/ 1064930 h 1064930"/>
                <a:gd name="connsiteX1-243" fmla="*/ 11031 w 1194702"/>
                <a:gd name="connsiteY1-244" fmla="*/ 509558 h 1064930"/>
                <a:gd name="connsiteX2-245" fmla="*/ 207375 w 1194702"/>
                <a:gd name="connsiteY2-246" fmla="*/ 369313 h 1064930"/>
                <a:gd name="connsiteX3-247" fmla="*/ 313961 w 1194702"/>
                <a:gd name="connsiteY3-248" fmla="*/ 478704 h 1064930"/>
                <a:gd name="connsiteX4-249" fmla="*/ 316766 w 1194702"/>
                <a:gd name="connsiteY4-250" fmla="*/ 125286 h 1064930"/>
                <a:gd name="connsiteX5-251" fmla="*/ 496280 w 1194702"/>
                <a:gd name="connsiteY5-252" fmla="*/ 125286 h 1064930"/>
                <a:gd name="connsiteX6-253" fmla="*/ 496280 w 1194702"/>
                <a:gd name="connsiteY6-254" fmla="*/ 259921 h 1064930"/>
                <a:gd name="connsiteX7-255" fmla="*/ 527134 w 1194702"/>
                <a:gd name="connsiteY7-256" fmla="*/ 259921 h 1064930"/>
                <a:gd name="connsiteX8-257" fmla="*/ 527134 w 1194702"/>
                <a:gd name="connsiteY8-258" fmla="*/ 108456 h 1064930"/>
                <a:gd name="connsiteX9-259" fmla="*/ 717868 w 1194702"/>
                <a:gd name="connsiteY9-260" fmla="*/ 108456 h 1064930"/>
                <a:gd name="connsiteX10-261" fmla="*/ 729087 w 1194702"/>
                <a:gd name="connsiteY10-262" fmla="*/ 259921 h 1064930"/>
                <a:gd name="connsiteX11-263" fmla="*/ 748722 w 1194702"/>
                <a:gd name="connsiteY11-264" fmla="*/ 257116 h 1064930"/>
                <a:gd name="connsiteX12-265" fmla="*/ 748722 w 1194702"/>
                <a:gd name="connsiteY12-266" fmla="*/ 41138 h 1064930"/>
                <a:gd name="connsiteX13-267" fmla="*/ 950675 w 1194702"/>
                <a:gd name="connsiteY13-268" fmla="*/ 41138 h 1064930"/>
                <a:gd name="connsiteX14-269" fmla="*/ 950675 w 1194702"/>
                <a:gd name="connsiteY14-270" fmla="*/ 251507 h 1064930"/>
                <a:gd name="connsiteX15-271" fmla="*/ 1001164 w 1194702"/>
                <a:gd name="connsiteY15-272" fmla="*/ 248702 h 1064930"/>
                <a:gd name="connsiteX16-273" fmla="*/ 1001164 w 1194702"/>
                <a:gd name="connsiteY16-274" fmla="*/ 125286 h 1064930"/>
                <a:gd name="connsiteX17-275" fmla="*/ 1147019 w 1194702"/>
                <a:gd name="connsiteY17-276" fmla="*/ 125286 h 1064930"/>
                <a:gd name="connsiteX18-277" fmla="*/ 1161043 w 1194702"/>
                <a:gd name="connsiteY18-278" fmla="*/ 450655 h 1064930"/>
                <a:gd name="connsiteX19-279" fmla="*/ 1189092 w 1194702"/>
                <a:gd name="connsiteY19-280" fmla="*/ 470289 h 1064930"/>
                <a:gd name="connsiteX20-281" fmla="*/ 1194702 w 1194702"/>
                <a:gd name="connsiteY20-282" fmla="*/ 809683 h 1064930"/>
                <a:gd name="connsiteX21-283" fmla="*/ 1020798 w 1194702"/>
                <a:gd name="connsiteY21-284" fmla="*/ 1014441 h 1064930"/>
                <a:gd name="connsiteX22-285" fmla="*/ 1020798 w 1194702"/>
                <a:gd name="connsiteY22-286" fmla="*/ 1056515 h 1064930"/>
                <a:gd name="connsiteX23-287" fmla="*/ 451402 w 1194702"/>
                <a:gd name="connsiteY23-288" fmla="*/ 1064930 h 1064930"/>
                <a:gd name="connsiteX0-289" fmla="*/ 451402 w 1194702"/>
                <a:gd name="connsiteY0-290" fmla="*/ 1110486 h 1110486"/>
                <a:gd name="connsiteX1-291" fmla="*/ 11031 w 1194702"/>
                <a:gd name="connsiteY1-292" fmla="*/ 555114 h 1110486"/>
                <a:gd name="connsiteX2-293" fmla="*/ 207375 w 1194702"/>
                <a:gd name="connsiteY2-294" fmla="*/ 414869 h 1110486"/>
                <a:gd name="connsiteX3-295" fmla="*/ 313961 w 1194702"/>
                <a:gd name="connsiteY3-296" fmla="*/ 524260 h 1110486"/>
                <a:gd name="connsiteX4-297" fmla="*/ 316766 w 1194702"/>
                <a:gd name="connsiteY4-298" fmla="*/ 170842 h 1110486"/>
                <a:gd name="connsiteX5-299" fmla="*/ 496280 w 1194702"/>
                <a:gd name="connsiteY5-300" fmla="*/ 170842 h 1110486"/>
                <a:gd name="connsiteX6-301" fmla="*/ 496280 w 1194702"/>
                <a:gd name="connsiteY6-302" fmla="*/ 305477 h 1110486"/>
                <a:gd name="connsiteX7-303" fmla="*/ 527134 w 1194702"/>
                <a:gd name="connsiteY7-304" fmla="*/ 305477 h 1110486"/>
                <a:gd name="connsiteX8-305" fmla="*/ 527134 w 1194702"/>
                <a:gd name="connsiteY8-306" fmla="*/ 154012 h 1110486"/>
                <a:gd name="connsiteX9-307" fmla="*/ 717868 w 1194702"/>
                <a:gd name="connsiteY9-308" fmla="*/ 154012 h 1110486"/>
                <a:gd name="connsiteX10-309" fmla="*/ 729087 w 1194702"/>
                <a:gd name="connsiteY10-310" fmla="*/ 305477 h 1110486"/>
                <a:gd name="connsiteX11-311" fmla="*/ 748722 w 1194702"/>
                <a:gd name="connsiteY11-312" fmla="*/ 302672 h 1110486"/>
                <a:gd name="connsiteX12-313" fmla="*/ 748722 w 1194702"/>
                <a:gd name="connsiteY12-314" fmla="*/ 86694 h 1110486"/>
                <a:gd name="connsiteX13-315" fmla="*/ 950675 w 1194702"/>
                <a:gd name="connsiteY13-316" fmla="*/ 86694 h 1110486"/>
                <a:gd name="connsiteX14-317" fmla="*/ 950675 w 1194702"/>
                <a:gd name="connsiteY14-318" fmla="*/ 297063 h 1110486"/>
                <a:gd name="connsiteX15-319" fmla="*/ 1001164 w 1194702"/>
                <a:gd name="connsiteY15-320" fmla="*/ 294258 h 1110486"/>
                <a:gd name="connsiteX16-321" fmla="*/ 1001164 w 1194702"/>
                <a:gd name="connsiteY16-322" fmla="*/ 170842 h 1110486"/>
                <a:gd name="connsiteX17-323" fmla="*/ 1147019 w 1194702"/>
                <a:gd name="connsiteY17-324" fmla="*/ 170842 h 1110486"/>
                <a:gd name="connsiteX18-325" fmla="*/ 1161043 w 1194702"/>
                <a:gd name="connsiteY18-326" fmla="*/ 496211 h 1110486"/>
                <a:gd name="connsiteX19-327" fmla="*/ 1189092 w 1194702"/>
                <a:gd name="connsiteY19-328" fmla="*/ 515845 h 1110486"/>
                <a:gd name="connsiteX20-329" fmla="*/ 1194702 w 1194702"/>
                <a:gd name="connsiteY20-330" fmla="*/ 855239 h 1110486"/>
                <a:gd name="connsiteX21-331" fmla="*/ 1020798 w 1194702"/>
                <a:gd name="connsiteY21-332" fmla="*/ 1059997 h 1110486"/>
                <a:gd name="connsiteX22-333" fmla="*/ 1020798 w 1194702"/>
                <a:gd name="connsiteY22-334" fmla="*/ 1102071 h 1110486"/>
                <a:gd name="connsiteX23-335" fmla="*/ 451402 w 1194702"/>
                <a:gd name="connsiteY23-336" fmla="*/ 1110486 h 1110486"/>
                <a:gd name="connsiteX0-337" fmla="*/ 451402 w 1194702"/>
                <a:gd name="connsiteY0-338" fmla="*/ 1124506 h 1124506"/>
                <a:gd name="connsiteX1-339" fmla="*/ 11031 w 1194702"/>
                <a:gd name="connsiteY1-340" fmla="*/ 569134 h 1124506"/>
                <a:gd name="connsiteX2-341" fmla="*/ 207375 w 1194702"/>
                <a:gd name="connsiteY2-342" fmla="*/ 428889 h 1124506"/>
                <a:gd name="connsiteX3-343" fmla="*/ 313961 w 1194702"/>
                <a:gd name="connsiteY3-344" fmla="*/ 538280 h 1124506"/>
                <a:gd name="connsiteX4-345" fmla="*/ 316766 w 1194702"/>
                <a:gd name="connsiteY4-346" fmla="*/ 184862 h 1124506"/>
                <a:gd name="connsiteX5-347" fmla="*/ 496280 w 1194702"/>
                <a:gd name="connsiteY5-348" fmla="*/ 184862 h 1124506"/>
                <a:gd name="connsiteX6-349" fmla="*/ 496280 w 1194702"/>
                <a:gd name="connsiteY6-350" fmla="*/ 319497 h 1124506"/>
                <a:gd name="connsiteX7-351" fmla="*/ 527134 w 1194702"/>
                <a:gd name="connsiteY7-352" fmla="*/ 319497 h 1124506"/>
                <a:gd name="connsiteX8-353" fmla="*/ 527134 w 1194702"/>
                <a:gd name="connsiteY8-354" fmla="*/ 168032 h 1124506"/>
                <a:gd name="connsiteX9-355" fmla="*/ 723478 w 1194702"/>
                <a:gd name="connsiteY9-356" fmla="*/ 137178 h 1124506"/>
                <a:gd name="connsiteX10-357" fmla="*/ 729087 w 1194702"/>
                <a:gd name="connsiteY10-358" fmla="*/ 319497 h 1124506"/>
                <a:gd name="connsiteX11-359" fmla="*/ 748722 w 1194702"/>
                <a:gd name="connsiteY11-360" fmla="*/ 316692 h 1124506"/>
                <a:gd name="connsiteX12-361" fmla="*/ 748722 w 1194702"/>
                <a:gd name="connsiteY12-362" fmla="*/ 100714 h 1124506"/>
                <a:gd name="connsiteX13-363" fmla="*/ 950675 w 1194702"/>
                <a:gd name="connsiteY13-364" fmla="*/ 100714 h 1124506"/>
                <a:gd name="connsiteX14-365" fmla="*/ 950675 w 1194702"/>
                <a:gd name="connsiteY14-366" fmla="*/ 311083 h 1124506"/>
                <a:gd name="connsiteX15-367" fmla="*/ 1001164 w 1194702"/>
                <a:gd name="connsiteY15-368" fmla="*/ 308278 h 1124506"/>
                <a:gd name="connsiteX16-369" fmla="*/ 1001164 w 1194702"/>
                <a:gd name="connsiteY16-370" fmla="*/ 184862 h 1124506"/>
                <a:gd name="connsiteX17-371" fmla="*/ 1147019 w 1194702"/>
                <a:gd name="connsiteY17-372" fmla="*/ 184862 h 1124506"/>
                <a:gd name="connsiteX18-373" fmla="*/ 1161043 w 1194702"/>
                <a:gd name="connsiteY18-374" fmla="*/ 510231 h 1124506"/>
                <a:gd name="connsiteX19-375" fmla="*/ 1189092 w 1194702"/>
                <a:gd name="connsiteY19-376" fmla="*/ 529865 h 1124506"/>
                <a:gd name="connsiteX20-377" fmla="*/ 1194702 w 1194702"/>
                <a:gd name="connsiteY20-378" fmla="*/ 869259 h 1124506"/>
                <a:gd name="connsiteX21-379" fmla="*/ 1020798 w 1194702"/>
                <a:gd name="connsiteY21-380" fmla="*/ 1074017 h 1124506"/>
                <a:gd name="connsiteX22-381" fmla="*/ 1020798 w 1194702"/>
                <a:gd name="connsiteY22-382" fmla="*/ 1116091 h 1124506"/>
                <a:gd name="connsiteX23-383" fmla="*/ 451402 w 1194702"/>
                <a:gd name="connsiteY23-384" fmla="*/ 1124506 h 1124506"/>
                <a:gd name="connsiteX0-385" fmla="*/ 451402 w 1194702"/>
                <a:gd name="connsiteY0-386" fmla="*/ 1141340 h 1141340"/>
                <a:gd name="connsiteX1-387" fmla="*/ 11031 w 1194702"/>
                <a:gd name="connsiteY1-388" fmla="*/ 585968 h 1141340"/>
                <a:gd name="connsiteX2-389" fmla="*/ 207375 w 1194702"/>
                <a:gd name="connsiteY2-390" fmla="*/ 445723 h 1141340"/>
                <a:gd name="connsiteX3-391" fmla="*/ 313961 w 1194702"/>
                <a:gd name="connsiteY3-392" fmla="*/ 555114 h 1141340"/>
                <a:gd name="connsiteX4-393" fmla="*/ 316766 w 1194702"/>
                <a:gd name="connsiteY4-394" fmla="*/ 201696 h 1141340"/>
                <a:gd name="connsiteX5-395" fmla="*/ 496280 w 1194702"/>
                <a:gd name="connsiteY5-396" fmla="*/ 201696 h 1141340"/>
                <a:gd name="connsiteX6-397" fmla="*/ 496280 w 1194702"/>
                <a:gd name="connsiteY6-398" fmla="*/ 336331 h 1141340"/>
                <a:gd name="connsiteX7-399" fmla="*/ 527134 w 1194702"/>
                <a:gd name="connsiteY7-400" fmla="*/ 336331 h 1141340"/>
                <a:gd name="connsiteX8-401" fmla="*/ 524329 w 1194702"/>
                <a:gd name="connsiteY8-402" fmla="*/ 154012 h 1141340"/>
                <a:gd name="connsiteX9-403" fmla="*/ 723478 w 1194702"/>
                <a:gd name="connsiteY9-404" fmla="*/ 154012 h 1141340"/>
                <a:gd name="connsiteX10-405" fmla="*/ 729087 w 1194702"/>
                <a:gd name="connsiteY10-406" fmla="*/ 336331 h 1141340"/>
                <a:gd name="connsiteX11-407" fmla="*/ 748722 w 1194702"/>
                <a:gd name="connsiteY11-408" fmla="*/ 333526 h 1141340"/>
                <a:gd name="connsiteX12-409" fmla="*/ 748722 w 1194702"/>
                <a:gd name="connsiteY12-410" fmla="*/ 117548 h 1141340"/>
                <a:gd name="connsiteX13-411" fmla="*/ 950675 w 1194702"/>
                <a:gd name="connsiteY13-412" fmla="*/ 117548 h 1141340"/>
                <a:gd name="connsiteX14-413" fmla="*/ 950675 w 1194702"/>
                <a:gd name="connsiteY14-414" fmla="*/ 327917 h 1141340"/>
                <a:gd name="connsiteX15-415" fmla="*/ 1001164 w 1194702"/>
                <a:gd name="connsiteY15-416" fmla="*/ 325112 h 1141340"/>
                <a:gd name="connsiteX16-417" fmla="*/ 1001164 w 1194702"/>
                <a:gd name="connsiteY16-418" fmla="*/ 201696 h 1141340"/>
                <a:gd name="connsiteX17-419" fmla="*/ 1147019 w 1194702"/>
                <a:gd name="connsiteY17-420" fmla="*/ 201696 h 1141340"/>
                <a:gd name="connsiteX18-421" fmla="*/ 1161043 w 1194702"/>
                <a:gd name="connsiteY18-422" fmla="*/ 527065 h 1141340"/>
                <a:gd name="connsiteX19-423" fmla="*/ 1189092 w 1194702"/>
                <a:gd name="connsiteY19-424" fmla="*/ 546699 h 1141340"/>
                <a:gd name="connsiteX20-425" fmla="*/ 1194702 w 1194702"/>
                <a:gd name="connsiteY20-426" fmla="*/ 886093 h 1141340"/>
                <a:gd name="connsiteX21-427" fmla="*/ 1020798 w 1194702"/>
                <a:gd name="connsiteY21-428" fmla="*/ 1090851 h 1141340"/>
                <a:gd name="connsiteX22-429" fmla="*/ 1020798 w 1194702"/>
                <a:gd name="connsiteY22-430" fmla="*/ 1132925 h 1141340"/>
                <a:gd name="connsiteX23-431" fmla="*/ 451402 w 1194702"/>
                <a:gd name="connsiteY23-432" fmla="*/ 1141340 h 1141340"/>
                <a:gd name="connsiteX0-433" fmla="*/ 451402 w 1194702"/>
                <a:gd name="connsiteY0-434" fmla="*/ 1104142 h 1104142"/>
                <a:gd name="connsiteX1-435" fmla="*/ 11031 w 1194702"/>
                <a:gd name="connsiteY1-436" fmla="*/ 548770 h 1104142"/>
                <a:gd name="connsiteX2-437" fmla="*/ 207375 w 1194702"/>
                <a:gd name="connsiteY2-438" fmla="*/ 408525 h 1104142"/>
                <a:gd name="connsiteX3-439" fmla="*/ 313961 w 1194702"/>
                <a:gd name="connsiteY3-440" fmla="*/ 517916 h 1104142"/>
                <a:gd name="connsiteX4-441" fmla="*/ 316766 w 1194702"/>
                <a:gd name="connsiteY4-442" fmla="*/ 164498 h 1104142"/>
                <a:gd name="connsiteX5-443" fmla="*/ 496280 w 1194702"/>
                <a:gd name="connsiteY5-444" fmla="*/ 164498 h 1104142"/>
                <a:gd name="connsiteX6-445" fmla="*/ 496280 w 1194702"/>
                <a:gd name="connsiteY6-446" fmla="*/ 299133 h 1104142"/>
                <a:gd name="connsiteX7-447" fmla="*/ 527134 w 1194702"/>
                <a:gd name="connsiteY7-448" fmla="*/ 299133 h 1104142"/>
                <a:gd name="connsiteX8-449" fmla="*/ 524329 w 1194702"/>
                <a:gd name="connsiteY8-450" fmla="*/ 116814 h 1104142"/>
                <a:gd name="connsiteX9-451" fmla="*/ 723478 w 1194702"/>
                <a:gd name="connsiteY9-452" fmla="*/ 116814 h 1104142"/>
                <a:gd name="connsiteX10-453" fmla="*/ 729087 w 1194702"/>
                <a:gd name="connsiteY10-454" fmla="*/ 299133 h 1104142"/>
                <a:gd name="connsiteX11-455" fmla="*/ 748722 w 1194702"/>
                <a:gd name="connsiteY11-456" fmla="*/ 296328 h 1104142"/>
                <a:gd name="connsiteX12-457" fmla="*/ 748722 w 1194702"/>
                <a:gd name="connsiteY12-458" fmla="*/ 80350 h 1104142"/>
                <a:gd name="connsiteX13-459" fmla="*/ 950675 w 1194702"/>
                <a:gd name="connsiteY13-460" fmla="*/ 80350 h 1104142"/>
                <a:gd name="connsiteX14-461" fmla="*/ 950675 w 1194702"/>
                <a:gd name="connsiteY14-462" fmla="*/ 290719 h 1104142"/>
                <a:gd name="connsiteX15-463" fmla="*/ 1001164 w 1194702"/>
                <a:gd name="connsiteY15-464" fmla="*/ 287914 h 1104142"/>
                <a:gd name="connsiteX16-465" fmla="*/ 1001164 w 1194702"/>
                <a:gd name="connsiteY16-466" fmla="*/ 164498 h 1104142"/>
                <a:gd name="connsiteX17-467" fmla="*/ 1147019 w 1194702"/>
                <a:gd name="connsiteY17-468" fmla="*/ 164498 h 1104142"/>
                <a:gd name="connsiteX18-469" fmla="*/ 1161043 w 1194702"/>
                <a:gd name="connsiteY18-470" fmla="*/ 489867 h 1104142"/>
                <a:gd name="connsiteX19-471" fmla="*/ 1189092 w 1194702"/>
                <a:gd name="connsiteY19-472" fmla="*/ 509501 h 1104142"/>
                <a:gd name="connsiteX20-473" fmla="*/ 1194702 w 1194702"/>
                <a:gd name="connsiteY20-474" fmla="*/ 848895 h 1104142"/>
                <a:gd name="connsiteX21-475" fmla="*/ 1020798 w 1194702"/>
                <a:gd name="connsiteY21-476" fmla="*/ 1053653 h 1104142"/>
                <a:gd name="connsiteX22-477" fmla="*/ 1020798 w 1194702"/>
                <a:gd name="connsiteY22-478" fmla="*/ 1095727 h 1104142"/>
                <a:gd name="connsiteX23-479" fmla="*/ 451402 w 1194702"/>
                <a:gd name="connsiteY23-480" fmla="*/ 1104142 h 1104142"/>
                <a:gd name="connsiteX0-481" fmla="*/ 451402 w 1194702"/>
                <a:gd name="connsiteY0-482" fmla="*/ 1104142 h 1104142"/>
                <a:gd name="connsiteX1-483" fmla="*/ 11031 w 1194702"/>
                <a:gd name="connsiteY1-484" fmla="*/ 548770 h 1104142"/>
                <a:gd name="connsiteX2-485" fmla="*/ 207375 w 1194702"/>
                <a:gd name="connsiteY2-486" fmla="*/ 408525 h 1104142"/>
                <a:gd name="connsiteX3-487" fmla="*/ 313961 w 1194702"/>
                <a:gd name="connsiteY3-488" fmla="*/ 517916 h 1104142"/>
                <a:gd name="connsiteX4-489" fmla="*/ 316766 w 1194702"/>
                <a:gd name="connsiteY4-490" fmla="*/ 164498 h 1104142"/>
                <a:gd name="connsiteX5-491" fmla="*/ 496280 w 1194702"/>
                <a:gd name="connsiteY5-492" fmla="*/ 164498 h 1104142"/>
                <a:gd name="connsiteX6-493" fmla="*/ 496280 w 1194702"/>
                <a:gd name="connsiteY6-494" fmla="*/ 299133 h 1104142"/>
                <a:gd name="connsiteX7-495" fmla="*/ 527134 w 1194702"/>
                <a:gd name="connsiteY7-496" fmla="*/ 299133 h 1104142"/>
                <a:gd name="connsiteX8-497" fmla="*/ 524329 w 1194702"/>
                <a:gd name="connsiteY8-498" fmla="*/ 116814 h 1104142"/>
                <a:gd name="connsiteX9-499" fmla="*/ 723478 w 1194702"/>
                <a:gd name="connsiteY9-500" fmla="*/ 116814 h 1104142"/>
                <a:gd name="connsiteX10-501" fmla="*/ 729087 w 1194702"/>
                <a:gd name="connsiteY10-502" fmla="*/ 299133 h 1104142"/>
                <a:gd name="connsiteX11-503" fmla="*/ 748722 w 1194702"/>
                <a:gd name="connsiteY11-504" fmla="*/ 296328 h 1104142"/>
                <a:gd name="connsiteX12-505" fmla="*/ 748722 w 1194702"/>
                <a:gd name="connsiteY12-506" fmla="*/ 80350 h 1104142"/>
                <a:gd name="connsiteX13-507" fmla="*/ 950675 w 1194702"/>
                <a:gd name="connsiteY13-508" fmla="*/ 80350 h 1104142"/>
                <a:gd name="connsiteX14-509" fmla="*/ 950675 w 1194702"/>
                <a:gd name="connsiteY14-510" fmla="*/ 290719 h 1104142"/>
                <a:gd name="connsiteX15-511" fmla="*/ 1001164 w 1194702"/>
                <a:gd name="connsiteY15-512" fmla="*/ 287914 h 1104142"/>
                <a:gd name="connsiteX16-513" fmla="*/ 1001164 w 1194702"/>
                <a:gd name="connsiteY16-514" fmla="*/ 164498 h 1104142"/>
                <a:gd name="connsiteX17-515" fmla="*/ 1147019 w 1194702"/>
                <a:gd name="connsiteY17-516" fmla="*/ 164498 h 1104142"/>
                <a:gd name="connsiteX18-517" fmla="*/ 1161043 w 1194702"/>
                <a:gd name="connsiteY18-518" fmla="*/ 489867 h 1104142"/>
                <a:gd name="connsiteX19-519" fmla="*/ 1189092 w 1194702"/>
                <a:gd name="connsiteY19-520" fmla="*/ 509501 h 1104142"/>
                <a:gd name="connsiteX20-521" fmla="*/ 1194702 w 1194702"/>
                <a:gd name="connsiteY20-522" fmla="*/ 848895 h 1104142"/>
                <a:gd name="connsiteX21-523" fmla="*/ 1020798 w 1194702"/>
                <a:gd name="connsiteY21-524" fmla="*/ 1053653 h 1104142"/>
                <a:gd name="connsiteX22-525" fmla="*/ 1020798 w 1194702"/>
                <a:gd name="connsiteY22-526" fmla="*/ 1095727 h 1104142"/>
                <a:gd name="connsiteX23-527" fmla="*/ 451402 w 1194702"/>
                <a:gd name="connsiteY23-528" fmla="*/ 1104142 h 1104142"/>
                <a:gd name="connsiteX0-529" fmla="*/ 451402 w 1194702"/>
                <a:gd name="connsiteY0-530" fmla="*/ 1104142 h 1104142"/>
                <a:gd name="connsiteX1-531" fmla="*/ 11031 w 1194702"/>
                <a:gd name="connsiteY1-532" fmla="*/ 548770 h 1104142"/>
                <a:gd name="connsiteX2-533" fmla="*/ 207375 w 1194702"/>
                <a:gd name="connsiteY2-534" fmla="*/ 408525 h 1104142"/>
                <a:gd name="connsiteX3-535" fmla="*/ 313961 w 1194702"/>
                <a:gd name="connsiteY3-536" fmla="*/ 517916 h 1104142"/>
                <a:gd name="connsiteX4-537" fmla="*/ 316766 w 1194702"/>
                <a:gd name="connsiteY4-538" fmla="*/ 164498 h 1104142"/>
                <a:gd name="connsiteX5-539" fmla="*/ 496280 w 1194702"/>
                <a:gd name="connsiteY5-540" fmla="*/ 164498 h 1104142"/>
                <a:gd name="connsiteX6-541" fmla="*/ 496280 w 1194702"/>
                <a:gd name="connsiteY6-542" fmla="*/ 299133 h 1104142"/>
                <a:gd name="connsiteX7-543" fmla="*/ 527134 w 1194702"/>
                <a:gd name="connsiteY7-544" fmla="*/ 299133 h 1104142"/>
                <a:gd name="connsiteX8-545" fmla="*/ 524329 w 1194702"/>
                <a:gd name="connsiteY8-546" fmla="*/ 116814 h 1104142"/>
                <a:gd name="connsiteX9-547" fmla="*/ 723478 w 1194702"/>
                <a:gd name="connsiteY9-548" fmla="*/ 116814 h 1104142"/>
                <a:gd name="connsiteX10-549" fmla="*/ 729087 w 1194702"/>
                <a:gd name="connsiteY10-550" fmla="*/ 299133 h 1104142"/>
                <a:gd name="connsiteX11-551" fmla="*/ 748722 w 1194702"/>
                <a:gd name="connsiteY11-552" fmla="*/ 296328 h 1104142"/>
                <a:gd name="connsiteX12-553" fmla="*/ 748722 w 1194702"/>
                <a:gd name="connsiteY12-554" fmla="*/ 80350 h 1104142"/>
                <a:gd name="connsiteX13-555" fmla="*/ 950675 w 1194702"/>
                <a:gd name="connsiteY13-556" fmla="*/ 80350 h 1104142"/>
                <a:gd name="connsiteX14-557" fmla="*/ 950675 w 1194702"/>
                <a:gd name="connsiteY14-558" fmla="*/ 290719 h 1104142"/>
                <a:gd name="connsiteX15-559" fmla="*/ 1001164 w 1194702"/>
                <a:gd name="connsiteY15-560" fmla="*/ 287914 h 1104142"/>
                <a:gd name="connsiteX16-561" fmla="*/ 1001164 w 1194702"/>
                <a:gd name="connsiteY16-562" fmla="*/ 164498 h 1104142"/>
                <a:gd name="connsiteX17-563" fmla="*/ 1147019 w 1194702"/>
                <a:gd name="connsiteY17-564" fmla="*/ 164498 h 1104142"/>
                <a:gd name="connsiteX18-565" fmla="*/ 1161043 w 1194702"/>
                <a:gd name="connsiteY18-566" fmla="*/ 489867 h 1104142"/>
                <a:gd name="connsiteX19-567" fmla="*/ 1189092 w 1194702"/>
                <a:gd name="connsiteY19-568" fmla="*/ 509501 h 1104142"/>
                <a:gd name="connsiteX20-569" fmla="*/ 1194702 w 1194702"/>
                <a:gd name="connsiteY20-570" fmla="*/ 848895 h 1104142"/>
                <a:gd name="connsiteX21-571" fmla="*/ 1020798 w 1194702"/>
                <a:gd name="connsiteY21-572" fmla="*/ 1053653 h 1104142"/>
                <a:gd name="connsiteX22-573" fmla="*/ 1020798 w 1194702"/>
                <a:gd name="connsiteY22-574" fmla="*/ 1095727 h 1104142"/>
                <a:gd name="connsiteX23-575" fmla="*/ 451402 w 1194702"/>
                <a:gd name="connsiteY23-576" fmla="*/ 1104142 h 1104142"/>
                <a:gd name="connsiteX0-577" fmla="*/ 451402 w 1194702"/>
                <a:gd name="connsiteY0-578" fmla="*/ 1104142 h 1104142"/>
                <a:gd name="connsiteX1-579" fmla="*/ 11031 w 1194702"/>
                <a:gd name="connsiteY1-580" fmla="*/ 548770 h 1104142"/>
                <a:gd name="connsiteX2-581" fmla="*/ 207375 w 1194702"/>
                <a:gd name="connsiteY2-582" fmla="*/ 408525 h 1104142"/>
                <a:gd name="connsiteX3-583" fmla="*/ 313961 w 1194702"/>
                <a:gd name="connsiteY3-584" fmla="*/ 517916 h 1104142"/>
                <a:gd name="connsiteX4-585" fmla="*/ 316766 w 1194702"/>
                <a:gd name="connsiteY4-586" fmla="*/ 164498 h 1104142"/>
                <a:gd name="connsiteX5-587" fmla="*/ 496280 w 1194702"/>
                <a:gd name="connsiteY5-588" fmla="*/ 164498 h 1104142"/>
                <a:gd name="connsiteX6-589" fmla="*/ 496280 w 1194702"/>
                <a:gd name="connsiteY6-590" fmla="*/ 299133 h 1104142"/>
                <a:gd name="connsiteX7-591" fmla="*/ 527134 w 1194702"/>
                <a:gd name="connsiteY7-592" fmla="*/ 299133 h 1104142"/>
                <a:gd name="connsiteX8-593" fmla="*/ 524329 w 1194702"/>
                <a:gd name="connsiteY8-594" fmla="*/ 116814 h 1104142"/>
                <a:gd name="connsiteX9-595" fmla="*/ 723478 w 1194702"/>
                <a:gd name="connsiteY9-596" fmla="*/ 116814 h 1104142"/>
                <a:gd name="connsiteX10-597" fmla="*/ 729087 w 1194702"/>
                <a:gd name="connsiteY10-598" fmla="*/ 299133 h 1104142"/>
                <a:gd name="connsiteX11-599" fmla="*/ 748722 w 1194702"/>
                <a:gd name="connsiteY11-600" fmla="*/ 296328 h 1104142"/>
                <a:gd name="connsiteX12-601" fmla="*/ 748722 w 1194702"/>
                <a:gd name="connsiteY12-602" fmla="*/ 80350 h 1104142"/>
                <a:gd name="connsiteX13-603" fmla="*/ 950675 w 1194702"/>
                <a:gd name="connsiteY13-604" fmla="*/ 80350 h 1104142"/>
                <a:gd name="connsiteX14-605" fmla="*/ 950675 w 1194702"/>
                <a:gd name="connsiteY14-606" fmla="*/ 290719 h 1104142"/>
                <a:gd name="connsiteX15-607" fmla="*/ 1001164 w 1194702"/>
                <a:gd name="connsiteY15-608" fmla="*/ 287914 h 1104142"/>
                <a:gd name="connsiteX16-609" fmla="*/ 1001164 w 1194702"/>
                <a:gd name="connsiteY16-610" fmla="*/ 164498 h 1104142"/>
                <a:gd name="connsiteX17-611" fmla="*/ 1147019 w 1194702"/>
                <a:gd name="connsiteY17-612" fmla="*/ 164498 h 1104142"/>
                <a:gd name="connsiteX18-613" fmla="*/ 1161043 w 1194702"/>
                <a:gd name="connsiteY18-614" fmla="*/ 489867 h 1104142"/>
                <a:gd name="connsiteX19-615" fmla="*/ 1189092 w 1194702"/>
                <a:gd name="connsiteY19-616" fmla="*/ 509501 h 1104142"/>
                <a:gd name="connsiteX20-617" fmla="*/ 1194702 w 1194702"/>
                <a:gd name="connsiteY20-618" fmla="*/ 848895 h 1104142"/>
                <a:gd name="connsiteX21-619" fmla="*/ 1020798 w 1194702"/>
                <a:gd name="connsiteY21-620" fmla="*/ 1053653 h 1104142"/>
                <a:gd name="connsiteX22-621" fmla="*/ 1020798 w 1194702"/>
                <a:gd name="connsiteY22-622" fmla="*/ 1095727 h 1104142"/>
                <a:gd name="connsiteX23-623" fmla="*/ 451402 w 1194702"/>
                <a:gd name="connsiteY23-624" fmla="*/ 1104142 h 1104142"/>
                <a:gd name="connsiteX0-625" fmla="*/ 451402 w 1194702"/>
                <a:gd name="connsiteY0-626" fmla="*/ 1104142 h 1104142"/>
                <a:gd name="connsiteX1-627" fmla="*/ 11031 w 1194702"/>
                <a:gd name="connsiteY1-628" fmla="*/ 548770 h 1104142"/>
                <a:gd name="connsiteX2-629" fmla="*/ 207375 w 1194702"/>
                <a:gd name="connsiteY2-630" fmla="*/ 408525 h 1104142"/>
                <a:gd name="connsiteX3-631" fmla="*/ 313961 w 1194702"/>
                <a:gd name="connsiteY3-632" fmla="*/ 517916 h 1104142"/>
                <a:gd name="connsiteX4-633" fmla="*/ 316766 w 1194702"/>
                <a:gd name="connsiteY4-634" fmla="*/ 164498 h 1104142"/>
                <a:gd name="connsiteX5-635" fmla="*/ 496280 w 1194702"/>
                <a:gd name="connsiteY5-636" fmla="*/ 164498 h 1104142"/>
                <a:gd name="connsiteX6-637" fmla="*/ 496280 w 1194702"/>
                <a:gd name="connsiteY6-638" fmla="*/ 299133 h 1104142"/>
                <a:gd name="connsiteX7-639" fmla="*/ 527134 w 1194702"/>
                <a:gd name="connsiteY7-640" fmla="*/ 299133 h 1104142"/>
                <a:gd name="connsiteX8-641" fmla="*/ 524329 w 1194702"/>
                <a:gd name="connsiteY8-642" fmla="*/ 116814 h 1104142"/>
                <a:gd name="connsiteX9-643" fmla="*/ 723478 w 1194702"/>
                <a:gd name="connsiteY9-644" fmla="*/ 116814 h 1104142"/>
                <a:gd name="connsiteX10-645" fmla="*/ 729087 w 1194702"/>
                <a:gd name="connsiteY10-646" fmla="*/ 299133 h 1104142"/>
                <a:gd name="connsiteX11-647" fmla="*/ 748722 w 1194702"/>
                <a:gd name="connsiteY11-648" fmla="*/ 296328 h 1104142"/>
                <a:gd name="connsiteX12-649" fmla="*/ 748722 w 1194702"/>
                <a:gd name="connsiteY12-650" fmla="*/ 80350 h 1104142"/>
                <a:gd name="connsiteX13-651" fmla="*/ 950675 w 1194702"/>
                <a:gd name="connsiteY13-652" fmla="*/ 80350 h 1104142"/>
                <a:gd name="connsiteX14-653" fmla="*/ 950675 w 1194702"/>
                <a:gd name="connsiteY14-654" fmla="*/ 290719 h 1104142"/>
                <a:gd name="connsiteX15-655" fmla="*/ 1001164 w 1194702"/>
                <a:gd name="connsiteY15-656" fmla="*/ 287914 h 1104142"/>
                <a:gd name="connsiteX16-657" fmla="*/ 1001164 w 1194702"/>
                <a:gd name="connsiteY16-658" fmla="*/ 164498 h 1104142"/>
                <a:gd name="connsiteX17-659" fmla="*/ 1147019 w 1194702"/>
                <a:gd name="connsiteY17-660" fmla="*/ 164498 h 1104142"/>
                <a:gd name="connsiteX18-661" fmla="*/ 1161043 w 1194702"/>
                <a:gd name="connsiteY18-662" fmla="*/ 489867 h 1104142"/>
                <a:gd name="connsiteX19-663" fmla="*/ 1189092 w 1194702"/>
                <a:gd name="connsiteY19-664" fmla="*/ 509501 h 1104142"/>
                <a:gd name="connsiteX20-665" fmla="*/ 1194702 w 1194702"/>
                <a:gd name="connsiteY20-666" fmla="*/ 848895 h 1104142"/>
                <a:gd name="connsiteX21-667" fmla="*/ 1020798 w 1194702"/>
                <a:gd name="connsiteY21-668" fmla="*/ 1053653 h 1104142"/>
                <a:gd name="connsiteX22-669" fmla="*/ 1020798 w 1194702"/>
                <a:gd name="connsiteY22-670" fmla="*/ 1095727 h 1104142"/>
                <a:gd name="connsiteX23-671" fmla="*/ 451402 w 1194702"/>
                <a:gd name="connsiteY23-672" fmla="*/ 1104142 h 1104142"/>
                <a:gd name="connsiteX0-673" fmla="*/ 451402 w 1194702"/>
                <a:gd name="connsiteY0-674" fmla="*/ 1104142 h 1104142"/>
                <a:gd name="connsiteX1-675" fmla="*/ 11031 w 1194702"/>
                <a:gd name="connsiteY1-676" fmla="*/ 548770 h 1104142"/>
                <a:gd name="connsiteX2-677" fmla="*/ 207375 w 1194702"/>
                <a:gd name="connsiteY2-678" fmla="*/ 408525 h 1104142"/>
                <a:gd name="connsiteX3-679" fmla="*/ 313961 w 1194702"/>
                <a:gd name="connsiteY3-680" fmla="*/ 517916 h 1104142"/>
                <a:gd name="connsiteX4-681" fmla="*/ 316766 w 1194702"/>
                <a:gd name="connsiteY4-682" fmla="*/ 164498 h 1104142"/>
                <a:gd name="connsiteX5-683" fmla="*/ 496280 w 1194702"/>
                <a:gd name="connsiteY5-684" fmla="*/ 164498 h 1104142"/>
                <a:gd name="connsiteX6-685" fmla="*/ 496280 w 1194702"/>
                <a:gd name="connsiteY6-686" fmla="*/ 299133 h 1104142"/>
                <a:gd name="connsiteX7-687" fmla="*/ 527134 w 1194702"/>
                <a:gd name="connsiteY7-688" fmla="*/ 299133 h 1104142"/>
                <a:gd name="connsiteX8-689" fmla="*/ 524329 w 1194702"/>
                <a:gd name="connsiteY8-690" fmla="*/ 116814 h 1104142"/>
                <a:gd name="connsiteX9-691" fmla="*/ 723478 w 1194702"/>
                <a:gd name="connsiteY9-692" fmla="*/ 116814 h 1104142"/>
                <a:gd name="connsiteX10-693" fmla="*/ 729087 w 1194702"/>
                <a:gd name="connsiteY10-694" fmla="*/ 299133 h 1104142"/>
                <a:gd name="connsiteX11-695" fmla="*/ 748722 w 1194702"/>
                <a:gd name="connsiteY11-696" fmla="*/ 296328 h 1104142"/>
                <a:gd name="connsiteX12-697" fmla="*/ 748722 w 1194702"/>
                <a:gd name="connsiteY12-698" fmla="*/ 80350 h 1104142"/>
                <a:gd name="connsiteX13-699" fmla="*/ 950675 w 1194702"/>
                <a:gd name="connsiteY13-700" fmla="*/ 80350 h 1104142"/>
                <a:gd name="connsiteX14-701" fmla="*/ 950675 w 1194702"/>
                <a:gd name="connsiteY14-702" fmla="*/ 290719 h 1104142"/>
                <a:gd name="connsiteX15-703" fmla="*/ 1001164 w 1194702"/>
                <a:gd name="connsiteY15-704" fmla="*/ 287914 h 1104142"/>
                <a:gd name="connsiteX16-705" fmla="*/ 1001164 w 1194702"/>
                <a:gd name="connsiteY16-706" fmla="*/ 164498 h 1104142"/>
                <a:gd name="connsiteX17-707" fmla="*/ 1147019 w 1194702"/>
                <a:gd name="connsiteY17-708" fmla="*/ 164498 h 1104142"/>
                <a:gd name="connsiteX18-709" fmla="*/ 1161043 w 1194702"/>
                <a:gd name="connsiteY18-710" fmla="*/ 489867 h 1104142"/>
                <a:gd name="connsiteX19-711" fmla="*/ 1189092 w 1194702"/>
                <a:gd name="connsiteY19-712" fmla="*/ 509501 h 1104142"/>
                <a:gd name="connsiteX20-713" fmla="*/ 1194702 w 1194702"/>
                <a:gd name="connsiteY20-714" fmla="*/ 848895 h 1104142"/>
                <a:gd name="connsiteX21-715" fmla="*/ 1020798 w 1194702"/>
                <a:gd name="connsiteY21-716" fmla="*/ 1053653 h 1104142"/>
                <a:gd name="connsiteX22-717" fmla="*/ 1020798 w 1194702"/>
                <a:gd name="connsiteY22-718" fmla="*/ 1095727 h 1104142"/>
                <a:gd name="connsiteX23-719" fmla="*/ 451402 w 1194702"/>
                <a:gd name="connsiteY23-720" fmla="*/ 1104142 h 1104142"/>
                <a:gd name="connsiteX0-721" fmla="*/ 451402 w 1194702"/>
                <a:gd name="connsiteY0-722" fmla="*/ 1104142 h 1104142"/>
                <a:gd name="connsiteX1-723" fmla="*/ 11031 w 1194702"/>
                <a:gd name="connsiteY1-724" fmla="*/ 548770 h 1104142"/>
                <a:gd name="connsiteX2-725" fmla="*/ 207375 w 1194702"/>
                <a:gd name="connsiteY2-726" fmla="*/ 408525 h 1104142"/>
                <a:gd name="connsiteX3-727" fmla="*/ 313961 w 1194702"/>
                <a:gd name="connsiteY3-728" fmla="*/ 517916 h 1104142"/>
                <a:gd name="connsiteX4-729" fmla="*/ 316766 w 1194702"/>
                <a:gd name="connsiteY4-730" fmla="*/ 164498 h 1104142"/>
                <a:gd name="connsiteX5-731" fmla="*/ 496280 w 1194702"/>
                <a:gd name="connsiteY5-732" fmla="*/ 164498 h 1104142"/>
                <a:gd name="connsiteX6-733" fmla="*/ 496280 w 1194702"/>
                <a:gd name="connsiteY6-734" fmla="*/ 299133 h 1104142"/>
                <a:gd name="connsiteX7-735" fmla="*/ 527134 w 1194702"/>
                <a:gd name="connsiteY7-736" fmla="*/ 299133 h 1104142"/>
                <a:gd name="connsiteX8-737" fmla="*/ 524329 w 1194702"/>
                <a:gd name="connsiteY8-738" fmla="*/ 116814 h 1104142"/>
                <a:gd name="connsiteX9-739" fmla="*/ 723478 w 1194702"/>
                <a:gd name="connsiteY9-740" fmla="*/ 116814 h 1104142"/>
                <a:gd name="connsiteX10-741" fmla="*/ 729087 w 1194702"/>
                <a:gd name="connsiteY10-742" fmla="*/ 299133 h 1104142"/>
                <a:gd name="connsiteX11-743" fmla="*/ 748722 w 1194702"/>
                <a:gd name="connsiteY11-744" fmla="*/ 296328 h 1104142"/>
                <a:gd name="connsiteX12-745" fmla="*/ 748722 w 1194702"/>
                <a:gd name="connsiteY12-746" fmla="*/ 80350 h 1104142"/>
                <a:gd name="connsiteX13-747" fmla="*/ 950675 w 1194702"/>
                <a:gd name="connsiteY13-748" fmla="*/ 80350 h 1104142"/>
                <a:gd name="connsiteX14-749" fmla="*/ 950675 w 1194702"/>
                <a:gd name="connsiteY14-750" fmla="*/ 290719 h 1104142"/>
                <a:gd name="connsiteX15-751" fmla="*/ 1001164 w 1194702"/>
                <a:gd name="connsiteY15-752" fmla="*/ 287914 h 1104142"/>
                <a:gd name="connsiteX16-753" fmla="*/ 1001164 w 1194702"/>
                <a:gd name="connsiteY16-754" fmla="*/ 164498 h 1104142"/>
                <a:gd name="connsiteX17-755" fmla="*/ 1147019 w 1194702"/>
                <a:gd name="connsiteY17-756" fmla="*/ 164498 h 1104142"/>
                <a:gd name="connsiteX18-757" fmla="*/ 1161043 w 1194702"/>
                <a:gd name="connsiteY18-758" fmla="*/ 489867 h 1104142"/>
                <a:gd name="connsiteX19-759" fmla="*/ 1189092 w 1194702"/>
                <a:gd name="connsiteY19-760" fmla="*/ 509501 h 1104142"/>
                <a:gd name="connsiteX20-761" fmla="*/ 1194702 w 1194702"/>
                <a:gd name="connsiteY20-762" fmla="*/ 848895 h 1104142"/>
                <a:gd name="connsiteX21-763" fmla="*/ 1020798 w 1194702"/>
                <a:gd name="connsiteY21-764" fmla="*/ 1053653 h 1104142"/>
                <a:gd name="connsiteX22-765" fmla="*/ 1020798 w 1194702"/>
                <a:gd name="connsiteY22-766" fmla="*/ 1095727 h 1104142"/>
                <a:gd name="connsiteX23-767" fmla="*/ 451402 w 1194702"/>
                <a:gd name="connsiteY23-768" fmla="*/ 1104142 h 1104142"/>
                <a:gd name="connsiteX0-769" fmla="*/ 451402 w 1194702"/>
                <a:gd name="connsiteY0-770" fmla="*/ 1104142 h 1104142"/>
                <a:gd name="connsiteX1-771" fmla="*/ 11031 w 1194702"/>
                <a:gd name="connsiteY1-772" fmla="*/ 548770 h 1104142"/>
                <a:gd name="connsiteX2-773" fmla="*/ 207375 w 1194702"/>
                <a:gd name="connsiteY2-774" fmla="*/ 408525 h 1104142"/>
                <a:gd name="connsiteX3-775" fmla="*/ 313961 w 1194702"/>
                <a:gd name="connsiteY3-776" fmla="*/ 517916 h 1104142"/>
                <a:gd name="connsiteX4-777" fmla="*/ 316766 w 1194702"/>
                <a:gd name="connsiteY4-778" fmla="*/ 164498 h 1104142"/>
                <a:gd name="connsiteX5-779" fmla="*/ 496280 w 1194702"/>
                <a:gd name="connsiteY5-780" fmla="*/ 164498 h 1104142"/>
                <a:gd name="connsiteX6-781" fmla="*/ 496280 w 1194702"/>
                <a:gd name="connsiteY6-782" fmla="*/ 299133 h 1104142"/>
                <a:gd name="connsiteX7-783" fmla="*/ 527134 w 1194702"/>
                <a:gd name="connsiteY7-784" fmla="*/ 299133 h 1104142"/>
                <a:gd name="connsiteX8-785" fmla="*/ 524329 w 1194702"/>
                <a:gd name="connsiteY8-786" fmla="*/ 116814 h 1104142"/>
                <a:gd name="connsiteX9-787" fmla="*/ 723478 w 1194702"/>
                <a:gd name="connsiteY9-788" fmla="*/ 116814 h 1104142"/>
                <a:gd name="connsiteX10-789" fmla="*/ 729087 w 1194702"/>
                <a:gd name="connsiteY10-790" fmla="*/ 299133 h 1104142"/>
                <a:gd name="connsiteX11-791" fmla="*/ 748722 w 1194702"/>
                <a:gd name="connsiteY11-792" fmla="*/ 296328 h 1104142"/>
                <a:gd name="connsiteX12-793" fmla="*/ 748722 w 1194702"/>
                <a:gd name="connsiteY12-794" fmla="*/ 80350 h 1104142"/>
                <a:gd name="connsiteX13-795" fmla="*/ 950675 w 1194702"/>
                <a:gd name="connsiteY13-796" fmla="*/ 80350 h 1104142"/>
                <a:gd name="connsiteX14-797" fmla="*/ 950675 w 1194702"/>
                <a:gd name="connsiteY14-798" fmla="*/ 290719 h 1104142"/>
                <a:gd name="connsiteX15-799" fmla="*/ 1001164 w 1194702"/>
                <a:gd name="connsiteY15-800" fmla="*/ 287914 h 1104142"/>
                <a:gd name="connsiteX16-801" fmla="*/ 1001164 w 1194702"/>
                <a:gd name="connsiteY16-802" fmla="*/ 164498 h 1104142"/>
                <a:gd name="connsiteX17-803" fmla="*/ 1147019 w 1194702"/>
                <a:gd name="connsiteY17-804" fmla="*/ 164498 h 1104142"/>
                <a:gd name="connsiteX18-805" fmla="*/ 1161043 w 1194702"/>
                <a:gd name="connsiteY18-806" fmla="*/ 489867 h 1104142"/>
                <a:gd name="connsiteX19-807" fmla="*/ 1189092 w 1194702"/>
                <a:gd name="connsiteY19-808" fmla="*/ 509501 h 1104142"/>
                <a:gd name="connsiteX20-809" fmla="*/ 1194702 w 1194702"/>
                <a:gd name="connsiteY20-810" fmla="*/ 848895 h 1104142"/>
                <a:gd name="connsiteX21-811" fmla="*/ 1020798 w 1194702"/>
                <a:gd name="connsiteY21-812" fmla="*/ 1053653 h 1104142"/>
                <a:gd name="connsiteX22-813" fmla="*/ 1020798 w 1194702"/>
                <a:gd name="connsiteY22-814" fmla="*/ 1095727 h 1104142"/>
                <a:gd name="connsiteX23-815" fmla="*/ 451402 w 1194702"/>
                <a:gd name="connsiteY23-816" fmla="*/ 1104142 h 1104142"/>
                <a:gd name="connsiteX0-817" fmla="*/ 451402 w 1194702"/>
                <a:gd name="connsiteY0-818" fmla="*/ 1104142 h 1104142"/>
                <a:gd name="connsiteX1-819" fmla="*/ 11031 w 1194702"/>
                <a:gd name="connsiteY1-820" fmla="*/ 548770 h 1104142"/>
                <a:gd name="connsiteX2-821" fmla="*/ 207375 w 1194702"/>
                <a:gd name="connsiteY2-822" fmla="*/ 408525 h 1104142"/>
                <a:gd name="connsiteX3-823" fmla="*/ 313961 w 1194702"/>
                <a:gd name="connsiteY3-824" fmla="*/ 517916 h 1104142"/>
                <a:gd name="connsiteX4-825" fmla="*/ 316766 w 1194702"/>
                <a:gd name="connsiteY4-826" fmla="*/ 164498 h 1104142"/>
                <a:gd name="connsiteX5-827" fmla="*/ 496280 w 1194702"/>
                <a:gd name="connsiteY5-828" fmla="*/ 164498 h 1104142"/>
                <a:gd name="connsiteX6-829" fmla="*/ 496280 w 1194702"/>
                <a:gd name="connsiteY6-830" fmla="*/ 299133 h 1104142"/>
                <a:gd name="connsiteX7-831" fmla="*/ 527134 w 1194702"/>
                <a:gd name="connsiteY7-832" fmla="*/ 299133 h 1104142"/>
                <a:gd name="connsiteX8-833" fmla="*/ 524329 w 1194702"/>
                <a:gd name="connsiteY8-834" fmla="*/ 116814 h 1104142"/>
                <a:gd name="connsiteX9-835" fmla="*/ 723478 w 1194702"/>
                <a:gd name="connsiteY9-836" fmla="*/ 116814 h 1104142"/>
                <a:gd name="connsiteX10-837" fmla="*/ 729087 w 1194702"/>
                <a:gd name="connsiteY10-838" fmla="*/ 299133 h 1104142"/>
                <a:gd name="connsiteX11-839" fmla="*/ 748722 w 1194702"/>
                <a:gd name="connsiteY11-840" fmla="*/ 296328 h 1104142"/>
                <a:gd name="connsiteX12-841" fmla="*/ 748722 w 1194702"/>
                <a:gd name="connsiteY12-842" fmla="*/ 80350 h 1104142"/>
                <a:gd name="connsiteX13-843" fmla="*/ 950675 w 1194702"/>
                <a:gd name="connsiteY13-844" fmla="*/ 80350 h 1104142"/>
                <a:gd name="connsiteX14-845" fmla="*/ 950675 w 1194702"/>
                <a:gd name="connsiteY14-846" fmla="*/ 290719 h 1104142"/>
                <a:gd name="connsiteX15-847" fmla="*/ 1001164 w 1194702"/>
                <a:gd name="connsiteY15-848" fmla="*/ 287914 h 1104142"/>
                <a:gd name="connsiteX16-849" fmla="*/ 1001164 w 1194702"/>
                <a:gd name="connsiteY16-850" fmla="*/ 164498 h 1104142"/>
                <a:gd name="connsiteX17-851" fmla="*/ 1147019 w 1194702"/>
                <a:gd name="connsiteY17-852" fmla="*/ 164498 h 1104142"/>
                <a:gd name="connsiteX18-853" fmla="*/ 1161043 w 1194702"/>
                <a:gd name="connsiteY18-854" fmla="*/ 489867 h 1104142"/>
                <a:gd name="connsiteX19-855" fmla="*/ 1189092 w 1194702"/>
                <a:gd name="connsiteY19-856" fmla="*/ 509501 h 1104142"/>
                <a:gd name="connsiteX20-857" fmla="*/ 1194702 w 1194702"/>
                <a:gd name="connsiteY20-858" fmla="*/ 848895 h 1104142"/>
                <a:gd name="connsiteX21-859" fmla="*/ 1020798 w 1194702"/>
                <a:gd name="connsiteY21-860" fmla="*/ 1053653 h 1104142"/>
                <a:gd name="connsiteX22-861" fmla="*/ 1020798 w 1194702"/>
                <a:gd name="connsiteY22-862" fmla="*/ 1095727 h 1104142"/>
                <a:gd name="connsiteX23-863" fmla="*/ 451402 w 1194702"/>
                <a:gd name="connsiteY23-864" fmla="*/ 1104142 h 1104142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  <a:cxn ang="0">
                  <a:pos x="connsiteX7-15" y="connsiteY7-16"/>
                </a:cxn>
                <a:cxn ang="0">
                  <a:pos x="connsiteX8-17" y="connsiteY8-18"/>
                </a:cxn>
                <a:cxn ang="0">
                  <a:pos x="connsiteX9-19" y="connsiteY9-20"/>
                </a:cxn>
                <a:cxn ang="0">
                  <a:pos x="connsiteX10-21" y="connsiteY10-22"/>
                </a:cxn>
                <a:cxn ang="0">
                  <a:pos x="connsiteX11-23" y="connsiteY11-24"/>
                </a:cxn>
                <a:cxn ang="0">
                  <a:pos x="connsiteX12-25" y="connsiteY12-26"/>
                </a:cxn>
                <a:cxn ang="0">
                  <a:pos x="connsiteX13-27" y="connsiteY13-28"/>
                </a:cxn>
                <a:cxn ang="0">
                  <a:pos x="connsiteX14-29" y="connsiteY14-30"/>
                </a:cxn>
                <a:cxn ang="0">
                  <a:pos x="connsiteX15-31" y="connsiteY15-32"/>
                </a:cxn>
                <a:cxn ang="0">
                  <a:pos x="connsiteX16-33" y="connsiteY16-34"/>
                </a:cxn>
                <a:cxn ang="0">
                  <a:pos x="connsiteX17-35" y="connsiteY17-36"/>
                </a:cxn>
                <a:cxn ang="0">
                  <a:pos x="connsiteX18-37" y="connsiteY18-38"/>
                </a:cxn>
                <a:cxn ang="0">
                  <a:pos x="connsiteX19-39" y="connsiteY19-40"/>
                </a:cxn>
                <a:cxn ang="0">
                  <a:pos x="connsiteX20-41" y="connsiteY20-42"/>
                </a:cxn>
                <a:cxn ang="0">
                  <a:pos x="connsiteX21-43" y="connsiteY21-44"/>
                </a:cxn>
                <a:cxn ang="0">
                  <a:pos x="connsiteX22-45" y="connsiteY22-46"/>
                </a:cxn>
                <a:cxn ang="0">
                  <a:pos x="connsiteX23-47" y="connsiteY23-48"/>
                </a:cxn>
              </a:cxnLst>
              <a:rect l="l" t="t" r="r" b="b"/>
              <a:pathLst>
                <a:path w="1194702" h="1104142">
                  <a:moveTo>
                    <a:pt x="451402" y="1104142"/>
                  </a:moveTo>
                  <a:cubicBezTo>
                    <a:pt x="287783" y="958287"/>
                    <a:pt x="157821" y="733894"/>
                    <a:pt x="11031" y="548770"/>
                  </a:cubicBezTo>
                  <a:cubicBezTo>
                    <a:pt x="-46937" y="471168"/>
                    <a:pt x="139122" y="340272"/>
                    <a:pt x="207375" y="408525"/>
                  </a:cubicBezTo>
                  <a:lnTo>
                    <a:pt x="313961" y="517916"/>
                  </a:lnTo>
                  <a:lnTo>
                    <a:pt x="316766" y="164498"/>
                  </a:lnTo>
                  <a:cubicBezTo>
                    <a:pt x="312091" y="15838"/>
                    <a:pt x="500955" y="52301"/>
                    <a:pt x="496280" y="164498"/>
                  </a:cubicBezTo>
                  <a:lnTo>
                    <a:pt x="496280" y="299133"/>
                  </a:lnTo>
                  <a:lnTo>
                    <a:pt x="527134" y="299133"/>
                  </a:lnTo>
                  <a:lnTo>
                    <a:pt x="524329" y="116814"/>
                  </a:lnTo>
                  <a:cubicBezTo>
                    <a:pt x="523394" y="-31846"/>
                    <a:pt x="721608" y="-45870"/>
                    <a:pt x="723478" y="116814"/>
                  </a:cubicBezTo>
                  <a:lnTo>
                    <a:pt x="729087" y="299133"/>
                  </a:lnTo>
                  <a:lnTo>
                    <a:pt x="748722" y="296328"/>
                  </a:lnTo>
                  <a:lnTo>
                    <a:pt x="748722" y="80350"/>
                  </a:lnTo>
                  <a:cubicBezTo>
                    <a:pt x="745918" y="-12212"/>
                    <a:pt x="950675" y="-37456"/>
                    <a:pt x="950675" y="80350"/>
                  </a:cubicBezTo>
                  <a:lnTo>
                    <a:pt x="950675" y="290719"/>
                  </a:lnTo>
                  <a:lnTo>
                    <a:pt x="1001164" y="287914"/>
                  </a:lnTo>
                  <a:lnTo>
                    <a:pt x="1001164" y="164498"/>
                  </a:lnTo>
                  <a:cubicBezTo>
                    <a:pt x="1002098" y="85960"/>
                    <a:pt x="1143280" y="94375"/>
                    <a:pt x="1147019" y="164498"/>
                  </a:cubicBezTo>
                  <a:lnTo>
                    <a:pt x="1161043" y="489867"/>
                  </a:lnTo>
                  <a:lnTo>
                    <a:pt x="1189092" y="509501"/>
                  </a:lnTo>
                  <a:lnTo>
                    <a:pt x="1194702" y="848895"/>
                  </a:lnTo>
                  <a:cubicBezTo>
                    <a:pt x="1187223" y="950807"/>
                    <a:pt x="1087181" y="1010644"/>
                    <a:pt x="1020798" y="1053653"/>
                  </a:cubicBezTo>
                  <a:lnTo>
                    <a:pt x="1020798" y="1095727"/>
                  </a:lnTo>
                  <a:lnTo>
                    <a:pt x="451402" y="1104142"/>
                  </a:lnTo>
                  <a:close/>
                </a:path>
              </a:pathLst>
            </a:custGeom>
            <a:solidFill>
              <a:srgbClr val="F0A8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04" name="矩形 103"/>
            <p:cNvSpPr/>
            <p:nvPr/>
          </p:nvSpPr>
          <p:spPr>
            <a:xfrm>
              <a:off x="5062859" y="6131529"/>
              <a:ext cx="718056" cy="15988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5" name="矩形 104"/>
            <p:cNvSpPr/>
            <p:nvPr/>
          </p:nvSpPr>
          <p:spPr>
            <a:xfrm>
              <a:off x="5009565" y="6291407"/>
              <a:ext cx="835861" cy="2904235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grpSp>
        <p:nvGrpSpPr>
          <p:cNvPr id="106" name="组合 105"/>
          <p:cNvGrpSpPr/>
          <p:nvPr/>
        </p:nvGrpSpPr>
        <p:grpSpPr>
          <a:xfrm>
            <a:off x="2809235" y="3087009"/>
            <a:ext cx="1194702" cy="3770991"/>
            <a:chOff x="4681579" y="5027387"/>
            <a:chExt cx="1194702" cy="3770991"/>
          </a:xfrm>
        </p:grpSpPr>
        <p:sp>
          <p:nvSpPr>
            <p:cNvPr id="107" name="任意多边形 106"/>
            <p:cNvSpPr/>
            <p:nvPr/>
          </p:nvSpPr>
          <p:spPr>
            <a:xfrm>
              <a:off x="4681579" y="5027387"/>
              <a:ext cx="1194702" cy="1104142"/>
            </a:xfrm>
            <a:custGeom>
              <a:avLst/>
              <a:gdLst>
                <a:gd name="connsiteX0" fmla="*/ 440371 w 1183671"/>
                <a:gd name="connsiteY0" fmla="*/ 1023792 h 1023792"/>
                <a:gd name="connsiteX1" fmla="*/ 0 w 1183671"/>
                <a:gd name="connsiteY1" fmla="*/ 468420 h 1023792"/>
                <a:gd name="connsiteX2" fmla="*/ 196344 w 1183671"/>
                <a:gd name="connsiteY2" fmla="*/ 328175 h 1023792"/>
                <a:gd name="connsiteX3" fmla="*/ 302930 w 1183671"/>
                <a:gd name="connsiteY3" fmla="*/ 437566 h 1023792"/>
                <a:gd name="connsiteX4" fmla="*/ 305735 w 1183671"/>
                <a:gd name="connsiteY4" fmla="*/ 84148 h 1023792"/>
                <a:gd name="connsiteX5" fmla="*/ 485249 w 1183671"/>
                <a:gd name="connsiteY5" fmla="*/ 84148 h 1023792"/>
                <a:gd name="connsiteX6" fmla="*/ 485249 w 1183671"/>
                <a:gd name="connsiteY6" fmla="*/ 218783 h 1023792"/>
                <a:gd name="connsiteX7" fmla="*/ 516103 w 1183671"/>
                <a:gd name="connsiteY7" fmla="*/ 218783 h 1023792"/>
                <a:gd name="connsiteX8" fmla="*/ 516103 w 1183671"/>
                <a:gd name="connsiteY8" fmla="*/ 67318 h 1023792"/>
                <a:gd name="connsiteX9" fmla="*/ 706837 w 1183671"/>
                <a:gd name="connsiteY9" fmla="*/ 67318 h 1023792"/>
                <a:gd name="connsiteX10" fmla="*/ 718056 w 1183671"/>
                <a:gd name="connsiteY10" fmla="*/ 218783 h 1023792"/>
                <a:gd name="connsiteX11" fmla="*/ 737691 w 1183671"/>
                <a:gd name="connsiteY11" fmla="*/ 215978 h 1023792"/>
                <a:gd name="connsiteX12" fmla="*/ 737691 w 1183671"/>
                <a:gd name="connsiteY12" fmla="*/ 0 h 1023792"/>
                <a:gd name="connsiteX13" fmla="*/ 939644 w 1183671"/>
                <a:gd name="connsiteY13" fmla="*/ 0 h 1023792"/>
                <a:gd name="connsiteX14" fmla="*/ 939644 w 1183671"/>
                <a:gd name="connsiteY14" fmla="*/ 210369 h 1023792"/>
                <a:gd name="connsiteX15" fmla="*/ 990133 w 1183671"/>
                <a:gd name="connsiteY15" fmla="*/ 207564 h 1023792"/>
                <a:gd name="connsiteX16" fmla="*/ 990133 w 1183671"/>
                <a:gd name="connsiteY16" fmla="*/ 84148 h 1023792"/>
                <a:gd name="connsiteX17" fmla="*/ 1135988 w 1183671"/>
                <a:gd name="connsiteY17" fmla="*/ 84148 h 1023792"/>
                <a:gd name="connsiteX18" fmla="*/ 1150012 w 1183671"/>
                <a:gd name="connsiteY18" fmla="*/ 409517 h 1023792"/>
                <a:gd name="connsiteX19" fmla="*/ 1178061 w 1183671"/>
                <a:gd name="connsiteY19" fmla="*/ 429151 h 1023792"/>
                <a:gd name="connsiteX20" fmla="*/ 1183671 w 1183671"/>
                <a:gd name="connsiteY20" fmla="*/ 768545 h 1023792"/>
                <a:gd name="connsiteX21" fmla="*/ 1009767 w 1183671"/>
                <a:gd name="connsiteY21" fmla="*/ 973303 h 1023792"/>
                <a:gd name="connsiteX22" fmla="*/ 1009767 w 1183671"/>
                <a:gd name="connsiteY22" fmla="*/ 1015377 h 1023792"/>
                <a:gd name="connsiteX23" fmla="*/ 440371 w 1183671"/>
                <a:gd name="connsiteY23" fmla="*/ 1023792 h 1023792"/>
                <a:gd name="connsiteX0-1" fmla="*/ 445288 w 1188588"/>
                <a:gd name="connsiteY0-2" fmla="*/ 1023792 h 1023792"/>
                <a:gd name="connsiteX1-3" fmla="*/ 4917 w 1188588"/>
                <a:gd name="connsiteY1-4" fmla="*/ 468420 h 1023792"/>
                <a:gd name="connsiteX2-5" fmla="*/ 201261 w 1188588"/>
                <a:gd name="connsiteY2-6" fmla="*/ 328175 h 1023792"/>
                <a:gd name="connsiteX3-7" fmla="*/ 307847 w 1188588"/>
                <a:gd name="connsiteY3-8" fmla="*/ 437566 h 1023792"/>
                <a:gd name="connsiteX4-9" fmla="*/ 310652 w 1188588"/>
                <a:gd name="connsiteY4-10" fmla="*/ 84148 h 1023792"/>
                <a:gd name="connsiteX5-11" fmla="*/ 490166 w 1188588"/>
                <a:gd name="connsiteY5-12" fmla="*/ 84148 h 1023792"/>
                <a:gd name="connsiteX6-13" fmla="*/ 490166 w 1188588"/>
                <a:gd name="connsiteY6-14" fmla="*/ 218783 h 1023792"/>
                <a:gd name="connsiteX7-15" fmla="*/ 521020 w 1188588"/>
                <a:gd name="connsiteY7-16" fmla="*/ 218783 h 1023792"/>
                <a:gd name="connsiteX8-17" fmla="*/ 521020 w 1188588"/>
                <a:gd name="connsiteY8-18" fmla="*/ 67318 h 1023792"/>
                <a:gd name="connsiteX9-19" fmla="*/ 711754 w 1188588"/>
                <a:gd name="connsiteY9-20" fmla="*/ 67318 h 1023792"/>
                <a:gd name="connsiteX10-21" fmla="*/ 722973 w 1188588"/>
                <a:gd name="connsiteY10-22" fmla="*/ 218783 h 1023792"/>
                <a:gd name="connsiteX11-23" fmla="*/ 742608 w 1188588"/>
                <a:gd name="connsiteY11-24" fmla="*/ 215978 h 1023792"/>
                <a:gd name="connsiteX12-25" fmla="*/ 742608 w 1188588"/>
                <a:gd name="connsiteY12-26" fmla="*/ 0 h 1023792"/>
                <a:gd name="connsiteX13-27" fmla="*/ 944561 w 1188588"/>
                <a:gd name="connsiteY13-28" fmla="*/ 0 h 1023792"/>
                <a:gd name="connsiteX14-29" fmla="*/ 944561 w 1188588"/>
                <a:gd name="connsiteY14-30" fmla="*/ 210369 h 1023792"/>
                <a:gd name="connsiteX15-31" fmla="*/ 995050 w 1188588"/>
                <a:gd name="connsiteY15-32" fmla="*/ 207564 h 1023792"/>
                <a:gd name="connsiteX16-33" fmla="*/ 995050 w 1188588"/>
                <a:gd name="connsiteY16-34" fmla="*/ 84148 h 1023792"/>
                <a:gd name="connsiteX17-35" fmla="*/ 1140905 w 1188588"/>
                <a:gd name="connsiteY17-36" fmla="*/ 84148 h 1023792"/>
                <a:gd name="connsiteX18-37" fmla="*/ 1154929 w 1188588"/>
                <a:gd name="connsiteY18-38" fmla="*/ 409517 h 1023792"/>
                <a:gd name="connsiteX19-39" fmla="*/ 1182978 w 1188588"/>
                <a:gd name="connsiteY19-40" fmla="*/ 429151 h 1023792"/>
                <a:gd name="connsiteX20-41" fmla="*/ 1188588 w 1188588"/>
                <a:gd name="connsiteY20-42" fmla="*/ 768545 h 1023792"/>
                <a:gd name="connsiteX21-43" fmla="*/ 1014684 w 1188588"/>
                <a:gd name="connsiteY21-44" fmla="*/ 973303 h 1023792"/>
                <a:gd name="connsiteX22-45" fmla="*/ 1014684 w 1188588"/>
                <a:gd name="connsiteY22-46" fmla="*/ 1015377 h 1023792"/>
                <a:gd name="connsiteX23-47" fmla="*/ 445288 w 1188588"/>
                <a:gd name="connsiteY23-48" fmla="*/ 1023792 h 1023792"/>
                <a:gd name="connsiteX0-49" fmla="*/ 445357 w 1188657"/>
                <a:gd name="connsiteY0-50" fmla="*/ 1023792 h 1023792"/>
                <a:gd name="connsiteX1-51" fmla="*/ 4986 w 1188657"/>
                <a:gd name="connsiteY1-52" fmla="*/ 468420 h 1023792"/>
                <a:gd name="connsiteX2-53" fmla="*/ 201330 w 1188657"/>
                <a:gd name="connsiteY2-54" fmla="*/ 328175 h 1023792"/>
                <a:gd name="connsiteX3-55" fmla="*/ 307916 w 1188657"/>
                <a:gd name="connsiteY3-56" fmla="*/ 437566 h 1023792"/>
                <a:gd name="connsiteX4-57" fmla="*/ 310721 w 1188657"/>
                <a:gd name="connsiteY4-58" fmla="*/ 84148 h 1023792"/>
                <a:gd name="connsiteX5-59" fmla="*/ 490235 w 1188657"/>
                <a:gd name="connsiteY5-60" fmla="*/ 84148 h 1023792"/>
                <a:gd name="connsiteX6-61" fmla="*/ 490235 w 1188657"/>
                <a:gd name="connsiteY6-62" fmla="*/ 218783 h 1023792"/>
                <a:gd name="connsiteX7-63" fmla="*/ 521089 w 1188657"/>
                <a:gd name="connsiteY7-64" fmla="*/ 218783 h 1023792"/>
                <a:gd name="connsiteX8-65" fmla="*/ 521089 w 1188657"/>
                <a:gd name="connsiteY8-66" fmla="*/ 67318 h 1023792"/>
                <a:gd name="connsiteX9-67" fmla="*/ 711823 w 1188657"/>
                <a:gd name="connsiteY9-68" fmla="*/ 67318 h 1023792"/>
                <a:gd name="connsiteX10-69" fmla="*/ 723042 w 1188657"/>
                <a:gd name="connsiteY10-70" fmla="*/ 218783 h 1023792"/>
                <a:gd name="connsiteX11-71" fmla="*/ 742677 w 1188657"/>
                <a:gd name="connsiteY11-72" fmla="*/ 215978 h 1023792"/>
                <a:gd name="connsiteX12-73" fmla="*/ 742677 w 1188657"/>
                <a:gd name="connsiteY12-74" fmla="*/ 0 h 1023792"/>
                <a:gd name="connsiteX13-75" fmla="*/ 944630 w 1188657"/>
                <a:gd name="connsiteY13-76" fmla="*/ 0 h 1023792"/>
                <a:gd name="connsiteX14-77" fmla="*/ 944630 w 1188657"/>
                <a:gd name="connsiteY14-78" fmla="*/ 210369 h 1023792"/>
                <a:gd name="connsiteX15-79" fmla="*/ 995119 w 1188657"/>
                <a:gd name="connsiteY15-80" fmla="*/ 207564 h 1023792"/>
                <a:gd name="connsiteX16-81" fmla="*/ 995119 w 1188657"/>
                <a:gd name="connsiteY16-82" fmla="*/ 84148 h 1023792"/>
                <a:gd name="connsiteX17-83" fmla="*/ 1140974 w 1188657"/>
                <a:gd name="connsiteY17-84" fmla="*/ 84148 h 1023792"/>
                <a:gd name="connsiteX18-85" fmla="*/ 1154998 w 1188657"/>
                <a:gd name="connsiteY18-86" fmla="*/ 409517 h 1023792"/>
                <a:gd name="connsiteX19-87" fmla="*/ 1183047 w 1188657"/>
                <a:gd name="connsiteY19-88" fmla="*/ 429151 h 1023792"/>
                <a:gd name="connsiteX20-89" fmla="*/ 1188657 w 1188657"/>
                <a:gd name="connsiteY20-90" fmla="*/ 768545 h 1023792"/>
                <a:gd name="connsiteX21-91" fmla="*/ 1014753 w 1188657"/>
                <a:gd name="connsiteY21-92" fmla="*/ 973303 h 1023792"/>
                <a:gd name="connsiteX22-93" fmla="*/ 1014753 w 1188657"/>
                <a:gd name="connsiteY22-94" fmla="*/ 1015377 h 1023792"/>
                <a:gd name="connsiteX23-95" fmla="*/ 445357 w 1188657"/>
                <a:gd name="connsiteY23-96" fmla="*/ 1023792 h 1023792"/>
                <a:gd name="connsiteX0-97" fmla="*/ 451402 w 1194702"/>
                <a:gd name="connsiteY0-98" fmla="*/ 1023792 h 1023792"/>
                <a:gd name="connsiteX1-99" fmla="*/ 11031 w 1194702"/>
                <a:gd name="connsiteY1-100" fmla="*/ 468420 h 1023792"/>
                <a:gd name="connsiteX2-101" fmla="*/ 207375 w 1194702"/>
                <a:gd name="connsiteY2-102" fmla="*/ 328175 h 1023792"/>
                <a:gd name="connsiteX3-103" fmla="*/ 313961 w 1194702"/>
                <a:gd name="connsiteY3-104" fmla="*/ 437566 h 1023792"/>
                <a:gd name="connsiteX4-105" fmla="*/ 316766 w 1194702"/>
                <a:gd name="connsiteY4-106" fmla="*/ 84148 h 1023792"/>
                <a:gd name="connsiteX5-107" fmla="*/ 496280 w 1194702"/>
                <a:gd name="connsiteY5-108" fmla="*/ 84148 h 1023792"/>
                <a:gd name="connsiteX6-109" fmla="*/ 496280 w 1194702"/>
                <a:gd name="connsiteY6-110" fmla="*/ 218783 h 1023792"/>
                <a:gd name="connsiteX7-111" fmla="*/ 527134 w 1194702"/>
                <a:gd name="connsiteY7-112" fmla="*/ 218783 h 1023792"/>
                <a:gd name="connsiteX8-113" fmla="*/ 527134 w 1194702"/>
                <a:gd name="connsiteY8-114" fmla="*/ 67318 h 1023792"/>
                <a:gd name="connsiteX9-115" fmla="*/ 717868 w 1194702"/>
                <a:gd name="connsiteY9-116" fmla="*/ 67318 h 1023792"/>
                <a:gd name="connsiteX10-117" fmla="*/ 729087 w 1194702"/>
                <a:gd name="connsiteY10-118" fmla="*/ 218783 h 1023792"/>
                <a:gd name="connsiteX11-119" fmla="*/ 748722 w 1194702"/>
                <a:gd name="connsiteY11-120" fmla="*/ 215978 h 1023792"/>
                <a:gd name="connsiteX12-121" fmla="*/ 748722 w 1194702"/>
                <a:gd name="connsiteY12-122" fmla="*/ 0 h 1023792"/>
                <a:gd name="connsiteX13-123" fmla="*/ 950675 w 1194702"/>
                <a:gd name="connsiteY13-124" fmla="*/ 0 h 1023792"/>
                <a:gd name="connsiteX14-125" fmla="*/ 950675 w 1194702"/>
                <a:gd name="connsiteY14-126" fmla="*/ 210369 h 1023792"/>
                <a:gd name="connsiteX15-127" fmla="*/ 1001164 w 1194702"/>
                <a:gd name="connsiteY15-128" fmla="*/ 207564 h 1023792"/>
                <a:gd name="connsiteX16-129" fmla="*/ 1001164 w 1194702"/>
                <a:gd name="connsiteY16-130" fmla="*/ 84148 h 1023792"/>
                <a:gd name="connsiteX17-131" fmla="*/ 1147019 w 1194702"/>
                <a:gd name="connsiteY17-132" fmla="*/ 84148 h 1023792"/>
                <a:gd name="connsiteX18-133" fmla="*/ 1161043 w 1194702"/>
                <a:gd name="connsiteY18-134" fmla="*/ 409517 h 1023792"/>
                <a:gd name="connsiteX19-135" fmla="*/ 1189092 w 1194702"/>
                <a:gd name="connsiteY19-136" fmla="*/ 429151 h 1023792"/>
                <a:gd name="connsiteX20-137" fmla="*/ 1194702 w 1194702"/>
                <a:gd name="connsiteY20-138" fmla="*/ 768545 h 1023792"/>
                <a:gd name="connsiteX21-139" fmla="*/ 1020798 w 1194702"/>
                <a:gd name="connsiteY21-140" fmla="*/ 973303 h 1023792"/>
                <a:gd name="connsiteX22-141" fmla="*/ 1020798 w 1194702"/>
                <a:gd name="connsiteY22-142" fmla="*/ 1015377 h 1023792"/>
                <a:gd name="connsiteX23-143" fmla="*/ 451402 w 1194702"/>
                <a:gd name="connsiteY23-144" fmla="*/ 1023792 h 1023792"/>
                <a:gd name="connsiteX0-145" fmla="*/ 451402 w 1194702"/>
                <a:gd name="connsiteY0-146" fmla="*/ 1023792 h 1023792"/>
                <a:gd name="connsiteX1-147" fmla="*/ 11031 w 1194702"/>
                <a:gd name="connsiteY1-148" fmla="*/ 468420 h 1023792"/>
                <a:gd name="connsiteX2-149" fmla="*/ 207375 w 1194702"/>
                <a:gd name="connsiteY2-150" fmla="*/ 328175 h 1023792"/>
                <a:gd name="connsiteX3-151" fmla="*/ 313961 w 1194702"/>
                <a:gd name="connsiteY3-152" fmla="*/ 437566 h 1023792"/>
                <a:gd name="connsiteX4-153" fmla="*/ 316766 w 1194702"/>
                <a:gd name="connsiteY4-154" fmla="*/ 84148 h 1023792"/>
                <a:gd name="connsiteX5-155" fmla="*/ 496280 w 1194702"/>
                <a:gd name="connsiteY5-156" fmla="*/ 84148 h 1023792"/>
                <a:gd name="connsiteX6-157" fmla="*/ 496280 w 1194702"/>
                <a:gd name="connsiteY6-158" fmla="*/ 218783 h 1023792"/>
                <a:gd name="connsiteX7-159" fmla="*/ 527134 w 1194702"/>
                <a:gd name="connsiteY7-160" fmla="*/ 218783 h 1023792"/>
                <a:gd name="connsiteX8-161" fmla="*/ 527134 w 1194702"/>
                <a:gd name="connsiteY8-162" fmla="*/ 67318 h 1023792"/>
                <a:gd name="connsiteX9-163" fmla="*/ 717868 w 1194702"/>
                <a:gd name="connsiteY9-164" fmla="*/ 67318 h 1023792"/>
                <a:gd name="connsiteX10-165" fmla="*/ 729087 w 1194702"/>
                <a:gd name="connsiteY10-166" fmla="*/ 218783 h 1023792"/>
                <a:gd name="connsiteX11-167" fmla="*/ 748722 w 1194702"/>
                <a:gd name="connsiteY11-168" fmla="*/ 215978 h 1023792"/>
                <a:gd name="connsiteX12-169" fmla="*/ 748722 w 1194702"/>
                <a:gd name="connsiteY12-170" fmla="*/ 0 h 1023792"/>
                <a:gd name="connsiteX13-171" fmla="*/ 950675 w 1194702"/>
                <a:gd name="connsiteY13-172" fmla="*/ 0 h 1023792"/>
                <a:gd name="connsiteX14-173" fmla="*/ 950675 w 1194702"/>
                <a:gd name="connsiteY14-174" fmla="*/ 210369 h 1023792"/>
                <a:gd name="connsiteX15-175" fmla="*/ 1001164 w 1194702"/>
                <a:gd name="connsiteY15-176" fmla="*/ 207564 h 1023792"/>
                <a:gd name="connsiteX16-177" fmla="*/ 1001164 w 1194702"/>
                <a:gd name="connsiteY16-178" fmla="*/ 84148 h 1023792"/>
                <a:gd name="connsiteX17-179" fmla="*/ 1147019 w 1194702"/>
                <a:gd name="connsiteY17-180" fmla="*/ 84148 h 1023792"/>
                <a:gd name="connsiteX18-181" fmla="*/ 1161043 w 1194702"/>
                <a:gd name="connsiteY18-182" fmla="*/ 409517 h 1023792"/>
                <a:gd name="connsiteX19-183" fmla="*/ 1189092 w 1194702"/>
                <a:gd name="connsiteY19-184" fmla="*/ 429151 h 1023792"/>
                <a:gd name="connsiteX20-185" fmla="*/ 1194702 w 1194702"/>
                <a:gd name="connsiteY20-186" fmla="*/ 768545 h 1023792"/>
                <a:gd name="connsiteX21-187" fmla="*/ 1020798 w 1194702"/>
                <a:gd name="connsiteY21-188" fmla="*/ 973303 h 1023792"/>
                <a:gd name="connsiteX22-189" fmla="*/ 1020798 w 1194702"/>
                <a:gd name="connsiteY22-190" fmla="*/ 1015377 h 1023792"/>
                <a:gd name="connsiteX23-191" fmla="*/ 451402 w 1194702"/>
                <a:gd name="connsiteY23-192" fmla="*/ 1023792 h 1023792"/>
                <a:gd name="connsiteX0-193" fmla="*/ 451402 w 1194702"/>
                <a:gd name="connsiteY0-194" fmla="*/ 1037938 h 1037938"/>
                <a:gd name="connsiteX1-195" fmla="*/ 11031 w 1194702"/>
                <a:gd name="connsiteY1-196" fmla="*/ 482566 h 1037938"/>
                <a:gd name="connsiteX2-197" fmla="*/ 207375 w 1194702"/>
                <a:gd name="connsiteY2-198" fmla="*/ 342321 h 1037938"/>
                <a:gd name="connsiteX3-199" fmla="*/ 313961 w 1194702"/>
                <a:gd name="connsiteY3-200" fmla="*/ 451712 h 1037938"/>
                <a:gd name="connsiteX4-201" fmla="*/ 316766 w 1194702"/>
                <a:gd name="connsiteY4-202" fmla="*/ 98294 h 1037938"/>
                <a:gd name="connsiteX5-203" fmla="*/ 496280 w 1194702"/>
                <a:gd name="connsiteY5-204" fmla="*/ 98294 h 1037938"/>
                <a:gd name="connsiteX6-205" fmla="*/ 496280 w 1194702"/>
                <a:gd name="connsiteY6-206" fmla="*/ 232929 h 1037938"/>
                <a:gd name="connsiteX7-207" fmla="*/ 527134 w 1194702"/>
                <a:gd name="connsiteY7-208" fmla="*/ 232929 h 1037938"/>
                <a:gd name="connsiteX8-209" fmla="*/ 527134 w 1194702"/>
                <a:gd name="connsiteY8-210" fmla="*/ 81464 h 1037938"/>
                <a:gd name="connsiteX9-211" fmla="*/ 717868 w 1194702"/>
                <a:gd name="connsiteY9-212" fmla="*/ 81464 h 1037938"/>
                <a:gd name="connsiteX10-213" fmla="*/ 729087 w 1194702"/>
                <a:gd name="connsiteY10-214" fmla="*/ 232929 h 1037938"/>
                <a:gd name="connsiteX11-215" fmla="*/ 748722 w 1194702"/>
                <a:gd name="connsiteY11-216" fmla="*/ 230124 h 1037938"/>
                <a:gd name="connsiteX12-217" fmla="*/ 748722 w 1194702"/>
                <a:gd name="connsiteY12-218" fmla="*/ 14146 h 1037938"/>
                <a:gd name="connsiteX13-219" fmla="*/ 950675 w 1194702"/>
                <a:gd name="connsiteY13-220" fmla="*/ 14146 h 1037938"/>
                <a:gd name="connsiteX14-221" fmla="*/ 950675 w 1194702"/>
                <a:gd name="connsiteY14-222" fmla="*/ 224515 h 1037938"/>
                <a:gd name="connsiteX15-223" fmla="*/ 1001164 w 1194702"/>
                <a:gd name="connsiteY15-224" fmla="*/ 221710 h 1037938"/>
                <a:gd name="connsiteX16-225" fmla="*/ 1001164 w 1194702"/>
                <a:gd name="connsiteY16-226" fmla="*/ 98294 h 1037938"/>
                <a:gd name="connsiteX17-227" fmla="*/ 1147019 w 1194702"/>
                <a:gd name="connsiteY17-228" fmla="*/ 98294 h 1037938"/>
                <a:gd name="connsiteX18-229" fmla="*/ 1161043 w 1194702"/>
                <a:gd name="connsiteY18-230" fmla="*/ 423663 h 1037938"/>
                <a:gd name="connsiteX19-231" fmla="*/ 1189092 w 1194702"/>
                <a:gd name="connsiteY19-232" fmla="*/ 443297 h 1037938"/>
                <a:gd name="connsiteX20-233" fmla="*/ 1194702 w 1194702"/>
                <a:gd name="connsiteY20-234" fmla="*/ 782691 h 1037938"/>
                <a:gd name="connsiteX21-235" fmla="*/ 1020798 w 1194702"/>
                <a:gd name="connsiteY21-236" fmla="*/ 987449 h 1037938"/>
                <a:gd name="connsiteX22-237" fmla="*/ 1020798 w 1194702"/>
                <a:gd name="connsiteY22-238" fmla="*/ 1029523 h 1037938"/>
                <a:gd name="connsiteX23-239" fmla="*/ 451402 w 1194702"/>
                <a:gd name="connsiteY23-240" fmla="*/ 1037938 h 1037938"/>
                <a:gd name="connsiteX0-241" fmla="*/ 451402 w 1194702"/>
                <a:gd name="connsiteY0-242" fmla="*/ 1064930 h 1064930"/>
                <a:gd name="connsiteX1-243" fmla="*/ 11031 w 1194702"/>
                <a:gd name="connsiteY1-244" fmla="*/ 509558 h 1064930"/>
                <a:gd name="connsiteX2-245" fmla="*/ 207375 w 1194702"/>
                <a:gd name="connsiteY2-246" fmla="*/ 369313 h 1064930"/>
                <a:gd name="connsiteX3-247" fmla="*/ 313961 w 1194702"/>
                <a:gd name="connsiteY3-248" fmla="*/ 478704 h 1064930"/>
                <a:gd name="connsiteX4-249" fmla="*/ 316766 w 1194702"/>
                <a:gd name="connsiteY4-250" fmla="*/ 125286 h 1064930"/>
                <a:gd name="connsiteX5-251" fmla="*/ 496280 w 1194702"/>
                <a:gd name="connsiteY5-252" fmla="*/ 125286 h 1064930"/>
                <a:gd name="connsiteX6-253" fmla="*/ 496280 w 1194702"/>
                <a:gd name="connsiteY6-254" fmla="*/ 259921 h 1064930"/>
                <a:gd name="connsiteX7-255" fmla="*/ 527134 w 1194702"/>
                <a:gd name="connsiteY7-256" fmla="*/ 259921 h 1064930"/>
                <a:gd name="connsiteX8-257" fmla="*/ 527134 w 1194702"/>
                <a:gd name="connsiteY8-258" fmla="*/ 108456 h 1064930"/>
                <a:gd name="connsiteX9-259" fmla="*/ 717868 w 1194702"/>
                <a:gd name="connsiteY9-260" fmla="*/ 108456 h 1064930"/>
                <a:gd name="connsiteX10-261" fmla="*/ 729087 w 1194702"/>
                <a:gd name="connsiteY10-262" fmla="*/ 259921 h 1064930"/>
                <a:gd name="connsiteX11-263" fmla="*/ 748722 w 1194702"/>
                <a:gd name="connsiteY11-264" fmla="*/ 257116 h 1064930"/>
                <a:gd name="connsiteX12-265" fmla="*/ 748722 w 1194702"/>
                <a:gd name="connsiteY12-266" fmla="*/ 41138 h 1064930"/>
                <a:gd name="connsiteX13-267" fmla="*/ 950675 w 1194702"/>
                <a:gd name="connsiteY13-268" fmla="*/ 41138 h 1064930"/>
                <a:gd name="connsiteX14-269" fmla="*/ 950675 w 1194702"/>
                <a:gd name="connsiteY14-270" fmla="*/ 251507 h 1064930"/>
                <a:gd name="connsiteX15-271" fmla="*/ 1001164 w 1194702"/>
                <a:gd name="connsiteY15-272" fmla="*/ 248702 h 1064930"/>
                <a:gd name="connsiteX16-273" fmla="*/ 1001164 w 1194702"/>
                <a:gd name="connsiteY16-274" fmla="*/ 125286 h 1064930"/>
                <a:gd name="connsiteX17-275" fmla="*/ 1147019 w 1194702"/>
                <a:gd name="connsiteY17-276" fmla="*/ 125286 h 1064930"/>
                <a:gd name="connsiteX18-277" fmla="*/ 1161043 w 1194702"/>
                <a:gd name="connsiteY18-278" fmla="*/ 450655 h 1064930"/>
                <a:gd name="connsiteX19-279" fmla="*/ 1189092 w 1194702"/>
                <a:gd name="connsiteY19-280" fmla="*/ 470289 h 1064930"/>
                <a:gd name="connsiteX20-281" fmla="*/ 1194702 w 1194702"/>
                <a:gd name="connsiteY20-282" fmla="*/ 809683 h 1064930"/>
                <a:gd name="connsiteX21-283" fmla="*/ 1020798 w 1194702"/>
                <a:gd name="connsiteY21-284" fmla="*/ 1014441 h 1064930"/>
                <a:gd name="connsiteX22-285" fmla="*/ 1020798 w 1194702"/>
                <a:gd name="connsiteY22-286" fmla="*/ 1056515 h 1064930"/>
                <a:gd name="connsiteX23-287" fmla="*/ 451402 w 1194702"/>
                <a:gd name="connsiteY23-288" fmla="*/ 1064930 h 1064930"/>
                <a:gd name="connsiteX0-289" fmla="*/ 451402 w 1194702"/>
                <a:gd name="connsiteY0-290" fmla="*/ 1110486 h 1110486"/>
                <a:gd name="connsiteX1-291" fmla="*/ 11031 w 1194702"/>
                <a:gd name="connsiteY1-292" fmla="*/ 555114 h 1110486"/>
                <a:gd name="connsiteX2-293" fmla="*/ 207375 w 1194702"/>
                <a:gd name="connsiteY2-294" fmla="*/ 414869 h 1110486"/>
                <a:gd name="connsiteX3-295" fmla="*/ 313961 w 1194702"/>
                <a:gd name="connsiteY3-296" fmla="*/ 524260 h 1110486"/>
                <a:gd name="connsiteX4-297" fmla="*/ 316766 w 1194702"/>
                <a:gd name="connsiteY4-298" fmla="*/ 170842 h 1110486"/>
                <a:gd name="connsiteX5-299" fmla="*/ 496280 w 1194702"/>
                <a:gd name="connsiteY5-300" fmla="*/ 170842 h 1110486"/>
                <a:gd name="connsiteX6-301" fmla="*/ 496280 w 1194702"/>
                <a:gd name="connsiteY6-302" fmla="*/ 305477 h 1110486"/>
                <a:gd name="connsiteX7-303" fmla="*/ 527134 w 1194702"/>
                <a:gd name="connsiteY7-304" fmla="*/ 305477 h 1110486"/>
                <a:gd name="connsiteX8-305" fmla="*/ 527134 w 1194702"/>
                <a:gd name="connsiteY8-306" fmla="*/ 154012 h 1110486"/>
                <a:gd name="connsiteX9-307" fmla="*/ 717868 w 1194702"/>
                <a:gd name="connsiteY9-308" fmla="*/ 154012 h 1110486"/>
                <a:gd name="connsiteX10-309" fmla="*/ 729087 w 1194702"/>
                <a:gd name="connsiteY10-310" fmla="*/ 305477 h 1110486"/>
                <a:gd name="connsiteX11-311" fmla="*/ 748722 w 1194702"/>
                <a:gd name="connsiteY11-312" fmla="*/ 302672 h 1110486"/>
                <a:gd name="connsiteX12-313" fmla="*/ 748722 w 1194702"/>
                <a:gd name="connsiteY12-314" fmla="*/ 86694 h 1110486"/>
                <a:gd name="connsiteX13-315" fmla="*/ 950675 w 1194702"/>
                <a:gd name="connsiteY13-316" fmla="*/ 86694 h 1110486"/>
                <a:gd name="connsiteX14-317" fmla="*/ 950675 w 1194702"/>
                <a:gd name="connsiteY14-318" fmla="*/ 297063 h 1110486"/>
                <a:gd name="connsiteX15-319" fmla="*/ 1001164 w 1194702"/>
                <a:gd name="connsiteY15-320" fmla="*/ 294258 h 1110486"/>
                <a:gd name="connsiteX16-321" fmla="*/ 1001164 w 1194702"/>
                <a:gd name="connsiteY16-322" fmla="*/ 170842 h 1110486"/>
                <a:gd name="connsiteX17-323" fmla="*/ 1147019 w 1194702"/>
                <a:gd name="connsiteY17-324" fmla="*/ 170842 h 1110486"/>
                <a:gd name="connsiteX18-325" fmla="*/ 1161043 w 1194702"/>
                <a:gd name="connsiteY18-326" fmla="*/ 496211 h 1110486"/>
                <a:gd name="connsiteX19-327" fmla="*/ 1189092 w 1194702"/>
                <a:gd name="connsiteY19-328" fmla="*/ 515845 h 1110486"/>
                <a:gd name="connsiteX20-329" fmla="*/ 1194702 w 1194702"/>
                <a:gd name="connsiteY20-330" fmla="*/ 855239 h 1110486"/>
                <a:gd name="connsiteX21-331" fmla="*/ 1020798 w 1194702"/>
                <a:gd name="connsiteY21-332" fmla="*/ 1059997 h 1110486"/>
                <a:gd name="connsiteX22-333" fmla="*/ 1020798 w 1194702"/>
                <a:gd name="connsiteY22-334" fmla="*/ 1102071 h 1110486"/>
                <a:gd name="connsiteX23-335" fmla="*/ 451402 w 1194702"/>
                <a:gd name="connsiteY23-336" fmla="*/ 1110486 h 1110486"/>
                <a:gd name="connsiteX0-337" fmla="*/ 451402 w 1194702"/>
                <a:gd name="connsiteY0-338" fmla="*/ 1124506 h 1124506"/>
                <a:gd name="connsiteX1-339" fmla="*/ 11031 w 1194702"/>
                <a:gd name="connsiteY1-340" fmla="*/ 569134 h 1124506"/>
                <a:gd name="connsiteX2-341" fmla="*/ 207375 w 1194702"/>
                <a:gd name="connsiteY2-342" fmla="*/ 428889 h 1124506"/>
                <a:gd name="connsiteX3-343" fmla="*/ 313961 w 1194702"/>
                <a:gd name="connsiteY3-344" fmla="*/ 538280 h 1124506"/>
                <a:gd name="connsiteX4-345" fmla="*/ 316766 w 1194702"/>
                <a:gd name="connsiteY4-346" fmla="*/ 184862 h 1124506"/>
                <a:gd name="connsiteX5-347" fmla="*/ 496280 w 1194702"/>
                <a:gd name="connsiteY5-348" fmla="*/ 184862 h 1124506"/>
                <a:gd name="connsiteX6-349" fmla="*/ 496280 w 1194702"/>
                <a:gd name="connsiteY6-350" fmla="*/ 319497 h 1124506"/>
                <a:gd name="connsiteX7-351" fmla="*/ 527134 w 1194702"/>
                <a:gd name="connsiteY7-352" fmla="*/ 319497 h 1124506"/>
                <a:gd name="connsiteX8-353" fmla="*/ 527134 w 1194702"/>
                <a:gd name="connsiteY8-354" fmla="*/ 168032 h 1124506"/>
                <a:gd name="connsiteX9-355" fmla="*/ 723478 w 1194702"/>
                <a:gd name="connsiteY9-356" fmla="*/ 137178 h 1124506"/>
                <a:gd name="connsiteX10-357" fmla="*/ 729087 w 1194702"/>
                <a:gd name="connsiteY10-358" fmla="*/ 319497 h 1124506"/>
                <a:gd name="connsiteX11-359" fmla="*/ 748722 w 1194702"/>
                <a:gd name="connsiteY11-360" fmla="*/ 316692 h 1124506"/>
                <a:gd name="connsiteX12-361" fmla="*/ 748722 w 1194702"/>
                <a:gd name="connsiteY12-362" fmla="*/ 100714 h 1124506"/>
                <a:gd name="connsiteX13-363" fmla="*/ 950675 w 1194702"/>
                <a:gd name="connsiteY13-364" fmla="*/ 100714 h 1124506"/>
                <a:gd name="connsiteX14-365" fmla="*/ 950675 w 1194702"/>
                <a:gd name="connsiteY14-366" fmla="*/ 311083 h 1124506"/>
                <a:gd name="connsiteX15-367" fmla="*/ 1001164 w 1194702"/>
                <a:gd name="connsiteY15-368" fmla="*/ 308278 h 1124506"/>
                <a:gd name="connsiteX16-369" fmla="*/ 1001164 w 1194702"/>
                <a:gd name="connsiteY16-370" fmla="*/ 184862 h 1124506"/>
                <a:gd name="connsiteX17-371" fmla="*/ 1147019 w 1194702"/>
                <a:gd name="connsiteY17-372" fmla="*/ 184862 h 1124506"/>
                <a:gd name="connsiteX18-373" fmla="*/ 1161043 w 1194702"/>
                <a:gd name="connsiteY18-374" fmla="*/ 510231 h 1124506"/>
                <a:gd name="connsiteX19-375" fmla="*/ 1189092 w 1194702"/>
                <a:gd name="connsiteY19-376" fmla="*/ 529865 h 1124506"/>
                <a:gd name="connsiteX20-377" fmla="*/ 1194702 w 1194702"/>
                <a:gd name="connsiteY20-378" fmla="*/ 869259 h 1124506"/>
                <a:gd name="connsiteX21-379" fmla="*/ 1020798 w 1194702"/>
                <a:gd name="connsiteY21-380" fmla="*/ 1074017 h 1124506"/>
                <a:gd name="connsiteX22-381" fmla="*/ 1020798 w 1194702"/>
                <a:gd name="connsiteY22-382" fmla="*/ 1116091 h 1124506"/>
                <a:gd name="connsiteX23-383" fmla="*/ 451402 w 1194702"/>
                <a:gd name="connsiteY23-384" fmla="*/ 1124506 h 1124506"/>
                <a:gd name="connsiteX0-385" fmla="*/ 451402 w 1194702"/>
                <a:gd name="connsiteY0-386" fmla="*/ 1141340 h 1141340"/>
                <a:gd name="connsiteX1-387" fmla="*/ 11031 w 1194702"/>
                <a:gd name="connsiteY1-388" fmla="*/ 585968 h 1141340"/>
                <a:gd name="connsiteX2-389" fmla="*/ 207375 w 1194702"/>
                <a:gd name="connsiteY2-390" fmla="*/ 445723 h 1141340"/>
                <a:gd name="connsiteX3-391" fmla="*/ 313961 w 1194702"/>
                <a:gd name="connsiteY3-392" fmla="*/ 555114 h 1141340"/>
                <a:gd name="connsiteX4-393" fmla="*/ 316766 w 1194702"/>
                <a:gd name="connsiteY4-394" fmla="*/ 201696 h 1141340"/>
                <a:gd name="connsiteX5-395" fmla="*/ 496280 w 1194702"/>
                <a:gd name="connsiteY5-396" fmla="*/ 201696 h 1141340"/>
                <a:gd name="connsiteX6-397" fmla="*/ 496280 w 1194702"/>
                <a:gd name="connsiteY6-398" fmla="*/ 336331 h 1141340"/>
                <a:gd name="connsiteX7-399" fmla="*/ 527134 w 1194702"/>
                <a:gd name="connsiteY7-400" fmla="*/ 336331 h 1141340"/>
                <a:gd name="connsiteX8-401" fmla="*/ 524329 w 1194702"/>
                <a:gd name="connsiteY8-402" fmla="*/ 154012 h 1141340"/>
                <a:gd name="connsiteX9-403" fmla="*/ 723478 w 1194702"/>
                <a:gd name="connsiteY9-404" fmla="*/ 154012 h 1141340"/>
                <a:gd name="connsiteX10-405" fmla="*/ 729087 w 1194702"/>
                <a:gd name="connsiteY10-406" fmla="*/ 336331 h 1141340"/>
                <a:gd name="connsiteX11-407" fmla="*/ 748722 w 1194702"/>
                <a:gd name="connsiteY11-408" fmla="*/ 333526 h 1141340"/>
                <a:gd name="connsiteX12-409" fmla="*/ 748722 w 1194702"/>
                <a:gd name="connsiteY12-410" fmla="*/ 117548 h 1141340"/>
                <a:gd name="connsiteX13-411" fmla="*/ 950675 w 1194702"/>
                <a:gd name="connsiteY13-412" fmla="*/ 117548 h 1141340"/>
                <a:gd name="connsiteX14-413" fmla="*/ 950675 w 1194702"/>
                <a:gd name="connsiteY14-414" fmla="*/ 327917 h 1141340"/>
                <a:gd name="connsiteX15-415" fmla="*/ 1001164 w 1194702"/>
                <a:gd name="connsiteY15-416" fmla="*/ 325112 h 1141340"/>
                <a:gd name="connsiteX16-417" fmla="*/ 1001164 w 1194702"/>
                <a:gd name="connsiteY16-418" fmla="*/ 201696 h 1141340"/>
                <a:gd name="connsiteX17-419" fmla="*/ 1147019 w 1194702"/>
                <a:gd name="connsiteY17-420" fmla="*/ 201696 h 1141340"/>
                <a:gd name="connsiteX18-421" fmla="*/ 1161043 w 1194702"/>
                <a:gd name="connsiteY18-422" fmla="*/ 527065 h 1141340"/>
                <a:gd name="connsiteX19-423" fmla="*/ 1189092 w 1194702"/>
                <a:gd name="connsiteY19-424" fmla="*/ 546699 h 1141340"/>
                <a:gd name="connsiteX20-425" fmla="*/ 1194702 w 1194702"/>
                <a:gd name="connsiteY20-426" fmla="*/ 886093 h 1141340"/>
                <a:gd name="connsiteX21-427" fmla="*/ 1020798 w 1194702"/>
                <a:gd name="connsiteY21-428" fmla="*/ 1090851 h 1141340"/>
                <a:gd name="connsiteX22-429" fmla="*/ 1020798 w 1194702"/>
                <a:gd name="connsiteY22-430" fmla="*/ 1132925 h 1141340"/>
                <a:gd name="connsiteX23-431" fmla="*/ 451402 w 1194702"/>
                <a:gd name="connsiteY23-432" fmla="*/ 1141340 h 1141340"/>
                <a:gd name="connsiteX0-433" fmla="*/ 451402 w 1194702"/>
                <a:gd name="connsiteY0-434" fmla="*/ 1104142 h 1104142"/>
                <a:gd name="connsiteX1-435" fmla="*/ 11031 w 1194702"/>
                <a:gd name="connsiteY1-436" fmla="*/ 548770 h 1104142"/>
                <a:gd name="connsiteX2-437" fmla="*/ 207375 w 1194702"/>
                <a:gd name="connsiteY2-438" fmla="*/ 408525 h 1104142"/>
                <a:gd name="connsiteX3-439" fmla="*/ 313961 w 1194702"/>
                <a:gd name="connsiteY3-440" fmla="*/ 517916 h 1104142"/>
                <a:gd name="connsiteX4-441" fmla="*/ 316766 w 1194702"/>
                <a:gd name="connsiteY4-442" fmla="*/ 164498 h 1104142"/>
                <a:gd name="connsiteX5-443" fmla="*/ 496280 w 1194702"/>
                <a:gd name="connsiteY5-444" fmla="*/ 164498 h 1104142"/>
                <a:gd name="connsiteX6-445" fmla="*/ 496280 w 1194702"/>
                <a:gd name="connsiteY6-446" fmla="*/ 299133 h 1104142"/>
                <a:gd name="connsiteX7-447" fmla="*/ 527134 w 1194702"/>
                <a:gd name="connsiteY7-448" fmla="*/ 299133 h 1104142"/>
                <a:gd name="connsiteX8-449" fmla="*/ 524329 w 1194702"/>
                <a:gd name="connsiteY8-450" fmla="*/ 116814 h 1104142"/>
                <a:gd name="connsiteX9-451" fmla="*/ 723478 w 1194702"/>
                <a:gd name="connsiteY9-452" fmla="*/ 116814 h 1104142"/>
                <a:gd name="connsiteX10-453" fmla="*/ 729087 w 1194702"/>
                <a:gd name="connsiteY10-454" fmla="*/ 299133 h 1104142"/>
                <a:gd name="connsiteX11-455" fmla="*/ 748722 w 1194702"/>
                <a:gd name="connsiteY11-456" fmla="*/ 296328 h 1104142"/>
                <a:gd name="connsiteX12-457" fmla="*/ 748722 w 1194702"/>
                <a:gd name="connsiteY12-458" fmla="*/ 80350 h 1104142"/>
                <a:gd name="connsiteX13-459" fmla="*/ 950675 w 1194702"/>
                <a:gd name="connsiteY13-460" fmla="*/ 80350 h 1104142"/>
                <a:gd name="connsiteX14-461" fmla="*/ 950675 w 1194702"/>
                <a:gd name="connsiteY14-462" fmla="*/ 290719 h 1104142"/>
                <a:gd name="connsiteX15-463" fmla="*/ 1001164 w 1194702"/>
                <a:gd name="connsiteY15-464" fmla="*/ 287914 h 1104142"/>
                <a:gd name="connsiteX16-465" fmla="*/ 1001164 w 1194702"/>
                <a:gd name="connsiteY16-466" fmla="*/ 164498 h 1104142"/>
                <a:gd name="connsiteX17-467" fmla="*/ 1147019 w 1194702"/>
                <a:gd name="connsiteY17-468" fmla="*/ 164498 h 1104142"/>
                <a:gd name="connsiteX18-469" fmla="*/ 1161043 w 1194702"/>
                <a:gd name="connsiteY18-470" fmla="*/ 489867 h 1104142"/>
                <a:gd name="connsiteX19-471" fmla="*/ 1189092 w 1194702"/>
                <a:gd name="connsiteY19-472" fmla="*/ 509501 h 1104142"/>
                <a:gd name="connsiteX20-473" fmla="*/ 1194702 w 1194702"/>
                <a:gd name="connsiteY20-474" fmla="*/ 848895 h 1104142"/>
                <a:gd name="connsiteX21-475" fmla="*/ 1020798 w 1194702"/>
                <a:gd name="connsiteY21-476" fmla="*/ 1053653 h 1104142"/>
                <a:gd name="connsiteX22-477" fmla="*/ 1020798 w 1194702"/>
                <a:gd name="connsiteY22-478" fmla="*/ 1095727 h 1104142"/>
                <a:gd name="connsiteX23-479" fmla="*/ 451402 w 1194702"/>
                <a:gd name="connsiteY23-480" fmla="*/ 1104142 h 1104142"/>
                <a:gd name="connsiteX0-481" fmla="*/ 451402 w 1194702"/>
                <a:gd name="connsiteY0-482" fmla="*/ 1104142 h 1104142"/>
                <a:gd name="connsiteX1-483" fmla="*/ 11031 w 1194702"/>
                <a:gd name="connsiteY1-484" fmla="*/ 548770 h 1104142"/>
                <a:gd name="connsiteX2-485" fmla="*/ 207375 w 1194702"/>
                <a:gd name="connsiteY2-486" fmla="*/ 408525 h 1104142"/>
                <a:gd name="connsiteX3-487" fmla="*/ 313961 w 1194702"/>
                <a:gd name="connsiteY3-488" fmla="*/ 517916 h 1104142"/>
                <a:gd name="connsiteX4-489" fmla="*/ 316766 w 1194702"/>
                <a:gd name="connsiteY4-490" fmla="*/ 164498 h 1104142"/>
                <a:gd name="connsiteX5-491" fmla="*/ 496280 w 1194702"/>
                <a:gd name="connsiteY5-492" fmla="*/ 164498 h 1104142"/>
                <a:gd name="connsiteX6-493" fmla="*/ 496280 w 1194702"/>
                <a:gd name="connsiteY6-494" fmla="*/ 299133 h 1104142"/>
                <a:gd name="connsiteX7-495" fmla="*/ 527134 w 1194702"/>
                <a:gd name="connsiteY7-496" fmla="*/ 299133 h 1104142"/>
                <a:gd name="connsiteX8-497" fmla="*/ 524329 w 1194702"/>
                <a:gd name="connsiteY8-498" fmla="*/ 116814 h 1104142"/>
                <a:gd name="connsiteX9-499" fmla="*/ 723478 w 1194702"/>
                <a:gd name="connsiteY9-500" fmla="*/ 116814 h 1104142"/>
                <a:gd name="connsiteX10-501" fmla="*/ 729087 w 1194702"/>
                <a:gd name="connsiteY10-502" fmla="*/ 299133 h 1104142"/>
                <a:gd name="connsiteX11-503" fmla="*/ 748722 w 1194702"/>
                <a:gd name="connsiteY11-504" fmla="*/ 296328 h 1104142"/>
                <a:gd name="connsiteX12-505" fmla="*/ 748722 w 1194702"/>
                <a:gd name="connsiteY12-506" fmla="*/ 80350 h 1104142"/>
                <a:gd name="connsiteX13-507" fmla="*/ 950675 w 1194702"/>
                <a:gd name="connsiteY13-508" fmla="*/ 80350 h 1104142"/>
                <a:gd name="connsiteX14-509" fmla="*/ 950675 w 1194702"/>
                <a:gd name="connsiteY14-510" fmla="*/ 290719 h 1104142"/>
                <a:gd name="connsiteX15-511" fmla="*/ 1001164 w 1194702"/>
                <a:gd name="connsiteY15-512" fmla="*/ 287914 h 1104142"/>
                <a:gd name="connsiteX16-513" fmla="*/ 1001164 w 1194702"/>
                <a:gd name="connsiteY16-514" fmla="*/ 164498 h 1104142"/>
                <a:gd name="connsiteX17-515" fmla="*/ 1147019 w 1194702"/>
                <a:gd name="connsiteY17-516" fmla="*/ 164498 h 1104142"/>
                <a:gd name="connsiteX18-517" fmla="*/ 1161043 w 1194702"/>
                <a:gd name="connsiteY18-518" fmla="*/ 489867 h 1104142"/>
                <a:gd name="connsiteX19-519" fmla="*/ 1189092 w 1194702"/>
                <a:gd name="connsiteY19-520" fmla="*/ 509501 h 1104142"/>
                <a:gd name="connsiteX20-521" fmla="*/ 1194702 w 1194702"/>
                <a:gd name="connsiteY20-522" fmla="*/ 848895 h 1104142"/>
                <a:gd name="connsiteX21-523" fmla="*/ 1020798 w 1194702"/>
                <a:gd name="connsiteY21-524" fmla="*/ 1053653 h 1104142"/>
                <a:gd name="connsiteX22-525" fmla="*/ 1020798 w 1194702"/>
                <a:gd name="connsiteY22-526" fmla="*/ 1095727 h 1104142"/>
                <a:gd name="connsiteX23-527" fmla="*/ 451402 w 1194702"/>
                <a:gd name="connsiteY23-528" fmla="*/ 1104142 h 1104142"/>
                <a:gd name="connsiteX0-529" fmla="*/ 451402 w 1194702"/>
                <a:gd name="connsiteY0-530" fmla="*/ 1104142 h 1104142"/>
                <a:gd name="connsiteX1-531" fmla="*/ 11031 w 1194702"/>
                <a:gd name="connsiteY1-532" fmla="*/ 548770 h 1104142"/>
                <a:gd name="connsiteX2-533" fmla="*/ 207375 w 1194702"/>
                <a:gd name="connsiteY2-534" fmla="*/ 408525 h 1104142"/>
                <a:gd name="connsiteX3-535" fmla="*/ 313961 w 1194702"/>
                <a:gd name="connsiteY3-536" fmla="*/ 517916 h 1104142"/>
                <a:gd name="connsiteX4-537" fmla="*/ 316766 w 1194702"/>
                <a:gd name="connsiteY4-538" fmla="*/ 164498 h 1104142"/>
                <a:gd name="connsiteX5-539" fmla="*/ 496280 w 1194702"/>
                <a:gd name="connsiteY5-540" fmla="*/ 164498 h 1104142"/>
                <a:gd name="connsiteX6-541" fmla="*/ 496280 w 1194702"/>
                <a:gd name="connsiteY6-542" fmla="*/ 299133 h 1104142"/>
                <a:gd name="connsiteX7-543" fmla="*/ 527134 w 1194702"/>
                <a:gd name="connsiteY7-544" fmla="*/ 299133 h 1104142"/>
                <a:gd name="connsiteX8-545" fmla="*/ 524329 w 1194702"/>
                <a:gd name="connsiteY8-546" fmla="*/ 116814 h 1104142"/>
                <a:gd name="connsiteX9-547" fmla="*/ 723478 w 1194702"/>
                <a:gd name="connsiteY9-548" fmla="*/ 116814 h 1104142"/>
                <a:gd name="connsiteX10-549" fmla="*/ 729087 w 1194702"/>
                <a:gd name="connsiteY10-550" fmla="*/ 299133 h 1104142"/>
                <a:gd name="connsiteX11-551" fmla="*/ 748722 w 1194702"/>
                <a:gd name="connsiteY11-552" fmla="*/ 296328 h 1104142"/>
                <a:gd name="connsiteX12-553" fmla="*/ 748722 w 1194702"/>
                <a:gd name="connsiteY12-554" fmla="*/ 80350 h 1104142"/>
                <a:gd name="connsiteX13-555" fmla="*/ 950675 w 1194702"/>
                <a:gd name="connsiteY13-556" fmla="*/ 80350 h 1104142"/>
                <a:gd name="connsiteX14-557" fmla="*/ 950675 w 1194702"/>
                <a:gd name="connsiteY14-558" fmla="*/ 290719 h 1104142"/>
                <a:gd name="connsiteX15-559" fmla="*/ 1001164 w 1194702"/>
                <a:gd name="connsiteY15-560" fmla="*/ 287914 h 1104142"/>
                <a:gd name="connsiteX16-561" fmla="*/ 1001164 w 1194702"/>
                <a:gd name="connsiteY16-562" fmla="*/ 164498 h 1104142"/>
                <a:gd name="connsiteX17-563" fmla="*/ 1147019 w 1194702"/>
                <a:gd name="connsiteY17-564" fmla="*/ 164498 h 1104142"/>
                <a:gd name="connsiteX18-565" fmla="*/ 1161043 w 1194702"/>
                <a:gd name="connsiteY18-566" fmla="*/ 489867 h 1104142"/>
                <a:gd name="connsiteX19-567" fmla="*/ 1189092 w 1194702"/>
                <a:gd name="connsiteY19-568" fmla="*/ 509501 h 1104142"/>
                <a:gd name="connsiteX20-569" fmla="*/ 1194702 w 1194702"/>
                <a:gd name="connsiteY20-570" fmla="*/ 848895 h 1104142"/>
                <a:gd name="connsiteX21-571" fmla="*/ 1020798 w 1194702"/>
                <a:gd name="connsiteY21-572" fmla="*/ 1053653 h 1104142"/>
                <a:gd name="connsiteX22-573" fmla="*/ 1020798 w 1194702"/>
                <a:gd name="connsiteY22-574" fmla="*/ 1095727 h 1104142"/>
                <a:gd name="connsiteX23-575" fmla="*/ 451402 w 1194702"/>
                <a:gd name="connsiteY23-576" fmla="*/ 1104142 h 1104142"/>
                <a:gd name="connsiteX0-577" fmla="*/ 451402 w 1194702"/>
                <a:gd name="connsiteY0-578" fmla="*/ 1104142 h 1104142"/>
                <a:gd name="connsiteX1-579" fmla="*/ 11031 w 1194702"/>
                <a:gd name="connsiteY1-580" fmla="*/ 548770 h 1104142"/>
                <a:gd name="connsiteX2-581" fmla="*/ 207375 w 1194702"/>
                <a:gd name="connsiteY2-582" fmla="*/ 408525 h 1104142"/>
                <a:gd name="connsiteX3-583" fmla="*/ 313961 w 1194702"/>
                <a:gd name="connsiteY3-584" fmla="*/ 517916 h 1104142"/>
                <a:gd name="connsiteX4-585" fmla="*/ 316766 w 1194702"/>
                <a:gd name="connsiteY4-586" fmla="*/ 164498 h 1104142"/>
                <a:gd name="connsiteX5-587" fmla="*/ 496280 w 1194702"/>
                <a:gd name="connsiteY5-588" fmla="*/ 164498 h 1104142"/>
                <a:gd name="connsiteX6-589" fmla="*/ 496280 w 1194702"/>
                <a:gd name="connsiteY6-590" fmla="*/ 299133 h 1104142"/>
                <a:gd name="connsiteX7-591" fmla="*/ 527134 w 1194702"/>
                <a:gd name="connsiteY7-592" fmla="*/ 299133 h 1104142"/>
                <a:gd name="connsiteX8-593" fmla="*/ 524329 w 1194702"/>
                <a:gd name="connsiteY8-594" fmla="*/ 116814 h 1104142"/>
                <a:gd name="connsiteX9-595" fmla="*/ 723478 w 1194702"/>
                <a:gd name="connsiteY9-596" fmla="*/ 116814 h 1104142"/>
                <a:gd name="connsiteX10-597" fmla="*/ 729087 w 1194702"/>
                <a:gd name="connsiteY10-598" fmla="*/ 299133 h 1104142"/>
                <a:gd name="connsiteX11-599" fmla="*/ 748722 w 1194702"/>
                <a:gd name="connsiteY11-600" fmla="*/ 296328 h 1104142"/>
                <a:gd name="connsiteX12-601" fmla="*/ 748722 w 1194702"/>
                <a:gd name="connsiteY12-602" fmla="*/ 80350 h 1104142"/>
                <a:gd name="connsiteX13-603" fmla="*/ 950675 w 1194702"/>
                <a:gd name="connsiteY13-604" fmla="*/ 80350 h 1104142"/>
                <a:gd name="connsiteX14-605" fmla="*/ 950675 w 1194702"/>
                <a:gd name="connsiteY14-606" fmla="*/ 290719 h 1104142"/>
                <a:gd name="connsiteX15-607" fmla="*/ 1001164 w 1194702"/>
                <a:gd name="connsiteY15-608" fmla="*/ 287914 h 1104142"/>
                <a:gd name="connsiteX16-609" fmla="*/ 1001164 w 1194702"/>
                <a:gd name="connsiteY16-610" fmla="*/ 164498 h 1104142"/>
                <a:gd name="connsiteX17-611" fmla="*/ 1147019 w 1194702"/>
                <a:gd name="connsiteY17-612" fmla="*/ 164498 h 1104142"/>
                <a:gd name="connsiteX18-613" fmla="*/ 1161043 w 1194702"/>
                <a:gd name="connsiteY18-614" fmla="*/ 489867 h 1104142"/>
                <a:gd name="connsiteX19-615" fmla="*/ 1189092 w 1194702"/>
                <a:gd name="connsiteY19-616" fmla="*/ 509501 h 1104142"/>
                <a:gd name="connsiteX20-617" fmla="*/ 1194702 w 1194702"/>
                <a:gd name="connsiteY20-618" fmla="*/ 848895 h 1104142"/>
                <a:gd name="connsiteX21-619" fmla="*/ 1020798 w 1194702"/>
                <a:gd name="connsiteY21-620" fmla="*/ 1053653 h 1104142"/>
                <a:gd name="connsiteX22-621" fmla="*/ 1020798 w 1194702"/>
                <a:gd name="connsiteY22-622" fmla="*/ 1095727 h 1104142"/>
                <a:gd name="connsiteX23-623" fmla="*/ 451402 w 1194702"/>
                <a:gd name="connsiteY23-624" fmla="*/ 1104142 h 1104142"/>
                <a:gd name="connsiteX0-625" fmla="*/ 451402 w 1194702"/>
                <a:gd name="connsiteY0-626" fmla="*/ 1104142 h 1104142"/>
                <a:gd name="connsiteX1-627" fmla="*/ 11031 w 1194702"/>
                <a:gd name="connsiteY1-628" fmla="*/ 548770 h 1104142"/>
                <a:gd name="connsiteX2-629" fmla="*/ 207375 w 1194702"/>
                <a:gd name="connsiteY2-630" fmla="*/ 408525 h 1104142"/>
                <a:gd name="connsiteX3-631" fmla="*/ 313961 w 1194702"/>
                <a:gd name="connsiteY3-632" fmla="*/ 517916 h 1104142"/>
                <a:gd name="connsiteX4-633" fmla="*/ 316766 w 1194702"/>
                <a:gd name="connsiteY4-634" fmla="*/ 164498 h 1104142"/>
                <a:gd name="connsiteX5-635" fmla="*/ 496280 w 1194702"/>
                <a:gd name="connsiteY5-636" fmla="*/ 164498 h 1104142"/>
                <a:gd name="connsiteX6-637" fmla="*/ 496280 w 1194702"/>
                <a:gd name="connsiteY6-638" fmla="*/ 299133 h 1104142"/>
                <a:gd name="connsiteX7-639" fmla="*/ 527134 w 1194702"/>
                <a:gd name="connsiteY7-640" fmla="*/ 299133 h 1104142"/>
                <a:gd name="connsiteX8-641" fmla="*/ 524329 w 1194702"/>
                <a:gd name="connsiteY8-642" fmla="*/ 116814 h 1104142"/>
                <a:gd name="connsiteX9-643" fmla="*/ 723478 w 1194702"/>
                <a:gd name="connsiteY9-644" fmla="*/ 116814 h 1104142"/>
                <a:gd name="connsiteX10-645" fmla="*/ 729087 w 1194702"/>
                <a:gd name="connsiteY10-646" fmla="*/ 299133 h 1104142"/>
                <a:gd name="connsiteX11-647" fmla="*/ 748722 w 1194702"/>
                <a:gd name="connsiteY11-648" fmla="*/ 296328 h 1104142"/>
                <a:gd name="connsiteX12-649" fmla="*/ 748722 w 1194702"/>
                <a:gd name="connsiteY12-650" fmla="*/ 80350 h 1104142"/>
                <a:gd name="connsiteX13-651" fmla="*/ 950675 w 1194702"/>
                <a:gd name="connsiteY13-652" fmla="*/ 80350 h 1104142"/>
                <a:gd name="connsiteX14-653" fmla="*/ 950675 w 1194702"/>
                <a:gd name="connsiteY14-654" fmla="*/ 290719 h 1104142"/>
                <a:gd name="connsiteX15-655" fmla="*/ 1001164 w 1194702"/>
                <a:gd name="connsiteY15-656" fmla="*/ 287914 h 1104142"/>
                <a:gd name="connsiteX16-657" fmla="*/ 1001164 w 1194702"/>
                <a:gd name="connsiteY16-658" fmla="*/ 164498 h 1104142"/>
                <a:gd name="connsiteX17-659" fmla="*/ 1147019 w 1194702"/>
                <a:gd name="connsiteY17-660" fmla="*/ 164498 h 1104142"/>
                <a:gd name="connsiteX18-661" fmla="*/ 1161043 w 1194702"/>
                <a:gd name="connsiteY18-662" fmla="*/ 489867 h 1104142"/>
                <a:gd name="connsiteX19-663" fmla="*/ 1189092 w 1194702"/>
                <a:gd name="connsiteY19-664" fmla="*/ 509501 h 1104142"/>
                <a:gd name="connsiteX20-665" fmla="*/ 1194702 w 1194702"/>
                <a:gd name="connsiteY20-666" fmla="*/ 848895 h 1104142"/>
                <a:gd name="connsiteX21-667" fmla="*/ 1020798 w 1194702"/>
                <a:gd name="connsiteY21-668" fmla="*/ 1053653 h 1104142"/>
                <a:gd name="connsiteX22-669" fmla="*/ 1020798 w 1194702"/>
                <a:gd name="connsiteY22-670" fmla="*/ 1095727 h 1104142"/>
                <a:gd name="connsiteX23-671" fmla="*/ 451402 w 1194702"/>
                <a:gd name="connsiteY23-672" fmla="*/ 1104142 h 1104142"/>
                <a:gd name="connsiteX0-673" fmla="*/ 451402 w 1194702"/>
                <a:gd name="connsiteY0-674" fmla="*/ 1104142 h 1104142"/>
                <a:gd name="connsiteX1-675" fmla="*/ 11031 w 1194702"/>
                <a:gd name="connsiteY1-676" fmla="*/ 548770 h 1104142"/>
                <a:gd name="connsiteX2-677" fmla="*/ 207375 w 1194702"/>
                <a:gd name="connsiteY2-678" fmla="*/ 408525 h 1104142"/>
                <a:gd name="connsiteX3-679" fmla="*/ 313961 w 1194702"/>
                <a:gd name="connsiteY3-680" fmla="*/ 517916 h 1104142"/>
                <a:gd name="connsiteX4-681" fmla="*/ 316766 w 1194702"/>
                <a:gd name="connsiteY4-682" fmla="*/ 164498 h 1104142"/>
                <a:gd name="connsiteX5-683" fmla="*/ 496280 w 1194702"/>
                <a:gd name="connsiteY5-684" fmla="*/ 164498 h 1104142"/>
                <a:gd name="connsiteX6-685" fmla="*/ 496280 w 1194702"/>
                <a:gd name="connsiteY6-686" fmla="*/ 299133 h 1104142"/>
                <a:gd name="connsiteX7-687" fmla="*/ 527134 w 1194702"/>
                <a:gd name="connsiteY7-688" fmla="*/ 299133 h 1104142"/>
                <a:gd name="connsiteX8-689" fmla="*/ 524329 w 1194702"/>
                <a:gd name="connsiteY8-690" fmla="*/ 116814 h 1104142"/>
                <a:gd name="connsiteX9-691" fmla="*/ 723478 w 1194702"/>
                <a:gd name="connsiteY9-692" fmla="*/ 116814 h 1104142"/>
                <a:gd name="connsiteX10-693" fmla="*/ 729087 w 1194702"/>
                <a:gd name="connsiteY10-694" fmla="*/ 299133 h 1104142"/>
                <a:gd name="connsiteX11-695" fmla="*/ 748722 w 1194702"/>
                <a:gd name="connsiteY11-696" fmla="*/ 296328 h 1104142"/>
                <a:gd name="connsiteX12-697" fmla="*/ 748722 w 1194702"/>
                <a:gd name="connsiteY12-698" fmla="*/ 80350 h 1104142"/>
                <a:gd name="connsiteX13-699" fmla="*/ 950675 w 1194702"/>
                <a:gd name="connsiteY13-700" fmla="*/ 80350 h 1104142"/>
                <a:gd name="connsiteX14-701" fmla="*/ 950675 w 1194702"/>
                <a:gd name="connsiteY14-702" fmla="*/ 290719 h 1104142"/>
                <a:gd name="connsiteX15-703" fmla="*/ 1001164 w 1194702"/>
                <a:gd name="connsiteY15-704" fmla="*/ 287914 h 1104142"/>
                <a:gd name="connsiteX16-705" fmla="*/ 1001164 w 1194702"/>
                <a:gd name="connsiteY16-706" fmla="*/ 164498 h 1104142"/>
                <a:gd name="connsiteX17-707" fmla="*/ 1147019 w 1194702"/>
                <a:gd name="connsiteY17-708" fmla="*/ 164498 h 1104142"/>
                <a:gd name="connsiteX18-709" fmla="*/ 1161043 w 1194702"/>
                <a:gd name="connsiteY18-710" fmla="*/ 489867 h 1104142"/>
                <a:gd name="connsiteX19-711" fmla="*/ 1189092 w 1194702"/>
                <a:gd name="connsiteY19-712" fmla="*/ 509501 h 1104142"/>
                <a:gd name="connsiteX20-713" fmla="*/ 1194702 w 1194702"/>
                <a:gd name="connsiteY20-714" fmla="*/ 848895 h 1104142"/>
                <a:gd name="connsiteX21-715" fmla="*/ 1020798 w 1194702"/>
                <a:gd name="connsiteY21-716" fmla="*/ 1053653 h 1104142"/>
                <a:gd name="connsiteX22-717" fmla="*/ 1020798 w 1194702"/>
                <a:gd name="connsiteY22-718" fmla="*/ 1095727 h 1104142"/>
                <a:gd name="connsiteX23-719" fmla="*/ 451402 w 1194702"/>
                <a:gd name="connsiteY23-720" fmla="*/ 1104142 h 1104142"/>
                <a:gd name="connsiteX0-721" fmla="*/ 451402 w 1194702"/>
                <a:gd name="connsiteY0-722" fmla="*/ 1104142 h 1104142"/>
                <a:gd name="connsiteX1-723" fmla="*/ 11031 w 1194702"/>
                <a:gd name="connsiteY1-724" fmla="*/ 548770 h 1104142"/>
                <a:gd name="connsiteX2-725" fmla="*/ 207375 w 1194702"/>
                <a:gd name="connsiteY2-726" fmla="*/ 408525 h 1104142"/>
                <a:gd name="connsiteX3-727" fmla="*/ 313961 w 1194702"/>
                <a:gd name="connsiteY3-728" fmla="*/ 517916 h 1104142"/>
                <a:gd name="connsiteX4-729" fmla="*/ 316766 w 1194702"/>
                <a:gd name="connsiteY4-730" fmla="*/ 164498 h 1104142"/>
                <a:gd name="connsiteX5-731" fmla="*/ 496280 w 1194702"/>
                <a:gd name="connsiteY5-732" fmla="*/ 164498 h 1104142"/>
                <a:gd name="connsiteX6-733" fmla="*/ 496280 w 1194702"/>
                <a:gd name="connsiteY6-734" fmla="*/ 299133 h 1104142"/>
                <a:gd name="connsiteX7-735" fmla="*/ 527134 w 1194702"/>
                <a:gd name="connsiteY7-736" fmla="*/ 299133 h 1104142"/>
                <a:gd name="connsiteX8-737" fmla="*/ 524329 w 1194702"/>
                <a:gd name="connsiteY8-738" fmla="*/ 116814 h 1104142"/>
                <a:gd name="connsiteX9-739" fmla="*/ 723478 w 1194702"/>
                <a:gd name="connsiteY9-740" fmla="*/ 116814 h 1104142"/>
                <a:gd name="connsiteX10-741" fmla="*/ 729087 w 1194702"/>
                <a:gd name="connsiteY10-742" fmla="*/ 299133 h 1104142"/>
                <a:gd name="connsiteX11-743" fmla="*/ 748722 w 1194702"/>
                <a:gd name="connsiteY11-744" fmla="*/ 296328 h 1104142"/>
                <a:gd name="connsiteX12-745" fmla="*/ 748722 w 1194702"/>
                <a:gd name="connsiteY12-746" fmla="*/ 80350 h 1104142"/>
                <a:gd name="connsiteX13-747" fmla="*/ 950675 w 1194702"/>
                <a:gd name="connsiteY13-748" fmla="*/ 80350 h 1104142"/>
                <a:gd name="connsiteX14-749" fmla="*/ 950675 w 1194702"/>
                <a:gd name="connsiteY14-750" fmla="*/ 290719 h 1104142"/>
                <a:gd name="connsiteX15-751" fmla="*/ 1001164 w 1194702"/>
                <a:gd name="connsiteY15-752" fmla="*/ 287914 h 1104142"/>
                <a:gd name="connsiteX16-753" fmla="*/ 1001164 w 1194702"/>
                <a:gd name="connsiteY16-754" fmla="*/ 164498 h 1104142"/>
                <a:gd name="connsiteX17-755" fmla="*/ 1147019 w 1194702"/>
                <a:gd name="connsiteY17-756" fmla="*/ 164498 h 1104142"/>
                <a:gd name="connsiteX18-757" fmla="*/ 1161043 w 1194702"/>
                <a:gd name="connsiteY18-758" fmla="*/ 489867 h 1104142"/>
                <a:gd name="connsiteX19-759" fmla="*/ 1189092 w 1194702"/>
                <a:gd name="connsiteY19-760" fmla="*/ 509501 h 1104142"/>
                <a:gd name="connsiteX20-761" fmla="*/ 1194702 w 1194702"/>
                <a:gd name="connsiteY20-762" fmla="*/ 848895 h 1104142"/>
                <a:gd name="connsiteX21-763" fmla="*/ 1020798 w 1194702"/>
                <a:gd name="connsiteY21-764" fmla="*/ 1053653 h 1104142"/>
                <a:gd name="connsiteX22-765" fmla="*/ 1020798 w 1194702"/>
                <a:gd name="connsiteY22-766" fmla="*/ 1095727 h 1104142"/>
                <a:gd name="connsiteX23-767" fmla="*/ 451402 w 1194702"/>
                <a:gd name="connsiteY23-768" fmla="*/ 1104142 h 1104142"/>
                <a:gd name="connsiteX0-769" fmla="*/ 451402 w 1194702"/>
                <a:gd name="connsiteY0-770" fmla="*/ 1104142 h 1104142"/>
                <a:gd name="connsiteX1-771" fmla="*/ 11031 w 1194702"/>
                <a:gd name="connsiteY1-772" fmla="*/ 548770 h 1104142"/>
                <a:gd name="connsiteX2-773" fmla="*/ 207375 w 1194702"/>
                <a:gd name="connsiteY2-774" fmla="*/ 408525 h 1104142"/>
                <a:gd name="connsiteX3-775" fmla="*/ 313961 w 1194702"/>
                <a:gd name="connsiteY3-776" fmla="*/ 517916 h 1104142"/>
                <a:gd name="connsiteX4-777" fmla="*/ 316766 w 1194702"/>
                <a:gd name="connsiteY4-778" fmla="*/ 164498 h 1104142"/>
                <a:gd name="connsiteX5-779" fmla="*/ 496280 w 1194702"/>
                <a:gd name="connsiteY5-780" fmla="*/ 164498 h 1104142"/>
                <a:gd name="connsiteX6-781" fmla="*/ 496280 w 1194702"/>
                <a:gd name="connsiteY6-782" fmla="*/ 299133 h 1104142"/>
                <a:gd name="connsiteX7-783" fmla="*/ 527134 w 1194702"/>
                <a:gd name="connsiteY7-784" fmla="*/ 299133 h 1104142"/>
                <a:gd name="connsiteX8-785" fmla="*/ 524329 w 1194702"/>
                <a:gd name="connsiteY8-786" fmla="*/ 116814 h 1104142"/>
                <a:gd name="connsiteX9-787" fmla="*/ 723478 w 1194702"/>
                <a:gd name="connsiteY9-788" fmla="*/ 116814 h 1104142"/>
                <a:gd name="connsiteX10-789" fmla="*/ 729087 w 1194702"/>
                <a:gd name="connsiteY10-790" fmla="*/ 299133 h 1104142"/>
                <a:gd name="connsiteX11-791" fmla="*/ 748722 w 1194702"/>
                <a:gd name="connsiteY11-792" fmla="*/ 296328 h 1104142"/>
                <a:gd name="connsiteX12-793" fmla="*/ 748722 w 1194702"/>
                <a:gd name="connsiteY12-794" fmla="*/ 80350 h 1104142"/>
                <a:gd name="connsiteX13-795" fmla="*/ 950675 w 1194702"/>
                <a:gd name="connsiteY13-796" fmla="*/ 80350 h 1104142"/>
                <a:gd name="connsiteX14-797" fmla="*/ 950675 w 1194702"/>
                <a:gd name="connsiteY14-798" fmla="*/ 290719 h 1104142"/>
                <a:gd name="connsiteX15-799" fmla="*/ 1001164 w 1194702"/>
                <a:gd name="connsiteY15-800" fmla="*/ 287914 h 1104142"/>
                <a:gd name="connsiteX16-801" fmla="*/ 1001164 w 1194702"/>
                <a:gd name="connsiteY16-802" fmla="*/ 164498 h 1104142"/>
                <a:gd name="connsiteX17-803" fmla="*/ 1147019 w 1194702"/>
                <a:gd name="connsiteY17-804" fmla="*/ 164498 h 1104142"/>
                <a:gd name="connsiteX18-805" fmla="*/ 1161043 w 1194702"/>
                <a:gd name="connsiteY18-806" fmla="*/ 489867 h 1104142"/>
                <a:gd name="connsiteX19-807" fmla="*/ 1189092 w 1194702"/>
                <a:gd name="connsiteY19-808" fmla="*/ 509501 h 1104142"/>
                <a:gd name="connsiteX20-809" fmla="*/ 1194702 w 1194702"/>
                <a:gd name="connsiteY20-810" fmla="*/ 848895 h 1104142"/>
                <a:gd name="connsiteX21-811" fmla="*/ 1020798 w 1194702"/>
                <a:gd name="connsiteY21-812" fmla="*/ 1053653 h 1104142"/>
                <a:gd name="connsiteX22-813" fmla="*/ 1020798 w 1194702"/>
                <a:gd name="connsiteY22-814" fmla="*/ 1095727 h 1104142"/>
                <a:gd name="connsiteX23-815" fmla="*/ 451402 w 1194702"/>
                <a:gd name="connsiteY23-816" fmla="*/ 1104142 h 1104142"/>
                <a:gd name="connsiteX0-817" fmla="*/ 451402 w 1194702"/>
                <a:gd name="connsiteY0-818" fmla="*/ 1104142 h 1104142"/>
                <a:gd name="connsiteX1-819" fmla="*/ 11031 w 1194702"/>
                <a:gd name="connsiteY1-820" fmla="*/ 548770 h 1104142"/>
                <a:gd name="connsiteX2-821" fmla="*/ 207375 w 1194702"/>
                <a:gd name="connsiteY2-822" fmla="*/ 408525 h 1104142"/>
                <a:gd name="connsiteX3-823" fmla="*/ 313961 w 1194702"/>
                <a:gd name="connsiteY3-824" fmla="*/ 517916 h 1104142"/>
                <a:gd name="connsiteX4-825" fmla="*/ 316766 w 1194702"/>
                <a:gd name="connsiteY4-826" fmla="*/ 164498 h 1104142"/>
                <a:gd name="connsiteX5-827" fmla="*/ 496280 w 1194702"/>
                <a:gd name="connsiteY5-828" fmla="*/ 164498 h 1104142"/>
                <a:gd name="connsiteX6-829" fmla="*/ 496280 w 1194702"/>
                <a:gd name="connsiteY6-830" fmla="*/ 299133 h 1104142"/>
                <a:gd name="connsiteX7-831" fmla="*/ 527134 w 1194702"/>
                <a:gd name="connsiteY7-832" fmla="*/ 299133 h 1104142"/>
                <a:gd name="connsiteX8-833" fmla="*/ 524329 w 1194702"/>
                <a:gd name="connsiteY8-834" fmla="*/ 116814 h 1104142"/>
                <a:gd name="connsiteX9-835" fmla="*/ 723478 w 1194702"/>
                <a:gd name="connsiteY9-836" fmla="*/ 116814 h 1104142"/>
                <a:gd name="connsiteX10-837" fmla="*/ 729087 w 1194702"/>
                <a:gd name="connsiteY10-838" fmla="*/ 299133 h 1104142"/>
                <a:gd name="connsiteX11-839" fmla="*/ 748722 w 1194702"/>
                <a:gd name="connsiteY11-840" fmla="*/ 296328 h 1104142"/>
                <a:gd name="connsiteX12-841" fmla="*/ 748722 w 1194702"/>
                <a:gd name="connsiteY12-842" fmla="*/ 80350 h 1104142"/>
                <a:gd name="connsiteX13-843" fmla="*/ 950675 w 1194702"/>
                <a:gd name="connsiteY13-844" fmla="*/ 80350 h 1104142"/>
                <a:gd name="connsiteX14-845" fmla="*/ 950675 w 1194702"/>
                <a:gd name="connsiteY14-846" fmla="*/ 290719 h 1104142"/>
                <a:gd name="connsiteX15-847" fmla="*/ 1001164 w 1194702"/>
                <a:gd name="connsiteY15-848" fmla="*/ 287914 h 1104142"/>
                <a:gd name="connsiteX16-849" fmla="*/ 1001164 w 1194702"/>
                <a:gd name="connsiteY16-850" fmla="*/ 164498 h 1104142"/>
                <a:gd name="connsiteX17-851" fmla="*/ 1147019 w 1194702"/>
                <a:gd name="connsiteY17-852" fmla="*/ 164498 h 1104142"/>
                <a:gd name="connsiteX18-853" fmla="*/ 1161043 w 1194702"/>
                <a:gd name="connsiteY18-854" fmla="*/ 489867 h 1104142"/>
                <a:gd name="connsiteX19-855" fmla="*/ 1189092 w 1194702"/>
                <a:gd name="connsiteY19-856" fmla="*/ 509501 h 1104142"/>
                <a:gd name="connsiteX20-857" fmla="*/ 1194702 w 1194702"/>
                <a:gd name="connsiteY20-858" fmla="*/ 848895 h 1104142"/>
                <a:gd name="connsiteX21-859" fmla="*/ 1020798 w 1194702"/>
                <a:gd name="connsiteY21-860" fmla="*/ 1053653 h 1104142"/>
                <a:gd name="connsiteX22-861" fmla="*/ 1020798 w 1194702"/>
                <a:gd name="connsiteY22-862" fmla="*/ 1095727 h 1104142"/>
                <a:gd name="connsiteX23-863" fmla="*/ 451402 w 1194702"/>
                <a:gd name="connsiteY23-864" fmla="*/ 1104142 h 1104142"/>
              </a:gdLst>
              <a:ahLst/>
              <a:cxnLst>
                <a:cxn ang="0">
                  <a:pos x="connsiteX0-1" y="connsiteY0-2"/>
                </a:cxn>
                <a:cxn ang="0">
                  <a:pos x="connsiteX1-3" y="connsiteY1-4"/>
                </a:cxn>
                <a:cxn ang="0">
                  <a:pos x="connsiteX2-5" y="connsiteY2-6"/>
                </a:cxn>
                <a:cxn ang="0">
                  <a:pos x="connsiteX3-7" y="connsiteY3-8"/>
                </a:cxn>
                <a:cxn ang="0">
                  <a:pos x="connsiteX4-9" y="connsiteY4-10"/>
                </a:cxn>
                <a:cxn ang="0">
                  <a:pos x="connsiteX5-11" y="connsiteY5-12"/>
                </a:cxn>
                <a:cxn ang="0">
                  <a:pos x="connsiteX6-13" y="connsiteY6-14"/>
                </a:cxn>
                <a:cxn ang="0">
                  <a:pos x="connsiteX7-15" y="connsiteY7-16"/>
                </a:cxn>
                <a:cxn ang="0">
                  <a:pos x="connsiteX8-17" y="connsiteY8-18"/>
                </a:cxn>
                <a:cxn ang="0">
                  <a:pos x="connsiteX9-19" y="connsiteY9-20"/>
                </a:cxn>
                <a:cxn ang="0">
                  <a:pos x="connsiteX10-21" y="connsiteY10-22"/>
                </a:cxn>
                <a:cxn ang="0">
                  <a:pos x="connsiteX11-23" y="connsiteY11-24"/>
                </a:cxn>
                <a:cxn ang="0">
                  <a:pos x="connsiteX12-25" y="connsiteY12-26"/>
                </a:cxn>
                <a:cxn ang="0">
                  <a:pos x="connsiteX13-27" y="connsiteY13-28"/>
                </a:cxn>
                <a:cxn ang="0">
                  <a:pos x="connsiteX14-29" y="connsiteY14-30"/>
                </a:cxn>
                <a:cxn ang="0">
                  <a:pos x="connsiteX15-31" y="connsiteY15-32"/>
                </a:cxn>
                <a:cxn ang="0">
                  <a:pos x="connsiteX16-33" y="connsiteY16-34"/>
                </a:cxn>
                <a:cxn ang="0">
                  <a:pos x="connsiteX17-35" y="connsiteY17-36"/>
                </a:cxn>
                <a:cxn ang="0">
                  <a:pos x="connsiteX18-37" y="connsiteY18-38"/>
                </a:cxn>
                <a:cxn ang="0">
                  <a:pos x="connsiteX19-39" y="connsiteY19-40"/>
                </a:cxn>
                <a:cxn ang="0">
                  <a:pos x="connsiteX20-41" y="connsiteY20-42"/>
                </a:cxn>
                <a:cxn ang="0">
                  <a:pos x="connsiteX21-43" y="connsiteY21-44"/>
                </a:cxn>
                <a:cxn ang="0">
                  <a:pos x="connsiteX22-45" y="connsiteY22-46"/>
                </a:cxn>
                <a:cxn ang="0">
                  <a:pos x="connsiteX23-47" y="connsiteY23-48"/>
                </a:cxn>
              </a:cxnLst>
              <a:rect l="l" t="t" r="r" b="b"/>
              <a:pathLst>
                <a:path w="1194702" h="1104142">
                  <a:moveTo>
                    <a:pt x="451402" y="1104142"/>
                  </a:moveTo>
                  <a:cubicBezTo>
                    <a:pt x="287783" y="958287"/>
                    <a:pt x="157821" y="733894"/>
                    <a:pt x="11031" y="548770"/>
                  </a:cubicBezTo>
                  <a:cubicBezTo>
                    <a:pt x="-46937" y="471168"/>
                    <a:pt x="139122" y="340272"/>
                    <a:pt x="207375" y="408525"/>
                  </a:cubicBezTo>
                  <a:lnTo>
                    <a:pt x="313961" y="517916"/>
                  </a:lnTo>
                  <a:lnTo>
                    <a:pt x="316766" y="164498"/>
                  </a:lnTo>
                  <a:cubicBezTo>
                    <a:pt x="312091" y="15838"/>
                    <a:pt x="500955" y="52301"/>
                    <a:pt x="496280" y="164498"/>
                  </a:cubicBezTo>
                  <a:lnTo>
                    <a:pt x="496280" y="299133"/>
                  </a:lnTo>
                  <a:lnTo>
                    <a:pt x="527134" y="299133"/>
                  </a:lnTo>
                  <a:lnTo>
                    <a:pt x="524329" y="116814"/>
                  </a:lnTo>
                  <a:cubicBezTo>
                    <a:pt x="523394" y="-31846"/>
                    <a:pt x="721608" y="-45870"/>
                    <a:pt x="723478" y="116814"/>
                  </a:cubicBezTo>
                  <a:lnTo>
                    <a:pt x="729087" y="299133"/>
                  </a:lnTo>
                  <a:lnTo>
                    <a:pt x="748722" y="296328"/>
                  </a:lnTo>
                  <a:lnTo>
                    <a:pt x="748722" y="80350"/>
                  </a:lnTo>
                  <a:cubicBezTo>
                    <a:pt x="745918" y="-12212"/>
                    <a:pt x="950675" y="-37456"/>
                    <a:pt x="950675" y="80350"/>
                  </a:cubicBezTo>
                  <a:lnTo>
                    <a:pt x="950675" y="290719"/>
                  </a:lnTo>
                  <a:lnTo>
                    <a:pt x="1001164" y="287914"/>
                  </a:lnTo>
                  <a:lnTo>
                    <a:pt x="1001164" y="164498"/>
                  </a:lnTo>
                  <a:cubicBezTo>
                    <a:pt x="1002098" y="85960"/>
                    <a:pt x="1143280" y="94375"/>
                    <a:pt x="1147019" y="164498"/>
                  </a:cubicBezTo>
                  <a:lnTo>
                    <a:pt x="1161043" y="489867"/>
                  </a:lnTo>
                  <a:lnTo>
                    <a:pt x="1189092" y="509501"/>
                  </a:lnTo>
                  <a:lnTo>
                    <a:pt x="1194702" y="848895"/>
                  </a:lnTo>
                  <a:cubicBezTo>
                    <a:pt x="1187223" y="950807"/>
                    <a:pt x="1087181" y="1010644"/>
                    <a:pt x="1020798" y="1053653"/>
                  </a:cubicBezTo>
                  <a:lnTo>
                    <a:pt x="1020798" y="1095727"/>
                  </a:lnTo>
                  <a:lnTo>
                    <a:pt x="451402" y="1104142"/>
                  </a:lnTo>
                  <a:close/>
                </a:path>
              </a:pathLst>
            </a:custGeom>
            <a:solidFill>
              <a:srgbClr val="F0A87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solidFill>
                  <a:prstClr val="white"/>
                </a:solidFill>
              </a:endParaRPr>
            </a:p>
          </p:txBody>
        </p:sp>
        <p:sp>
          <p:nvSpPr>
            <p:cNvPr id="108" name="矩形 107"/>
            <p:cNvSpPr/>
            <p:nvPr/>
          </p:nvSpPr>
          <p:spPr>
            <a:xfrm>
              <a:off x="5062859" y="6131529"/>
              <a:ext cx="718056" cy="15988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  <p:sp>
          <p:nvSpPr>
            <p:cNvPr id="109" name="矩形 108"/>
            <p:cNvSpPr/>
            <p:nvPr/>
          </p:nvSpPr>
          <p:spPr>
            <a:xfrm>
              <a:off x="5009566" y="6291408"/>
              <a:ext cx="835861" cy="2506970"/>
            </a:xfrm>
            <a:prstGeom prst="rect">
              <a:avLst/>
            </a:prstGeom>
            <a:solidFill>
              <a:schemeClr val="tx1">
                <a:lumMod val="65000"/>
                <a:lumOff val="35000"/>
              </a:schemeClr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</a14:hiddenLine>
              </a:ext>
            </a:extLst>
          </p:spPr>
          <p:txBody>
            <a:bodyPr vert="horz" wrap="square" lIns="91440" tIns="45720" rIns="91440" bIns="45720" numCol="1" anchor="t" anchorCtr="0" compatLnSpc="1"/>
            <a:lstStyle/>
            <a:p>
              <a:endParaRPr lang="zh-CN" altLang="en-US">
                <a:solidFill>
                  <a:prstClr val="black"/>
                </a:solidFill>
              </a:endParaRPr>
            </a:p>
          </p:txBody>
        </p:sp>
      </p:grpSp>
      <p:sp>
        <p:nvSpPr>
          <p:cNvPr id="110" name="文本框 109"/>
          <p:cNvSpPr txBox="1"/>
          <p:nvPr/>
        </p:nvSpPr>
        <p:spPr>
          <a:xfrm>
            <a:off x="2849603" y="2314262"/>
            <a:ext cx="1627369" cy="523220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800" b="1" dirty="0">
                <a:solidFill>
                  <a:srgbClr val="5895CB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添加标题</a:t>
            </a:r>
          </a:p>
        </p:txBody>
      </p:sp>
      <p:sp>
        <p:nvSpPr>
          <p:cNvPr id="111" name="文本框 110"/>
          <p:cNvSpPr txBox="1"/>
          <p:nvPr/>
        </p:nvSpPr>
        <p:spPr>
          <a:xfrm>
            <a:off x="4485076" y="3743121"/>
            <a:ext cx="2037737" cy="646331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3600" b="1" dirty="0">
                <a:solidFill>
                  <a:srgbClr val="00B6B4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添加标题</a:t>
            </a:r>
          </a:p>
        </p:txBody>
      </p:sp>
      <p:sp>
        <p:nvSpPr>
          <p:cNvPr id="112" name="文本框 111"/>
          <p:cNvSpPr txBox="1"/>
          <p:nvPr/>
        </p:nvSpPr>
        <p:spPr>
          <a:xfrm>
            <a:off x="6600915" y="2654235"/>
            <a:ext cx="1422184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E04548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添加标题</a:t>
            </a:r>
          </a:p>
        </p:txBody>
      </p:sp>
      <p:sp>
        <p:nvSpPr>
          <p:cNvPr id="113" name="文本框 112"/>
          <p:cNvSpPr txBox="1"/>
          <p:nvPr/>
        </p:nvSpPr>
        <p:spPr>
          <a:xfrm>
            <a:off x="8524223" y="2973062"/>
            <a:ext cx="958917" cy="461665"/>
          </a:xfrm>
          <a:prstGeom prst="rect">
            <a:avLst/>
          </a:prstGeom>
          <a:noFill/>
          <a:effectLst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solidFill>
                  <a:srgbClr val="FDB52D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标 题</a:t>
            </a:r>
          </a:p>
        </p:txBody>
      </p:sp>
      <p:sp>
        <p:nvSpPr>
          <p:cNvPr id="114" name="矩形 113"/>
          <p:cNvSpPr/>
          <p:nvPr/>
        </p:nvSpPr>
        <p:spPr>
          <a:xfrm>
            <a:off x="-805368" y="3765441"/>
            <a:ext cx="622490" cy="1112062"/>
          </a:xfrm>
          <a:prstGeom prst="rect">
            <a:avLst/>
          </a:prstGeom>
          <a:solidFill>
            <a:srgbClr val="12B19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15" name="矩形 114"/>
          <p:cNvSpPr/>
          <p:nvPr/>
        </p:nvSpPr>
        <p:spPr>
          <a:xfrm>
            <a:off x="-805368" y="4877503"/>
            <a:ext cx="622490" cy="1112062"/>
          </a:xfrm>
          <a:prstGeom prst="rect">
            <a:avLst/>
          </a:prstGeom>
          <a:solidFill>
            <a:srgbClr val="288D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16" name="矩形 115"/>
          <p:cNvSpPr/>
          <p:nvPr/>
        </p:nvSpPr>
        <p:spPr>
          <a:xfrm>
            <a:off x="-805368" y="2698237"/>
            <a:ext cx="622490" cy="1112062"/>
          </a:xfrm>
          <a:prstGeom prst="rect">
            <a:avLst/>
          </a:prstGeom>
          <a:solidFill>
            <a:srgbClr val="E0454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117" name="矩形 116"/>
          <p:cNvSpPr/>
          <p:nvPr/>
        </p:nvSpPr>
        <p:spPr>
          <a:xfrm>
            <a:off x="-805368" y="1753357"/>
            <a:ext cx="622490" cy="1112062"/>
          </a:xfrm>
          <a:prstGeom prst="rect">
            <a:avLst/>
          </a:prstGeom>
          <a:solidFill>
            <a:srgbClr val="FDB52D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</p:spTree>
  </p:cSld>
  <p:clrMapOvr>
    <a:masterClrMapping/>
  </p:clrMapOvr>
  <mc:AlternateContent xmlns:mc="http://schemas.openxmlformats.org/markup-compatibility/2006" xmlns:p15="http://schemas.microsoft.com/office/powerpoint/2012/main">
    <mc:Choice Requires="p15">
      <p:transition xmlns:p14="http://schemas.microsoft.com/office/powerpoint/2010/main" spd="slow" p14:dur="1250" advClick="0" advTm="0">
        <p15:prstTrans prst="pageCurlDouble"/>
      </p:transition>
    </mc:Choice>
    <mc:Fallback xmlns="">
      <p:transition spd="slow" advClick="0" advTm="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decel="253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750" fill="hold"/>
                                        <p:tgtEl>
                                          <p:spTgt spid="10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750" fill="hold"/>
                                        <p:tgtEl>
                                          <p:spTgt spid="10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decel="253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75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75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decel="253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750" fill="hold"/>
                                        <p:tgtEl>
                                          <p:spTgt spid="9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750" fill="hold"/>
                                        <p:tgtEl>
                                          <p:spTgt spid="9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decel="2530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750" fill="hold"/>
                                        <p:tgtEl>
                                          <p:spTgt spid="10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750" fill="hold"/>
                                        <p:tgtEl>
                                          <p:spTgt spid="10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53" presetClass="entr" presetSubtype="16" fill="hold" grpId="0" nodeType="withEffect">
                                  <p:stCondLst>
                                    <p:cond delay="75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3" dur="2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20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5" dur="2000"/>
                                        <p:tgtEl>
                                          <p:spTgt spid="8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8" presetClass="emph" presetSubtype="0" fill="hold" grpId="1" nodeType="withEffect">
                                  <p:stCondLst>
                                    <p:cond delay="750"/>
                                  </p:stCondLst>
                                  <p:childTnLst>
                                    <p:animRot by="21600000">
                                      <p:cBhvr>
                                        <p:cTn id="27" dur="6500" fill="hold"/>
                                        <p:tgtEl>
                                          <p:spTgt spid="8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28" presetID="53" presetClass="entr" presetSubtype="16" fill="hold" grpId="0" nodeType="with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0" dur="20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20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2" dur="2000"/>
                                        <p:tgtEl>
                                          <p:spTgt spid="9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8" presetClass="emph" presetSubtype="0" fill="hold" grpId="1" nodeType="withEffect">
                                  <p:stCondLst>
                                    <p:cond delay="1000"/>
                                  </p:stCondLst>
                                  <p:childTnLst>
                                    <p:animRot by="21600000">
                                      <p:cBhvr>
                                        <p:cTn id="34" dur="6500" fill="hold"/>
                                        <p:tgtEl>
                                          <p:spTgt spid="92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35" presetID="53" presetClass="entr" presetSubtype="16" fill="hold" grpId="0" nodeType="withEffect">
                                  <p:stCondLst>
                                    <p:cond delay="125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20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20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9" dur="2000"/>
                                        <p:tgtEl>
                                          <p:spTgt spid="8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8" presetClass="emph" presetSubtype="0" fill="hold" grpId="1" nodeType="withEffect">
                                  <p:stCondLst>
                                    <p:cond delay="1250"/>
                                  </p:stCondLst>
                                  <p:childTnLst>
                                    <p:animRot by="21600000">
                                      <p:cBhvr>
                                        <p:cTn id="41" dur="6500" fill="hold"/>
                                        <p:tgtEl>
                                          <p:spTgt spid="87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42" presetID="53" presetClass="entr" presetSubtype="16" fill="hold" grpId="0" nodeType="withEffect">
                                  <p:stCondLst>
                                    <p:cond delay="150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2000" fill="hold"/>
                                        <p:tgtEl>
                                          <p:spTgt spid="10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2000" fill="hold"/>
                                        <p:tgtEl>
                                          <p:spTgt spid="10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2000"/>
                                        <p:tgtEl>
                                          <p:spTgt spid="10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7" presetID="8" presetClass="emph" presetSubtype="0" fill="hold" grpId="1" nodeType="withEffect">
                                  <p:stCondLst>
                                    <p:cond delay="1500"/>
                                  </p:stCondLst>
                                  <p:childTnLst>
                                    <p:animRot by="21600000">
                                      <p:cBhvr>
                                        <p:cTn id="48" dur="6500" fill="hold"/>
                                        <p:tgtEl>
                                          <p:spTgt spid="101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49" presetID="10" presetClass="entr" presetSubtype="0" fill="hold" grpId="0" nodeType="withEffect">
                                  <p:stCondLst>
                                    <p:cond delay="350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500"/>
                                        <p:tgtEl>
                                          <p:spTgt spid="1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2" presetID="10" presetClass="entr" presetSubtype="0" fill="hold" grpId="0" nodeType="withEffect">
                                  <p:stCondLst>
                                    <p:cond delay="375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5" presetID="10" presetClass="entr" presetSubtype="0" fill="hold" grpId="0" nodeType="withEffect">
                                  <p:stCondLst>
                                    <p:cond delay="400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7" dur="500"/>
                                        <p:tgtEl>
                                          <p:spTgt spid="1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8" presetID="10" presetClass="entr" presetSubtype="0" fill="hold" grpId="0" nodeType="withEffect">
                                  <p:stCondLst>
                                    <p:cond delay="425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500"/>
                                        <p:tgtEl>
                                          <p:spTgt spid="1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6" grpId="0" animBg="1"/>
      <p:bldP spid="86" grpId="1" animBg="1"/>
      <p:bldP spid="87" grpId="0" animBg="1"/>
      <p:bldP spid="87" grpId="1" animBg="1"/>
      <p:bldP spid="92" grpId="0" animBg="1"/>
      <p:bldP spid="92" grpId="1" animBg="1"/>
      <p:bldP spid="101" grpId="0" animBg="1"/>
      <p:bldP spid="101" grpId="1" animBg="1"/>
      <p:bldP spid="110" grpId="0"/>
      <p:bldP spid="111" grpId="0"/>
      <p:bldP spid="112" grpId="0"/>
      <p:bldP spid="113" grpId="0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rgbClr val="00B6B4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图片 1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 rot="206195" flipV="1">
            <a:off x="1006081" y="1449772"/>
            <a:ext cx="5561307" cy="5571406"/>
          </a:xfrm>
          <a:prstGeom prst="rect">
            <a:avLst/>
          </a:prstGeom>
        </p:spPr>
      </p:pic>
      <p:sp>
        <p:nvSpPr>
          <p:cNvPr id="56" name="文本框 55"/>
          <p:cNvSpPr txBox="1"/>
          <p:nvPr/>
        </p:nvSpPr>
        <p:spPr>
          <a:xfrm>
            <a:off x="8268369" y="1040219"/>
            <a:ext cx="2157963" cy="264687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altLang="zh-CN" sz="16600" b="1" dirty="0">
                <a:solidFill>
                  <a:srgbClr val="FFFFFF"/>
                </a:solidFill>
                <a:latin typeface="Agency FB" panose="020B0503020202020204" pitchFamily="34" charset="0"/>
                <a:ea typeface="微软雅黑" panose="020B0503020204020204" pitchFamily="34" charset="-122"/>
              </a:rPr>
              <a:t>02</a:t>
            </a:r>
            <a:endParaRPr lang="zh-CN" altLang="en-US" sz="16600" b="1" dirty="0">
              <a:solidFill>
                <a:srgbClr val="FFFFFF"/>
              </a:solidFill>
              <a:latin typeface="Agency FB" panose="020B0503020202020204" pitchFamily="34" charset="0"/>
              <a:ea typeface="微软雅黑" panose="020B0503020204020204" pitchFamily="34" charset="-122"/>
            </a:endParaRPr>
          </a:p>
        </p:txBody>
      </p:sp>
      <p:sp>
        <p:nvSpPr>
          <p:cNvPr id="57" name="文本框 56"/>
          <p:cNvSpPr txBox="1"/>
          <p:nvPr/>
        </p:nvSpPr>
        <p:spPr>
          <a:xfrm>
            <a:off x="7348906" y="4105138"/>
            <a:ext cx="3890809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zh-CN" altLang="en-US" sz="7200" b="1" dirty="0">
                <a:solidFill>
                  <a:srgbClr val="FFFFFF"/>
                </a:solidFill>
                <a:latin typeface="幼圆" panose="02010509060101010101" pitchFamily="49" charset="-122"/>
                <a:ea typeface="幼圆" panose="02010509060101010101" pitchFamily="49" charset="-122"/>
              </a:rPr>
              <a:t>教学过程</a:t>
            </a:r>
          </a:p>
        </p:txBody>
      </p:sp>
      <p:cxnSp>
        <p:nvCxnSpPr>
          <p:cNvPr id="58" name="直接连接符 57" descr="e7d195523061f1c0deeec63e560781cfd59afb0ea006f2a87ABB68BF51EA6619813959095094C18C62A12F549504892A4AAA8C1554C6663626E05CA27F281A14E6983772AFC3FB97135759321DEA3D7047B2D20B121D4E05A6D0F227958A32026FEBB3ABD36322023181A2FF8EA235E789B1C6FF9A70CDD2C90B48B40EB7806F7806DF616AB3CE63"/>
          <p:cNvCxnSpPr/>
          <p:nvPr/>
        </p:nvCxnSpPr>
        <p:spPr>
          <a:xfrm rot="5400000">
            <a:off x="9295279" y="1753203"/>
            <a:ext cx="0" cy="3960000"/>
          </a:xfrm>
          <a:prstGeom prst="line">
            <a:avLst/>
          </a:prstGeom>
          <a:ln>
            <a:solidFill>
              <a:srgbClr val="FFFFFF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1600" advClick="0" advTm="0">
        <p:blinds dir="vert"/>
      </p:transition>
    </mc:Choice>
    <mc:Fallback xmlns="">
      <p:transition spd="slow" advClick="0" advTm="0">
        <p:blinds dir="vert"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2" dur="5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3" dur="50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4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5" dur="10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6"/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100"/>
                            </p:stCondLst>
                            <p:childTnLst>
                              <p:par>
                                <p:cTn id="17" presetID="16" presetClass="entr" presetSubtype="37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outVertical)">
                                      <p:cBhvr>
                                        <p:cTn id="19" dur="500"/>
                                        <p:tgtEl>
                                          <p:spTgt spid="5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1600"/>
                            </p:stCondLst>
                            <p:childTnLst>
                              <p:par>
                                <p:cTn id="21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5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900" decel="100000" fill="hold"/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5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6" grpId="0"/>
      <p:bldP spid="57" grpId="0"/>
    </p:bldLst>
  </p:timing>
</p:sld>
</file>

<file path=ppt/theme/theme1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主题​​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等线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等线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1583</Words>
  <Application>Microsoft Office PowerPoint</Application>
  <PresentationFormat>宽屏</PresentationFormat>
  <Paragraphs>271</Paragraphs>
  <Slides>25</Slides>
  <Notes>25</Notes>
  <HiddenSlides>0</HiddenSlides>
  <MMClips>0</MMClips>
  <ScaleCrop>false</ScaleCrop>
  <HeadingPairs>
    <vt:vector size="6" baseType="variant">
      <vt:variant>
        <vt:lpstr>已用的字体</vt:lpstr>
      </vt:variant>
      <vt:variant>
        <vt:i4>10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25</vt:i4>
      </vt:variant>
    </vt:vector>
  </HeadingPairs>
  <TitlesOfParts>
    <vt:vector size="36" baseType="lpstr">
      <vt:lpstr>等线</vt:lpstr>
      <vt:lpstr>等线 Light</vt:lpstr>
      <vt:lpstr>微软雅黑</vt:lpstr>
      <vt:lpstr>微软雅黑 Light</vt:lpstr>
      <vt:lpstr>幼圆</vt:lpstr>
      <vt:lpstr>Agency FB</vt:lpstr>
      <vt:lpstr>Arial</vt:lpstr>
      <vt:lpstr>Calibri</vt:lpstr>
      <vt:lpstr>Franklin Gothic Demi</vt:lpstr>
      <vt:lpstr>Impact</vt:lpstr>
      <vt:lpstr>Office 主题​​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Company>Microsoft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演示文稿</dc:title>
  <dc:creator/>
  <cp:lastModifiedBy>天 下</cp:lastModifiedBy>
  <cp:revision>65</cp:revision>
  <dcterms:created xsi:type="dcterms:W3CDTF">2017-05-02T09:54:00Z</dcterms:created>
  <dcterms:modified xsi:type="dcterms:W3CDTF">2021-01-05T11:19:0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KSOProductBuildVer">
    <vt:lpwstr>2052-11.1.0.9740</vt:lpwstr>
  </property>
</Properties>
</file>